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26" l="1"/>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2"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
      <sz val="11"/>
      <color theme="0"/>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72">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79" fontId="11" fillId="0" borderId="100" xfId="0" applyNumberFormat="1" applyFont="1" applyBorder="1" applyAlignment="1">
      <alignment shrinkToFit="1"/>
    </xf>
    <xf numFmtId="179" fontId="11" fillId="0" borderId="101" xfId="0" applyNumberFormat="1" applyFont="1" applyBorder="1" applyAlignment="1">
      <alignment shrinkToFit="1"/>
    </xf>
    <xf numFmtId="179" fontId="11" fillId="0" borderId="102" xfId="0" applyNumberFormat="1" applyFont="1" applyBorder="1" applyAlignment="1">
      <alignment shrinkToFit="1"/>
    </xf>
    <xf numFmtId="179" fontId="11" fillId="0" borderId="103" xfId="0" applyNumberFormat="1" applyFont="1" applyBorder="1" applyAlignment="1">
      <alignment shrinkToFit="1"/>
    </xf>
    <xf numFmtId="179" fontId="11" fillId="0" borderId="104" xfId="0" applyNumberFormat="1" applyFont="1" applyBorder="1" applyAlignment="1">
      <alignment shrinkToFit="1"/>
    </xf>
    <xf numFmtId="179" fontId="11" fillId="0" borderId="105" xfId="0" applyNumberFormat="1" applyFont="1" applyBorder="1" applyAlignment="1">
      <alignment shrinkToFit="1"/>
    </xf>
    <xf numFmtId="179" fontId="11" fillId="0" borderId="106" xfId="0" applyNumberFormat="1" applyFont="1" applyBorder="1" applyAlignment="1">
      <alignment shrinkToFit="1"/>
    </xf>
    <xf numFmtId="179" fontId="11" fillId="0" borderId="107" xfId="0" applyNumberFormat="1" applyFont="1" applyBorder="1" applyAlignment="1">
      <alignment shrinkToFit="1"/>
    </xf>
    <xf numFmtId="179" fontId="11" fillId="0" borderId="70" xfId="0" applyNumberFormat="1" applyFont="1" applyBorder="1" applyAlignment="1">
      <alignment shrinkToFit="1"/>
    </xf>
    <xf numFmtId="179" fontId="11" fillId="0" borderId="108" xfId="0" applyNumberFormat="1" applyFont="1" applyBorder="1" applyAlignment="1">
      <alignment shrinkToFit="1"/>
    </xf>
    <xf numFmtId="179" fontId="11" fillId="0" borderId="109" xfId="0" applyNumberFormat="1" applyFont="1" applyBorder="1" applyAlignment="1">
      <alignment shrinkToFit="1"/>
    </xf>
    <xf numFmtId="179" fontId="11" fillId="0" borderId="105" xfId="0" applyNumberFormat="1" applyFont="1" applyBorder="1"/>
    <xf numFmtId="179" fontId="11" fillId="0" borderId="106" xfId="0" applyNumberFormat="1" applyFont="1" applyBorder="1"/>
    <xf numFmtId="179" fontId="11" fillId="0" borderId="107" xfId="0" applyNumberFormat="1" applyFont="1" applyBorder="1"/>
    <xf numFmtId="179" fontId="11" fillId="0" borderId="70" xfId="0" applyNumberFormat="1" applyFont="1" applyBorder="1"/>
    <xf numFmtId="179" fontId="11" fillId="0" borderId="108" xfId="0" applyNumberFormat="1" applyFont="1" applyBorder="1"/>
    <xf numFmtId="179" fontId="11" fillId="0" borderId="109" xfId="0" applyNumberFormat="1" applyFont="1" applyBorder="1"/>
    <xf numFmtId="179" fontId="11" fillId="0" borderId="110" xfId="0" applyNumberFormat="1" applyFont="1" applyBorder="1"/>
    <xf numFmtId="179" fontId="11" fillId="0" borderId="111" xfId="0" applyNumberFormat="1" applyFont="1" applyBorder="1"/>
    <xf numFmtId="179" fontId="11" fillId="0" borderId="112" xfId="0" applyNumberFormat="1" applyFont="1" applyBorder="1"/>
    <xf numFmtId="179" fontId="11" fillId="0" borderId="79" xfId="0" applyNumberFormat="1" applyFont="1" applyBorder="1"/>
    <xf numFmtId="179" fontId="11" fillId="0" borderId="113" xfId="0" applyNumberFormat="1" applyFont="1" applyBorder="1"/>
    <xf numFmtId="179" fontId="11" fillId="0" borderId="114" xfId="0" applyNumberFormat="1" applyFont="1" applyBorder="1"/>
    <xf numFmtId="179" fontId="11" fillId="0" borderId="62" xfId="0" applyNumberFormat="1" applyFont="1" applyBorder="1" applyAlignment="1">
      <alignment shrinkToFit="1"/>
    </xf>
    <xf numFmtId="179" fontId="11" fillId="0" borderId="68" xfId="0" applyNumberFormat="1" applyFont="1" applyBorder="1" applyAlignment="1">
      <alignment shrinkToFit="1"/>
    </xf>
    <xf numFmtId="179" fontId="11" fillId="0" borderId="68" xfId="0" applyNumberFormat="1" applyFont="1" applyBorder="1"/>
    <xf numFmtId="179" fontId="11" fillId="0" borderId="77" xfId="0" applyNumberFormat="1" applyFont="1" applyBorder="1"/>
    <xf numFmtId="180" fontId="11" fillId="0" borderId="62" xfId="0" applyNumberFormat="1" applyFont="1" applyBorder="1" applyAlignment="1">
      <alignment shrinkToFit="1"/>
    </xf>
    <xf numFmtId="180" fontId="11" fillId="0" borderId="68" xfId="0" applyNumberFormat="1" applyFont="1" applyBorder="1" applyAlignment="1">
      <alignment shrinkToFit="1"/>
    </xf>
    <xf numFmtId="180" fontId="11" fillId="0" borderId="68" xfId="0" applyNumberFormat="1" applyFont="1" applyBorder="1"/>
    <xf numFmtId="180" fontId="11" fillId="0" borderId="77" xfId="0" applyNumberFormat="1" applyFont="1" applyBorder="1"/>
    <xf numFmtId="180" fontId="11" fillId="0" borderId="60" xfId="1" applyNumberFormat="1" applyFont="1" applyFill="1" applyBorder="1" applyAlignment="1">
      <alignment vertical="center" shrinkToFit="1"/>
    </xf>
    <xf numFmtId="180" fontId="11" fillId="0" borderId="68" xfId="1" applyNumberFormat="1" applyFont="1" applyFill="1" applyBorder="1" applyAlignment="1">
      <alignment vertical="center" shrinkToFit="1"/>
    </xf>
    <xf numFmtId="180" fontId="11" fillId="0" borderId="68" xfId="1" applyNumberFormat="1" applyFont="1" applyFill="1" applyBorder="1" applyAlignment="1">
      <alignment vertical="center"/>
    </xf>
    <xf numFmtId="180" fontId="11" fillId="0" borderId="77" xfId="1" applyNumberFormat="1" applyFont="1" applyFill="1" applyBorder="1" applyAlignment="1">
      <alignment vertical="center"/>
    </xf>
    <xf numFmtId="180" fontId="11" fillId="0" borderId="63" xfId="1" applyNumberFormat="1" applyFont="1" applyFill="1" applyBorder="1" applyAlignment="1">
      <alignment vertical="center" shrinkToFit="1"/>
    </xf>
    <xf numFmtId="180" fontId="11" fillId="0" borderId="70" xfId="1" applyNumberFormat="1" applyFont="1" applyFill="1" applyBorder="1" applyAlignment="1">
      <alignment vertical="center" shrinkToFit="1"/>
    </xf>
    <xf numFmtId="180" fontId="11" fillId="0" borderId="70" xfId="1" applyNumberFormat="1" applyFont="1" applyFill="1" applyBorder="1" applyAlignment="1">
      <alignment vertical="center"/>
    </xf>
    <xf numFmtId="180" fontId="11" fillId="0" borderId="79" xfId="1" applyNumberFormat="1" applyFont="1" applyFill="1" applyBorder="1" applyAlignment="1">
      <alignment vertical="center"/>
    </xf>
    <xf numFmtId="180" fontId="11" fillId="0" borderId="60" xfId="1" applyNumberFormat="1" applyFont="1" applyBorder="1" applyAlignment="1">
      <alignment vertical="center" shrinkToFit="1"/>
    </xf>
    <xf numFmtId="180" fontId="11" fillId="0" borderId="68" xfId="1" applyNumberFormat="1" applyFont="1" applyBorder="1" applyAlignment="1">
      <alignment vertical="center" shrinkToFit="1"/>
    </xf>
    <xf numFmtId="180" fontId="11" fillId="0" borderId="68" xfId="1" applyNumberFormat="1" applyFont="1" applyBorder="1" applyAlignment="1">
      <alignment vertical="center"/>
    </xf>
    <xf numFmtId="180" fontId="11" fillId="0" borderId="77" xfId="1" applyNumberFormat="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182" fontId="2" fillId="0" borderId="0" xfId="0" applyNumberFormat="1" applyFont="1" applyBorder="1" applyAlignment="1">
      <alignment horizontal="left"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122"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16" t="s">
        <v>0</v>
      </c>
      <c r="F1" s="516"/>
      <c r="G1" s="516"/>
      <c r="H1" s="516"/>
      <c r="I1" s="2"/>
      <c r="J1" s="2"/>
      <c r="K1" s="2"/>
      <c r="L1" s="2"/>
    </row>
    <row r="2" spans="1:13" ht="24" customHeight="1" x14ac:dyDescent="0.2">
      <c r="A2" s="2"/>
      <c r="B2" s="2"/>
      <c r="C2" s="2"/>
      <c r="D2" s="2"/>
      <c r="E2" s="2"/>
      <c r="F2" s="338">
        <v>6</v>
      </c>
      <c r="G2" s="233">
        <v>1</v>
      </c>
      <c r="H2" s="2"/>
      <c r="I2" s="2"/>
      <c r="J2" s="2"/>
      <c r="K2" s="2"/>
      <c r="L2" s="2"/>
      <c r="M2" s="2"/>
    </row>
    <row r="3" spans="1:13" ht="24" customHeight="1" x14ac:dyDescent="0.2"/>
    <row r="4" spans="1:13" ht="20.25" customHeight="1" x14ac:dyDescent="0.2">
      <c r="D4" s="3"/>
      <c r="E4" s="4" t="s">
        <v>1</v>
      </c>
      <c r="F4" s="3"/>
      <c r="H4" s="240">
        <f>G2</f>
        <v>1</v>
      </c>
    </row>
    <row r="5" spans="1:13" ht="10.5" customHeight="1" thickBot="1" x14ac:dyDescent="0.25">
      <c r="E5" s="5"/>
    </row>
    <row r="6" spans="1:13" ht="21" customHeight="1" x14ac:dyDescent="0.2">
      <c r="E6" s="318"/>
      <c r="F6" s="517" t="s">
        <v>2</v>
      </c>
      <c r="G6" s="518"/>
      <c r="H6" s="518"/>
      <c r="I6" s="519"/>
    </row>
    <row r="7" spans="1:13" ht="21" customHeight="1" x14ac:dyDescent="0.2">
      <c r="E7" s="7"/>
      <c r="F7" s="8"/>
      <c r="G7" s="9" t="s">
        <v>3</v>
      </c>
      <c r="H7" s="320" t="s">
        <v>148</v>
      </c>
      <c r="I7" s="321" t="s">
        <v>147</v>
      </c>
    </row>
    <row r="8" spans="1:13" ht="21" customHeight="1" x14ac:dyDescent="0.2">
      <c r="E8" s="470" t="s">
        <v>4</v>
      </c>
      <c r="F8" s="345">
        <v>2350827</v>
      </c>
      <c r="G8" s="345">
        <v>1012496</v>
      </c>
      <c r="H8" s="345">
        <v>927960</v>
      </c>
      <c r="I8" s="346">
        <v>410371</v>
      </c>
    </row>
    <row r="9" spans="1:13" ht="21" customHeight="1" x14ac:dyDescent="0.2">
      <c r="E9" s="471" t="s">
        <v>5</v>
      </c>
      <c r="F9" s="347">
        <v>938795</v>
      </c>
      <c r="G9" s="347">
        <v>403507</v>
      </c>
      <c r="H9" s="347">
        <v>365362</v>
      </c>
      <c r="I9" s="348">
        <v>169926</v>
      </c>
    </row>
    <row r="10" spans="1:13" ht="21" customHeight="1" x14ac:dyDescent="0.2">
      <c r="E10" s="471" t="s">
        <v>6</v>
      </c>
      <c r="F10" s="347">
        <v>309398</v>
      </c>
      <c r="G10" s="347">
        <v>139554</v>
      </c>
      <c r="H10" s="347">
        <v>116338</v>
      </c>
      <c r="I10" s="348">
        <v>53506</v>
      </c>
    </row>
    <row r="11" spans="1:13" ht="21" customHeight="1" x14ac:dyDescent="0.2">
      <c r="E11" s="471" t="s">
        <v>14</v>
      </c>
      <c r="F11" s="347">
        <v>188864</v>
      </c>
      <c r="G11" s="347">
        <v>82158</v>
      </c>
      <c r="H11" s="347">
        <v>77000</v>
      </c>
      <c r="I11" s="348">
        <v>29706</v>
      </c>
    </row>
    <row r="12" spans="1:13" ht="21" customHeight="1" x14ac:dyDescent="0.2">
      <c r="E12" s="471" t="s">
        <v>7</v>
      </c>
      <c r="F12" s="347">
        <v>125003</v>
      </c>
      <c r="G12" s="347">
        <v>50855</v>
      </c>
      <c r="H12" s="347">
        <v>51312</v>
      </c>
      <c r="I12" s="348">
        <v>22836</v>
      </c>
    </row>
    <row r="13" spans="1:13" ht="21" customHeight="1" x14ac:dyDescent="0.2">
      <c r="E13" s="471" t="s">
        <v>8</v>
      </c>
      <c r="F13" s="347">
        <v>73805</v>
      </c>
      <c r="G13" s="347">
        <v>32350</v>
      </c>
      <c r="H13" s="347">
        <v>29384</v>
      </c>
      <c r="I13" s="348">
        <v>12071</v>
      </c>
    </row>
    <row r="14" spans="1:13" ht="21" customHeight="1" x14ac:dyDescent="0.2">
      <c r="E14" s="471" t="s">
        <v>9</v>
      </c>
      <c r="F14" s="347">
        <v>53497</v>
      </c>
      <c r="G14" s="347">
        <v>20021</v>
      </c>
      <c r="H14" s="347">
        <v>21536</v>
      </c>
      <c r="I14" s="348">
        <v>11940</v>
      </c>
    </row>
    <row r="15" spans="1:13" ht="21" customHeight="1" x14ac:dyDescent="0.2">
      <c r="E15" s="471" t="s">
        <v>10</v>
      </c>
      <c r="F15" s="347">
        <v>108861</v>
      </c>
      <c r="G15" s="347">
        <v>45824</v>
      </c>
      <c r="H15" s="347">
        <v>43305</v>
      </c>
      <c r="I15" s="348">
        <v>19732</v>
      </c>
    </row>
    <row r="16" spans="1:13" ht="21" customHeight="1" x14ac:dyDescent="0.2">
      <c r="E16" s="471" t="s">
        <v>11</v>
      </c>
      <c r="F16" s="347">
        <v>57493</v>
      </c>
      <c r="G16" s="347">
        <v>24935</v>
      </c>
      <c r="H16" s="347">
        <v>22307</v>
      </c>
      <c r="I16" s="348">
        <v>10251</v>
      </c>
    </row>
    <row r="17" spans="5:13" ht="21" customHeight="1" x14ac:dyDescent="0.2">
      <c r="E17" s="471" t="s">
        <v>12</v>
      </c>
      <c r="F17" s="347">
        <v>66078</v>
      </c>
      <c r="G17" s="347">
        <v>27834</v>
      </c>
      <c r="H17" s="347">
        <v>26245</v>
      </c>
      <c r="I17" s="348">
        <v>11999</v>
      </c>
    </row>
    <row r="18" spans="5:13" ht="21" customHeight="1" x14ac:dyDescent="0.2">
      <c r="E18" s="471" t="s">
        <v>13</v>
      </c>
      <c r="F18" s="347">
        <v>18495</v>
      </c>
      <c r="G18" s="347">
        <v>6907</v>
      </c>
      <c r="H18" s="347">
        <v>7496</v>
      </c>
      <c r="I18" s="348">
        <v>4092</v>
      </c>
      <c r="M18" s="1" t="s">
        <v>87</v>
      </c>
    </row>
    <row r="19" spans="5:13" ht="21" customHeight="1" x14ac:dyDescent="0.2">
      <c r="E19" s="471" t="s">
        <v>15</v>
      </c>
      <c r="F19" s="347">
        <v>16043</v>
      </c>
      <c r="G19" s="347">
        <v>6874</v>
      </c>
      <c r="H19" s="347">
        <v>6298</v>
      </c>
      <c r="I19" s="348">
        <v>2871</v>
      </c>
    </row>
    <row r="20" spans="5:13" ht="21" customHeight="1" x14ac:dyDescent="0.2">
      <c r="E20" s="471" t="s">
        <v>16</v>
      </c>
      <c r="F20" s="347">
        <v>49591</v>
      </c>
      <c r="G20" s="347">
        <v>22438</v>
      </c>
      <c r="H20" s="347">
        <v>19997</v>
      </c>
      <c r="I20" s="348">
        <v>7156</v>
      </c>
    </row>
    <row r="21" spans="5:13" ht="21" customHeight="1" x14ac:dyDescent="0.2">
      <c r="E21" s="471" t="s">
        <v>17</v>
      </c>
      <c r="F21" s="347">
        <v>58930</v>
      </c>
      <c r="G21" s="347">
        <v>26430</v>
      </c>
      <c r="H21" s="347">
        <v>24045</v>
      </c>
      <c r="I21" s="348">
        <v>8455</v>
      </c>
    </row>
    <row r="22" spans="5:13" ht="21" customHeight="1" x14ac:dyDescent="0.2">
      <c r="E22" s="471" t="s">
        <v>18</v>
      </c>
      <c r="F22" s="347">
        <v>58421</v>
      </c>
      <c r="G22" s="347">
        <v>25223</v>
      </c>
      <c r="H22" s="347">
        <v>23954</v>
      </c>
      <c r="I22" s="348">
        <v>9244</v>
      </c>
    </row>
    <row r="23" spans="5:13" ht="21" customHeight="1" x14ac:dyDescent="0.2">
      <c r="E23" s="471" t="s">
        <v>19</v>
      </c>
      <c r="F23" s="347">
        <v>26753</v>
      </c>
      <c r="G23" s="347">
        <v>11621</v>
      </c>
      <c r="H23" s="347">
        <v>10895</v>
      </c>
      <c r="I23" s="348">
        <v>4237</v>
      </c>
    </row>
    <row r="24" spans="5:13" ht="21" customHeight="1" x14ac:dyDescent="0.2">
      <c r="E24" s="471" t="s">
        <v>20</v>
      </c>
      <c r="F24" s="347">
        <v>34257</v>
      </c>
      <c r="G24" s="347">
        <v>15125</v>
      </c>
      <c r="H24" s="347">
        <v>14062</v>
      </c>
      <c r="I24" s="348">
        <v>5070</v>
      </c>
    </row>
    <row r="25" spans="5:13" ht="21" customHeight="1" x14ac:dyDescent="0.2">
      <c r="E25" s="471" t="s">
        <v>21</v>
      </c>
      <c r="F25" s="347">
        <v>34513</v>
      </c>
      <c r="G25" s="347">
        <v>15197</v>
      </c>
      <c r="H25" s="347">
        <v>14010</v>
      </c>
      <c r="I25" s="348">
        <v>5306</v>
      </c>
    </row>
    <row r="26" spans="5:13" ht="21" customHeight="1" x14ac:dyDescent="0.2">
      <c r="E26" s="471" t="s">
        <v>22</v>
      </c>
      <c r="F26" s="347">
        <v>13650</v>
      </c>
      <c r="G26" s="347">
        <v>5629</v>
      </c>
      <c r="H26" s="347">
        <v>5577</v>
      </c>
      <c r="I26" s="348">
        <v>2444</v>
      </c>
    </row>
    <row r="27" spans="5:13" ht="21" customHeight="1" x14ac:dyDescent="0.2">
      <c r="E27" s="471" t="s">
        <v>23</v>
      </c>
      <c r="F27" s="347">
        <v>22727</v>
      </c>
      <c r="G27" s="347">
        <v>9253</v>
      </c>
      <c r="H27" s="347">
        <v>10106</v>
      </c>
      <c r="I27" s="348">
        <v>3368</v>
      </c>
    </row>
    <row r="28" spans="5:13" ht="21" customHeight="1" x14ac:dyDescent="0.2">
      <c r="E28" s="471" t="s">
        <v>24</v>
      </c>
      <c r="F28" s="347">
        <v>10128</v>
      </c>
      <c r="G28" s="347">
        <v>3753</v>
      </c>
      <c r="H28" s="347">
        <v>4275</v>
      </c>
      <c r="I28" s="348">
        <v>2100</v>
      </c>
    </row>
    <row r="29" spans="5:13" ht="21" customHeight="1" x14ac:dyDescent="0.2">
      <c r="E29" s="471" t="s">
        <v>25</v>
      </c>
      <c r="F29" s="347">
        <v>13496</v>
      </c>
      <c r="G29" s="347">
        <v>6116</v>
      </c>
      <c r="H29" s="347">
        <v>5487</v>
      </c>
      <c r="I29" s="348">
        <v>1893</v>
      </c>
    </row>
    <row r="30" spans="5:13" ht="21" customHeight="1" x14ac:dyDescent="0.2">
      <c r="E30" s="471" t="s">
        <v>26</v>
      </c>
      <c r="F30" s="347">
        <v>11100</v>
      </c>
      <c r="G30" s="347">
        <v>4514</v>
      </c>
      <c r="H30" s="347">
        <v>4632</v>
      </c>
      <c r="I30" s="348">
        <v>1954</v>
      </c>
    </row>
    <row r="31" spans="5:13" ht="21" customHeight="1" x14ac:dyDescent="0.2">
      <c r="E31" s="471" t="s">
        <v>27</v>
      </c>
      <c r="F31" s="347">
        <v>9840</v>
      </c>
      <c r="G31" s="347">
        <v>3838</v>
      </c>
      <c r="H31" s="347">
        <v>4058</v>
      </c>
      <c r="I31" s="348">
        <v>1944</v>
      </c>
    </row>
    <row r="32" spans="5:13" ht="21" customHeight="1" x14ac:dyDescent="0.2">
      <c r="E32" s="471" t="s">
        <v>28</v>
      </c>
      <c r="F32" s="347">
        <v>3216</v>
      </c>
      <c r="G32" s="347">
        <v>1442</v>
      </c>
      <c r="H32" s="347">
        <v>1331</v>
      </c>
      <c r="I32" s="348">
        <v>443</v>
      </c>
    </row>
    <row r="33" spans="5:9" ht="21" customHeight="1" x14ac:dyDescent="0.2">
      <c r="E33" s="471" t="s">
        <v>29</v>
      </c>
      <c r="F33" s="347">
        <v>4992</v>
      </c>
      <c r="G33" s="347">
        <v>2163</v>
      </c>
      <c r="H33" s="347">
        <v>2066</v>
      </c>
      <c r="I33" s="348">
        <v>763</v>
      </c>
    </row>
    <row r="34" spans="5:9" ht="21" customHeight="1" x14ac:dyDescent="0.2">
      <c r="E34" s="471" t="s">
        <v>30</v>
      </c>
      <c r="F34" s="347">
        <v>3714</v>
      </c>
      <c r="G34" s="347">
        <v>1554</v>
      </c>
      <c r="H34" s="347">
        <v>1452</v>
      </c>
      <c r="I34" s="348">
        <v>708</v>
      </c>
    </row>
    <row r="35" spans="5:9" ht="21" customHeight="1" x14ac:dyDescent="0.2">
      <c r="E35" s="471" t="s">
        <v>31</v>
      </c>
      <c r="F35" s="347">
        <v>4024</v>
      </c>
      <c r="G35" s="347">
        <v>1848</v>
      </c>
      <c r="H35" s="347">
        <v>1413</v>
      </c>
      <c r="I35" s="348">
        <v>763</v>
      </c>
    </row>
    <row r="36" spans="5:9" ht="21" customHeight="1" x14ac:dyDescent="0.2">
      <c r="E36" s="471" t="s">
        <v>32</v>
      </c>
      <c r="F36" s="347">
        <v>4696</v>
      </c>
      <c r="G36" s="347">
        <v>2050</v>
      </c>
      <c r="H36" s="347">
        <v>1852</v>
      </c>
      <c r="I36" s="348">
        <v>794</v>
      </c>
    </row>
    <row r="37" spans="5:9" ht="21" customHeight="1" x14ac:dyDescent="0.2">
      <c r="E37" s="471" t="s">
        <v>33</v>
      </c>
      <c r="F37" s="347">
        <v>4134</v>
      </c>
      <c r="G37" s="347">
        <v>1769</v>
      </c>
      <c r="H37" s="347">
        <v>1650</v>
      </c>
      <c r="I37" s="348">
        <v>715</v>
      </c>
    </row>
    <row r="38" spans="5:9" ht="21" customHeight="1" x14ac:dyDescent="0.2">
      <c r="E38" s="471" t="s">
        <v>34</v>
      </c>
      <c r="F38" s="347">
        <v>3018</v>
      </c>
      <c r="G38" s="347">
        <v>1259</v>
      </c>
      <c r="H38" s="347">
        <v>1209</v>
      </c>
      <c r="I38" s="348">
        <v>550</v>
      </c>
    </row>
    <row r="39" spans="5:9" ht="21" customHeight="1" x14ac:dyDescent="0.2">
      <c r="E39" s="471" t="s">
        <v>35</v>
      </c>
      <c r="F39" s="347">
        <v>9805</v>
      </c>
      <c r="G39" s="347">
        <v>4029</v>
      </c>
      <c r="H39" s="347">
        <v>3983</v>
      </c>
      <c r="I39" s="348">
        <v>1793</v>
      </c>
    </row>
    <row r="40" spans="5:9" ht="21" customHeight="1" x14ac:dyDescent="0.2">
      <c r="E40" s="471" t="s">
        <v>36</v>
      </c>
      <c r="F40" s="347">
        <v>12420</v>
      </c>
      <c r="G40" s="347">
        <v>5909</v>
      </c>
      <c r="H40" s="347">
        <v>4927</v>
      </c>
      <c r="I40" s="348">
        <v>1584</v>
      </c>
    </row>
    <row r="41" spans="5:9" ht="21" customHeight="1" thickBot="1" x14ac:dyDescent="0.25">
      <c r="E41" s="472" t="s">
        <v>37</v>
      </c>
      <c r="F41" s="349">
        <v>1070</v>
      </c>
      <c r="G41" s="349">
        <v>517</v>
      </c>
      <c r="H41" s="349">
        <v>396</v>
      </c>
      <c r="I41" s="350">
        <v>15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2</v>
      </c>
      <c r="J1" s="539">
        <f>第１表!F2</f>
        <v>6</v>
      </c>
      <c r="K1" s="539"/>
      <c r="L1" s="235">
        <f>第１表!G2</f>
        <v>1</v>
      </c>
      <c r="M1" s="543">
        <f>IF(L1&lt;3,L1+12-2,L1-2)</f>
        <v>11</v>
      </c>
      <c r="N1" s="543"/>
    </row>
    <row r="2" spans="2:112" ht="24" customHeight="1" thickBot="1" x14ac:dyDescent="0.25">
      <c r="B2" s="271" t="s">
        <v>129</v>
      </c>
    </row>
    <row r="3" spans="2:112" ht="21" customHeight="1" thickBot="1" x14ac:dyDescent="0.25">
      <c r="B3" s="563"/>
      <c r="C3" s="566" t="s">
        <v>112</v>
      </c>
      <c r="D3" s="566"/>
      <c r="E3" s="566"/>
      <c r="F3" s="566"/>
      <c r="G3" s="566"/>
      <c r="H3" s="566"/>
      <c r="I3" s="566"/>
      <c r="J3" s="566"/>
      <c r="K3" s="566"/>
      <c r="L3" s="566"/>
      <c r="M3" s="567"/>
      <c r="N3" s="561" t="s">
        <v>111</v>
      </c>
      <c r="O3" s="561"/>
      <c r="P3" s="561"/>
      <c r="Q3" s="561"/>
      <c r="R3" s="561"/>
      <c r="S3" s="561"/>
      <c r="T3" s="561"/>
      <c r="U3" s="561"/>
      <c r="V3" s="561"/>
      <c r="W3" s="561"/>
      <c r="X3" s="562"/>
      <c r="Y3" s="560" t="s">
        <v>110</v>
      </c>
      <c r="Z3" s="561"/>
      <c r="AA3" s="561"/>
      <c r="AB3" s="561"/>
      <c r="AC3" s="561"/>
      <c r="AD3" s="561"/>
      <c r="AE3" s="561"/>
      <c r="AF3" s="561"/>
      <c r="AG3" s="561"/>
      <c r="AH3" s="561"/>
      <c r="AI3" s="562"/>
      <c r="AJ3" s="560" t="s">
        <v>109</v>
      </c>
      <c r="AK3" s="561"/>
      <c r="AL3" s="561"/>
      <c r="AM3" s="561"/>
      <c r="AN3" s="561"/>
      <c r="AO3" s="561"/>
      <c r="AP3" s="561"/>
      <c r="AQ3" s="561"/>
      <c r="AR3" s="561"/>
      <c r="AS3" s="561"/>
      <c r="AT3" s="562"/>
      <c r="AU3" s="560" t="s">
        <v>108</v>
      </c>
      <c r="AV3" s="561"/>
      <c r="AW3" s="561"/>
      <c r="AX3" s="561"/>
      <c r="AY3" s="561"/>
      <c r="AZ3" s="561"/>
      <c r="BA3" s="561"/>
      <c r="BB3" s="561"/>
      <c r="BC3" s="561"/>
      <c r="BD3" s="561"/>
      <c r="BE3" s="562"/>
      <c r="BF3" s="560" t="s">
        <v>107</v>
      </c>
      <c r="BG3" s="561"/>
      <c r="BH3" s="561"/>
      <c r="BI3" s="561"/>
      <c r="BJ3" s="561"/>
      <c r="BK3" s="561"/>
      <c r="BL3" s="561"/>
      <c r="BM3" s="561"/>
      <c r="BN3" s="561"/>
      <c r="BO3" s="561"/>
      <c r="BP3" s="562"/>
      <c r="BQ3" s="560" t="s">
        <v>106</v>
      </c>
      <c r="BR3" s="561"/>
      <c r="BS3" s="561"/>
      <c r="BT3" s="561"/>
      <c r="BU3" s="561"/>
      <c r="BV3" s="561"/>
      <c r="BW3" s="561"/>
      <c r="BX3" s="561"/>
      <c r="BY3" s="561"/>
      <c r="BZ3" s="561"/>
      <c r="CA3" s="562"/>
      <c r="CB3" s="560" t="s">
        <v>126</v>
      </c>
      <c r="CC3" s="561"/>
      <c r="CD3" s="561"/>
      <c r="CE3" s="561"/>
      <c r="CF3" s="561"/>
      <c r="CG3" s="561"/>
      <c r="CH3" s="561"/>
      <c r="CI3" s="561"/>
      <c r="CJ3" s="561"/>
      <c r="CK3" s="561"/>
      <c r="CL3" s="562"/>
      <c r="CM3" s="560" t="s">
        <v>159</v>
      </c>
      <c r="CN3" s="561"/>
      <c r="CO3" s="561"/>
      <c r="CP3" s="561"/>
      <c r="CQ3" s="561"/>
      <c r="CR3" s="561"/>
      <c r="CS3" s="561"/>
      <c r="CT3" s="561"/>
      <c r="CU3" s="561"/>
      <c r="CV3" s="561"/>
      <c r="CW3" s="562"/>
      <c r="CX3" s="560" t="s">
        <v>155</v>
      </c>
      <c r="CY3" s="561"/>
      <c r="CZ3" s="561"/>
      <c r="DA3" s="561"/>
      <c r="DB3" s="561"/>
      <c r="DC3" s="561"/>
      <c r="DD3" s="561"/>
      <c r="DE3" s="561"/>
      <c r="DF3" s="561"/>
      <c r="DG3" s="561"/>
      <c r="DH3" s="562"/>
    </row>
    <row r="4" spans="2:112" ht="21" customHeight="1" x14ac:dyDescent="0.2">
      <c r="B4" s="564"/>
      <c r="C4" s="568" t="s">
        <v>61</v>
      </c>
      <c r="D4" s="551"/>
      <c r="E4" s="552"/>
      <c r="F4" s="550" t="s">
        <v>62</v>
      </c>
      <c r="G4" s="551"/>
      <c r="H4" s="551"/>
      <c r="I4" s="551"/>
      <c r="J4" s="551"/>
      <c r="K4" s="551"/>
      <c r="L4" s="559"/>
      <c r="M4" s="553" t="s">
        <v>52</v>
      </c>
      <c r="N4" s="568" t="s">
        <v>61</v>
      </c>
      <c r="O4" s="551"/>
      <c r="P4" s="552"/>
      <c r="Q4" s="550" t="s">
        <v>62</v>
      </c>
      <c r="R4" s="551"/>
      <c r="S4" s="551"/>
      <c r="T4" s="551"/>
      <c r="U4" s="551"/>
      <c r="V4" s="551"/>
      <c r="W4" s="552"/>
      <c r="X4" s="553" t="s">
        <v>52</v>
      </c>
      <c r="Y4" s="555" t="s">
        <v>61</v>
      </c>
      <c r="Z4" s="551"/>
      <c r="AA4" s="559"/>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9"/>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row>
    <row r="5" spans="2:112" ht="30" customHeight="1" thickBot="1" x14ac:dyDescent="0.25">
      <c r="B5" s="565"/>
      <c r="C5" s="245" t="s">
        <v>43</v>
      </c>
      <c r="D5" s="243" t="s">
        <v>44</v>
      </c>
      <c r="E5" s="354" t="s">
        <v>45</v>
      </c>
      <c r="F5" s="248" t="s">
        <v>83</v>
      </c>
      <c r="G5" s="243" t="s">
        <v>47</v>
      </c>
      <c r="H5" s="243" t="s">
        <v>48</v>
      </c>
      <c r="I5" s="243" t="s">
        <v>49</v>
      </c>
      <c r="J5" s="243" t="s">
        <v>50</v>
      </c>
      <c r="K5" s="243" t="s">
        <v>51</v>
      </c>
      <c r="L5" s="249" t="s">
        <v>45</v>
      </c>
      <c r="M5" s="554"/>
      <c r="N5" s="245" t="s">
        <v>43</v>
      </c>
      <c r="O5" s="243" t="s">
        <v>44</v>
      </c>
      <c r="P5" s="246" t="s">
        <v>45</v>
      </c>
      <c r="Q5" s="248" t="s">
        <v>83</v>
      </c>
      <c r="R5" s="243" t="s">
        <v>47</v>
      </c>
      <c r="S5" s="243" t="s">
        <v>48</v>
      </c>
      <c r="T5" s="243" t="s">
        <v>49</v>
      </c>
      <c r="U5" s="243" t="s">
        <v>50</v>
      </c>
      <c r="V5" s="243" t="s">
        <v>51</v>
      </c>
      <c r="W5" s="246" t="s">
        <v>45</v>
      </c>
      <c r="X5" s="554"/>
      <c r="Y5" s="299" t="s">
        <v>43</v>
      </c>
      <c r="Z5" s="243" t="s">
        <v>44</v>
      </c>
      <c r="AA5" s="249" t="s">
        <v>45</v>
      </c>
      <c r="AB5" s="248" t="s">
        <v>83</v>
      </c>
      <c r="AC5" s="243" t="s">
        <v>47</v>
      </c>
      <c r="AD5" s="243" t="s">
        <v>48</v>
      </c>
      <c r="AE5" s="243" t="s">
        <v>49</v>
      </c>
      <c r="AF5" s="243" t="s">
        <v>50</v>
      </c>
      <c r="AG5" s="243" t="s">
        <v>51</v>
      </c>
      <c r="AH5" s="246" t="s">
        <v>45</v>
      </c>
      <c r="AI5" s="554"/>
      <c r="AJ5" s="299" t="s">
        <v>43</v>
      </c>
      <c r="AK5" s="243" t="s">
        <v>44</v>
      </c>
      <c r="AL5" s="246" t="s">
        <v>45</v>
      </c>
      <c r="AM5" s="248" t="s">
        <v>83</v>
      </c>
      <c r="AN5" s="243" t="s">
        <v>47</v>
      </c>
      <c r="AO5" s="243" t="s">
        <v>48</v>
      </c>
      <c r="AP5" s="243" t="s">
        <v>49</v>
      </c>
      <c r="AQ5" s="243" t="s">
        <v>50</v>
      </c>
      <c r="AR5" s="243" t="s">
        <v>51</v>
      </c>
      <c r="AS5" s="246" t="s">
        <v>45</v>
      </c>
      <c r="AT5" s="554"/>
      <c r="AU5" s="299" t="s">
        <v>43</v>
      </c>
      <c r="AV5" s="243" t="s">
        <v>44</v>
      </c>
      <c r="AW5" s="249" t="s">
        <v>45</v>
      </c>
      <c r="AX5" s="248" t="s">
        <v>83</v>
      </c>
      <c r="AY5" s="243" t="s">
        <v>47</v>
      </c>
      <c r="AZ5" s="243" t="s">
        <v>48</v>
      </c>
      <c r="BA5" s="243" t="s">
        <v>49</v>
      </c>
      <c r="BB5" s="243" t="s">
        <v>50</v>
      </c>
      <c r="BC5" s="243" t="s">
        <v>51</v>
      </c>
      <c r="BD5" s="249" t="s">
        <v>45</v>
      </c>
      <c r="BE5" s="554"/>
      <c r="BF5" s="299" t="s">
        <v>43</v>
      </c>
      <c r="BG5" s="243" t="s">
        <v>44</v>
      </c>
      <c r="BH5" s="246" t="s">
        <v>45</v>
      </c>
      <c r="BI5" s="248" t="s">
        <v>83</v>
      </c>
      <c r="BJ5" s="243" t="s">
        <v>47</v>
      </c>
      <c r="BK5" s="243" t="s">
        <v>48</v>
      </c>
      <c r="BL5" s="243" t="s">
        <v>49</v>
      </c>
      <c r="BM5" s="243" t="s">
        <v>50</v>
      </c>
      <c r="BN5" s="243" t="s">
        <v>51</v>
      </c>
      <c r="BO5" s="246" t="s">
        <v>45</v>
      </c>
      <c r="BP5" s="554"/>
      <c r="BQ5" s="299" t="s">
        <v>43</v>
      </c>
      <c r="BR5" s="243" t="s">
        <v>44</v>
      </c>
      <c r="BS5" s="246" t="s">
        <v>45</v>
      </c>
      <c r="BT5" s="248" t="s">
        <v>83</v>
      </c>
      <c r="BU5" s="243" t="s">
        <v>47</v>
      </c>
      <c r="BV5" s="243" t="s">
        <v>48</v>
      </c>
      <c r="BW5" s="243" t="s">
        <v>49</v>
      </c>
      <c r="BX5" s="243" t="s">
        <v>50</v>
      </c>
      <c r="BY5" s="243" t="s">
        <v>51</v>
      </c>
      <c r="BZ5" s="246" t="s">
        <v>45</v>
      </c>
      <c r="CA5" s="554"/>
      <c r="CB5" s="299" t="s">
        <v>43</v>
      </c>
      <c r="CC5" s="243" t="s">
        <v>44</v>
      </c>
      <c r="CD5" s="246" t="s">
        <v>45</v>
      </c>
      <c r="CE5" s="248" t="s">
        <v>83</v>
      </c>
      <c r="CF5" s="243" t="s">
        <v>47</v>
      </c>
      <c r="CG5" s="243" t="s">
        <v>48</v>
      </c>
      <c r="CH5" s="243" t="s">
        <v>49</v>
      </c>
      <c r="CI5" s="243" t="s">
        <v>50</v>
      </c>
      <c r="CJ5" s="243" t="s">
        <v>51</v>
      </c>
      <c r="CK5" s="246" t="s">
        <v>45</v>
      </c>
      <c r="CL5" s="554"/>
      <c r="CM5" s="299" t="s">
        <v>43</v>
      </c>
      <c r="CN5" s="243" t="s">
        <v>44</v>
      </c>
      <c r="CO5" s="246" t="s">
        <v>45</v>
      </c>
      <c r="CP5" s="248" t="s">
        <v>83</v>
      </c>
      <c r="CQ5" s="243" t="s">
        <v>47</v>
      </c>
      <c r="CR5" s="243" t="s">
        <v>48</v>
      </c>
      <c r="CS5" s="243" t="s">
        <v>49</v>
      </c>
      <c r="CT5" s="243" t="s">
        <v>50</v>
      </c>
      <c r="CU5" s="243" t="s">
        <v>51</v>
      </c>
      <c r="CV5" s="246" t="s">
        <v>45</v>
      </c>
      <c r="CW5" s="554"/>
      <c r="CX5" s="337" t="s">
        <v>43</v>
      </c>
      <c r="CY5" s="243" t="s">
        <v>44</v>
      </c>
      <c r="CZ5" s="246" t="s">
        <v>45</v>
      </c>
      <c r="DA5" s="248" t="s">
        <v>83</v>
      </c>
      <c r="DB5" s="243" t="s">
        <v>47</v>
      </c>
      <c r="DC5" s="243" t="s">
        <v>48</v>
      </c>
      <c r="DD5" s="243" t="s">
        <v>49</v>
      </c>
      <c r="DE5" s="243" t="s">
        <v>50</v>
      </c>
      <c r="DF5" s="243" t="s">
        <v>51</v>
      </c>
      <c r="DG5" s="246" t="s">
        <v>45</v>
      </c>
      <c r="DH5" s="554"/>
    </row>
    <row r="6" spans="2:112" ht="21" customHeight="1" x14ac:dyDescent="0.2">
      <c r="B6" s="466" t="s">
        <v>4</v>
      </c>
      <c r="C6" s="250">
        <v>0</v>
      </c>
      <c r="D6" s="254">
        <v>0</v>
      </c>
      <c r="E6" s="355">
        <v>0</v>
      </c>
      <c r="F6" s="253">
        <v>0</v>
      </c>
      <c r="G6" s="254">
        <v>13730</v>
      </c>
      <c r="H6" s="254">
        <v>18572</v>
      </c>
      <c r="I6" s="254">
        <v>19445</v>
      </c>
      <c r="J6" s="254">
        <v>23259</v>
      </c>
      <c r="K6" s="254">
        <v>21752</v>
      </c>
      <c r="L6" s="255">
        <v>96758</v>
      </c>
      <c r="M6" s="256">
        <v>96758</v>
      </c>
      <c r="N6" s="250">
        <v>0</v>
      </c>
      <c r="O6" s="254">
        <v>2</v>
      </c>
      <c r="P6" s="251">
        <v>2</v>
      </c>
      <c r="Q6" s="253">
        <v>0</v>
      </c>
      <c r="R6" s="254">
        <v>26</v>
      </c>
      <c r="S6" s="254">
        <v>101</v>
      </c>
      <c r="T6" s="254">
        <v>270</v>
      </c>
      <c r="U6" s="254">
        <v>566</v>
      </c>
      <c r="V6" s="254">
        <v>998</v>
      </c>
      <c r="W6" s="251">
        <v>1961</v>
      </c>
      <c r="X6" s="256">
        <v>1963</v>
      </c>
      <c r="Y6" s="250">
        <v>1252</v>
      </c>
      <c r="Z6" s="254">
        <v>2774</v>
      </c>
      <c r="AA6" s="251">
        <v>4026</v>
      </c>
      <c r="AB6" s="253">
        <v>0</v>
      </c>
      <c r="AC6" s="254">
        <v>8837</v>
      </c>
      <c r="AD6" s="254">
        <v>13155</v>
      </c>
      <c r="AE6" s="254">
        <v>8060</v>
      </c>
      <c r="AF6" s="254">
        <v>6931</v>
      </c>
      <c r="AG6" s="254">
        <v>4361</v>
      </c>
      <c r="AH6" s="251">
        <v>41344</v>
      </c>
      <c r="AI6" s="256">
        <v>45370</v>
      </c>
      <c r="AJ6" s="250">
        <v>200</v>
      </c>
      <c r="AK6" s="254">
        <v>680</v>
      </c>
      <c r="AL6" s="251">
        <v>880</v>
      </c>
      <c r="AM6" s="253">
        <v>0</v>
      </c>
      <c r="AN6" s="254">
        <v>1055</v>
      </c>
      <c r="AO6" s="254">
        <v>1217</v>
      </c>
      <c r="AP6" s="254">
        <v>1181</v>
      </c>
      <c r="AQ6" s="254">
        <v>960</v>
      </c>
      <c r="AR6" s="254">
        <v>436</v>
      </c>
      <c r="AS6" s="251">
        <v>4849</v>
      </c>
      <c r="AT6" s="256">
        <v>5729</v>
      </c>
      <c r="AU6" s="250">
        <v>0</v>
      </c>
      <c r="AV6" s="254">
        <v>0</v>
      </c>
      <c r="AW6" s="251">
        <v>0</v>
      </c>
      <c r="AX6" s="253">
        <v>0</v>
      </c>
      <c r="AY6" s="254">
        <v>12649</v>
      </c>
      <c r="AZ6" s="254">
        <v>12264</v>
      </c>
      <c r="BA6" s="254">
        <v>7083</v>
      </c>
      <c r="BB6" s="254">
        <v>3692</v>
      </c>
      <c r="BC6" s="254">
        <v>1539</v>
      </c>
      <c r="BD6" s="255">
        <v>37227</v>
      </c>
      <c r="BE6" s="256">
        <v>37227</v>
      </c>
      <c r="BF6" s="250">
        <v>0</v>
      </c>
      <c r="BG6" s="254">
        <v>0</v>
      </c>
      <c r="BH6" s="251">
        <v>0</v>
      </c>
      <c r="BI6" s="253">
        <v>0</v>
      </c>
      <c r="BJ6" s="254">
        <v>2532</v>
      </c>
      <c r="BK6" s="254">
        <v>3700</v>
      </c>
      <c r="BL6" s="254">
        <v>2551</v>
      </c>
      <c r="BM6" s="254">
        <v>1439</v>
      </c>
      <c r="BN6" s="254">
        <v>336</v>
      </c>
      <c r="BO6" s="251">
        <v>10558</v>
      </c>
      <c r="BP6" s="256">
        <v>10558</v>
      </c>
      <c r="BQ6" s="250">
        <v>31</v>
      </c>
      <c r="BR6" s="254">
        <v>141</v>
      </c>
      <c r="BS6" s="251">
        <v>172</v>
      </c>
      <c r="BT6" s="253">
        <v>0</v>
      </c>
      <c r="BU6" s="254">
        <v>1179</v>
      </c>
      <c r="BV6" s="254">
        <v>2064</v>
      </c>
      <c r="BW6" s="254">
        <v>3066</v>
      </c>
      <c r="BX6" s="254">
        <v>2640</v>
      </c>
      <c r="BY6" s="254">
        <v>1154</v>
      </c>
      <c r="BZ6" s="251">
        <v>10103</v>
      </c>
      <c r="CA6" s="256">
        <v>10275</v>
      </c>
      <c r="CB6" s="250">
        <v>6</v>
      </c>
      <c r="CC6" s="254">
        <v>9</v>
      </c>
      <c r="CD6" s="251">
        <v>15</v>
      </c>
      <c r="CE6" s="253">
        <v>0</v>
      </c>
      <c r="CF6" s="254">
        <v>72</v>
      </c>
      <c r="CG6" s="254">
        <v>307</v>
      </c>
      <c r="CH6" s="254">
        <v>398</v>
      </c>
      <c r="CI6" s="254">
        <v>391</v>
      </c>
      <c r="CJ6" s="254">
        <v>194</v>
      </c>
      <c r="CK6" s="251">
        <v>1362</v>
      </c>
      <c r="CL6" s="256">
        <v>1377</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67" t="s">
        <v>5</v>
      </c>
      <c r="C7" s="257">
        <v>0</v>
      </c>
      <c r="D7" s="261">
        <v>0</v>
      </c>
      <c r="E7" s="356">
        <v>0</v>
      </c>
      <c r="F7" s="260">
        <v>0</v>
      </c>
      <c r="G7" s="261">
        <v>5322</v>
      </c>
      <c r="H7" s="261">
        <v>8431</v>
      </c>
      <c r="I7" s="261">
        <v>8567</v>
      </c>
      <c r="J7" s="261">
        <v>9066</v>
      </c>
      <c r="K7" s="261">
        <v>8919</v>
      </c>
      <c r="L7" s="262">
        <v>40305</v>
      </c>
      <c r="M7" s="263">
        <v>40305</v>
      </c>
      <c r="N7" s="257">
        <v>0</v>
      </c>
      <c r="O7" s="261">
        <v>2</v>
      </c>
      <c r="P7" s="258">
        <v>2</v>
      </c>
      <c r="Q7" s="260">
        <v>0</v>
      </c>
      <c r="R7" s="261">
        <v>2</v>
      </c>
      <c r="S7" s="261">
        <v>28</v>
      </c>
      <c r="T7" s="261">
        <v>135</v>
      </c>
      <c r="U7" s="261">
        <v>267</v>
      </c>
      <c r="V7" s="261">
        <v>508</v>
      </c>
      <c r="W7" s="258">
        <v>940</v>
      </c>
      <c r="X7" s="263">
        <v>942</v>
      </c>
      <c r="Y7" s="257">
        <v>624</v>
      </c>
      <c r="Z7" s="261">
        <v>1626</v>
      </c>
      <c r="AA7" s="258">
        <v>2250</v>
      </c>
      <c r="AB7" s="260">
        <v>0</v>
      </c>
      <c r="AC7" s="261">
        <v>3717</v>
      </c>
      <c r="AD7" s="261">
        <v>7100</v>
      </c>
      <c r="AE7" s="261">
        <v>4414</v>
      </c>
      <c r="AF7" s="261">
        <v>3575</v>
      </c>
      <c r="AG7" s="261">
        <v>1915</v>
      </c>
      <c r="AH7" s="258">
        <v>20721</v>
      </c>
      <c r="AI7" s="263">
        <v>22971</v>
      </c>
      <c r="AJ7" s="257">
        <v>46</v>
      </c>
      <c r="AK7" s="261">
        <v>308</v>
      </c>
      <c r="AL7" s="258">
        <v>354</v>
      </c>
      <c r="AM7" s="260">
        <v>0</v>
      </c>
      <c r="AN7" s="261">
        <v>313</v>
      </c>
      <c r="AO7" s="261">
        <v>424</v>
      </c>
      <c r="AP7" s="261">
        <v>486</v>
      </c>
      <c r="AQ7" s="261">
        <v>371</v>
      </c>
      <c r="AR7" s="261">
        <v>150</v>
      </c>
      <c r="AS7" s="258">
        <v>1744</v>
      </c>
      <c r="AT7" s="263">
        <v>2098</v>
      </c>
      <c r="AU7" s="257">
        <v>0</v>
      </c>
      <c r="AV7" s="261">
        <v>0</v>
      </c>
      <c r="AW7" s="258">
        <v>0</v>
      </c>
      <c r="AX7" s="260">
        <v>0</v>
      </c>
      <c r="AY7" s="261">
        <v>4442</v>
      </c>
      <c r="AZ7" s="261">
        <v>5056</v>
      </c>
      <c r="BA7" s="261">
        <v>2766</v>
      </c>
      <c r="BB7" s="261">
        <v>1416</v>
      </c>
      <c r="BC7" s="261">
        <v>697</v>
      </c>
      <c r="BD7" s="262">
        <v>14377</v>
      </c>
      <c r="BE7" s="263">
        <v>14377</v>
      </c>
      <c r="BF7" s="257">
        <v>0</v>
      </c>
      <c r="BG7" s="261">
        <v>0</v>
      </c>
      <c r="BH7" s="258">
        <v>0</v>
      </c>
      <c r="BI7" s="260">
        <v>0</v>
      </c>
      <c r="BJ7" s="261">
        <v>877</v>
      </c>
      <c r="BK7" s="261">
        <v>1696</v>
      </c>
      <c r="BL7" s="261">
        <v>1203</v>
      </c>
      <c r="BM7" s="261">
        <v>736</v>
      </c>
      <c r="BN7" s="261">
        <v>126</v>
      </c>
      <c r="BO7" s="258">
        <v>4638</v>
      </c>
      <c r="BP7" s="263">
        <v>4638</v>
      </c>
      <c r="BQ7" s="257">
        <v>10</v>
      </c>
      <c r="BR7" s="261">
        <v>60</v>
      </c>
      <c r="BS7" s="258">
        <v>70</v>
      </c>
      <c r="BT7" s="260">
        <v>0</v>
      </c>
      <c r="BU7" s="261">
        <v>430</v>
      </c>
      <c r="BV7" s="261">
        <v>730</v>
      </c>
      <c r="BW7" s="261">
        <v>1178</v>
      </c>
      <c r="BX7" s="261">
        <v>963</v>
      </c>
      <c r="BY7" s="261">
        <v>493</v>
      </c>
      <c r="BZ7" s="258">
        <v>3794</v>
      </c>
      <c r="CA7" s="263">
        <v>3864</v>
      </c>
      <c r="CB7" s="257">
        <v>0</v>
      </c>
      <c r="CC7" s="261">
        <v>9</v>
      </c>
      <c r="CD7" s="258">
        <v>9</v>
      </c>
      <c r="CE7" s="260">
        <v>0</v>
      </c>
      <c r="CF7" s="261">
        <v>40</v>
      </c>
      <c r="CG7" s="261">
        <v>138</v>
      </c>
      <c r="CH7" s="261">
        <v>292</v>
      </c>
      <c r="CI7" s="261">
        <v>173</v>
      </c>
      <c r="CJ7" s="261">
        <v>145</v>
      </c>
      <c r="CK7" s="258">
        <v>788</v>
      </c>
      <c r="CL7" s="263">
        <v>797</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68" t="s">
        <v>6</v>
      </c>
      <c r="C8" s="257">
        <v>0</v>
      </c>
      <c r="D8" s="261">
        <v>0</v>
      </c>
      <c r="E8" s="356">
        <v>0</v>
      </c>
      <c r="F8" s="260">
        <v>0</v>
      </c>
      <c r="G8" s="261">
        <v>2069</v>
      </c>
      <c r="H8" s="261">
        <v>1858</v>
      </c>
      <c r="I8" s="261">
        <v>1574</v>
      </c>
      <c r="J8" s="261">
        <v>2372</v>
      </c>
      <c r="K8" s="261">
        <v>2782</v>
      </c>
      <c r="L8" s="262">
        <v>10655</v>
      </c>
      <c r="M8" s="263">
        <v>10655</v>
      </c>
      <c r="N8" s="257">
        <v>0</v>
      </c>
      <c r="O8" s="261">
        <v>0</v>
      </c>
      <c r="P8" s="258">
        <v>0</v>
      </c>
      <c r="Q8" s="260">
        <v>0</v>
      </c>
      <c r="R8" s="261">
        <v>8</v>
      </c>
      <c r="S8" s="261">
        <v>11</v>
      </c>
      <c r="T8" s="261">
        <v>20</v>
      </c>
      <c r="U8" s="261">
        <v>22</v>
      </c>
      <c r="V8" s="261">
        <v>130</v>
      </c>
      <c r="W8" s="258">
        <v>191</v>
      </c>
      <c r="X8" s="263">
        <v>191</v>
      </c>
      <c r="Y8" s="257">
        <v>94</v>
      </c>
      <c r="Z8" s="261">
        <v>379</v>
      </c>
      <c r="AA8" s="258">
        <v>473</v>
      </c>
      <c r="AB8" s="260">
        <v>0</v>
      </c>
      <c r="AC8" s="261">
        <v>1482</v>
      </c>
      <c r="AD8" s="261">
        <v>1988</v>
      </c>
      <c r="AE8" s="261">
        <v>842</v>
      </c>
      <c r="AF8" s="261">
        <v>981</v>
      </c>
      <c r="AG8" s="261">
        <v>668</v>
      </c>
      <c r="AH8" s="258">
        <v>5961</v>
      </c>
      <c r="AI8" s="263">
        <v>6434</v>
      </c>
      <c r="AJ8" s="257">
        <v>19</v>
      </c>
      <c r="AK8" s="261">
        <v>70</v>
      </c>
      <c r="AL8" s="258">
        <v>89</v>
      </c>
      <c r="AM8" s="260">
        <v>0</v>
      </c>
      <c r="AN8" s="261">
        <v>209</v>
      </c>
      <c r="AO8" s="261">
        <v>154</v>
      </c>
      <c r="AP8" s="261">
        <v>159</v>
      </c>
      <c r="AQ8" s="261">
        <v>131</v>
      </c>
      <c r="AR8" s="261">
        <v>66</v>
      </c>
      <c r="AS8" s="258">
        <v>719</v>
      </c>
      <c r="AT8" s="263">
        <v>808</v>
      </c>
      <c r="AU8" s="257">
        <v>0</v>
      </c>
      <c r="AV8" s="261">
        <v>0</v>
      </c>
      <c r="AW8" s="258">
        <v>0</v>
      </c>
      <c r="AX8" s="260">
        <v>0</v>
      </c>
      <c r="AY8" s="261">
        <v>1723</v>
      </c>
      <c r="AZ8" s="261">
        <v>1629</v>
      </c>
      <c r="BA8" s="261">
        <v>721</v>
      </c>
      <c r="BB8" s="261">
        <v>452</v>
      </c>
      <c r="BC8" s="261">
        <v>213</v>
      </c>
      <c r="BD8" s="262">
        <v>4738</v>
      </c>
      <c r="BE8" s="263">
        <v>4738</v>
      </c>
      <c r="BF8" s="257">
        <v>0</v>
      </c>
      <c r="BG8" s="261">
        <v>0</v>
      </c>
      <c r="BH8" s="258">
        <v>0</v>
      </c>
      <c r="BI8" s="260">
        <v>0</v>
      </c>
      <c r="BJ8" s="261">
        <v>269</v>
      </c>
      <c r="BK8" s="261">
        <v>418</v>
      </c>
      <c r="BL8" s="261">
        <v>322</v>
      </c>
      <c r="BM8" s="261">
        <v>165</v>
      </c>
      <c r="BN8" s="261">
        <v>85</v>
      </c>
      <c r="BO8" s="258">
        <v>1259</v>
      </c>
      <c r="BP8" s="263">
        <v>1259</v>
      </c>
      <c r="BQ8" s="257">
        <v>0</v>
      </c>
      <c r="BR8" s="261">
        <v>9</v>
      </c>
      <c r="BS8" s="258">
        <v>9</v>
      </c>
      <c r="BT8" s="260">
        <v>0</v>
      </c>
      <c r="BU8" s="261">
        <v>133</v>
      </c>
      <c r="BV8" s="261">
        <v>204</v>
      </c>
      <c r="BW8" s="261">
        <v>233</v>
      </c>
      <c r="BX8" s="261">
        <v>206</v>
      </c>
      <c r="BY8" s="261">
        <v>123</v>
      </c>
      <c r="BZ8" s="258">
        <v>899</v>
      </c>
      <c r="CA8" s="263">
        <v>908</v>
      </c>
      <c r="CB8" s="257">
        <v>0</v>
      </c>
      <c r="CC8" s="261">
        <v>0</v>
      </c>
      <c r="CD8" s="258">
        <v>0</v>
      </c>
      <c r="CE8" s="260">
        <v>0</v>
      </c>
      <c r="CF8" s="261">
        <v>3</v>
      </c>
      <c r="CG8" s="261">
        <v>68</v>
      </c>
      <c r="CH8" s="261">
        <v>22</v>
      </c>
      <c r="CI8" s="261">
        <v>66</v>
      </c>
      <c r="CJ8" s="261">
        <v>15</v>
      </c>
      <c r="CK8" s="258">
        <v>174</v>
      </c>
      <c r="CL8" s="263">
        <v>174</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68" t="s">
        <v>14</v>
      </c>
      <c r="C9" s="257">
        <v>0</v>
      </c>
      <c r="D9" s="261">
        <v>0</v>
      </c>
      <c r="E9" s="356">
        <v>0</v>
      </c>
      <c r="F9" s="260">
        <v>0</v>
      </c>
      <c r="G9" s="261">
        <v>636</v>
      </c>
      <c r="H9" s="261">
        <v>1426</v>
      </c>
      <c r="I9" s="261">
        <v>1475</v>
      </c>
      <c r="J9" s="261">
        <v>2157</v>
      </c>
      <c r="K9" s="261">
        <v>1577</v>
      </c>
      <c r="L9" s="262">
        <v>7271</v>
      </c>
      <c r="M9" s="263">
        <v>7271</v>
      </c>
      <c r="N9" s="257">
        <v>0</v>
      </c>
      <c r="O9" s="261">
        <v>0</v>
      </c>
      <c r="P9" s="258">
        <v>0</v>
      </c>
      <c r="Q9" s="260">
        <v>0</v>
      </c>
      <c r="R9" s="261">
        <v>0</v>
      </c>
      <c r="S9" s="261">
        <v>8</v>
      </c>
      <c r="T9" s="261">
        <v>26</v>
      </c>
      <c r="U9" s="261">
        <v>27</v>
      </c>
      <c r="V9" s="261">
        <v>37</v>
      </c>
      <c r="W9" s="258">
        <v>98</v>
      </c>
      <c r="X9" s="263">
        <v>98</v>
      </c>
      <c r="Y9" s="257">
        <v>67</v>
      </c>
      <c r="Z9" s="261">
        <v>213</v>
      </c>
      <c r="AA9" s="258">
        <v>280</v>
      </c>
      <c r="AB9" s="260">
        <v>0</v>
      </c>
      <c r="AC9" s="261">
        <v>481</v>
      </c>
      <c r="AD9" s="261">
        <v>854</v>
      </c>
      <c r="AE9" s="261">
        <v>710</v>
      </c>
      <c r="AF9" s="261">
        <v>387</v>
      </c>
      <c r="AG9" s="261">
        <v>387</v>
      </c>
      <c r="AH9" s="258">
        <v>2819</v>
      </c>
      <c r="AI9" s="263">
        <v>3099</v>
      </c>
      <c r="AJ9" s="257">
        <v>0</v>
      </c>
      <c r="AK9" s="261">
        <v>32</v>
      </c>
      <c r="AL9" s="258">
        <v>32</v>
      </c>
      <c r="AM9" s="260">
        <v>0</v>
      </c>
      <c r="AN9" s="261">
        <v>0</v>
      </c>
      <c r="AO9" s="261">
        <v>24</v>
      </c>
      <c r="AP9" s="261">
        <v>58</v>
      </c>
      <c r="AQ9" s="261">
        <v>47</v>
      </c>
      <c r="AR9" s="261">
        <v>26</v>
      </c>
      <c r="AS9" s="258">
        <v>155</v>
      </c>
      <c r="AT9" s="263">
        <v>187</v>
      </c>
      <c r="AU9" s="257">
        <v>0</v>
      </c>
      <c r="AV9" s="261">
        <v>0</v>
      </c>
      <c r="AW9" s="258">
        <v>0</v>
      </c>
      <c r="AX9" s="260">
        <v>0</v>
      </c>
      <c r="AY9" s="261">
        <v>918</v>
      </c>
      <c r="AZ9" s="261">
        <v>955</v>
      </c>
      <c r="BA9" s="261">
        <v>851</v>
      </c>
      <c r="BB9" s="261">
        <v>366</v>
      </c>
      <c r="BC9" s="261">
        <v>120</v>
      </c>
      <c r="BD9" s="262">
        <v>3210</v>
      </c>
      <c r="BE9" s="263">
        <v>3210</v>
      </c>
      <c r="BF9" s="257">
        <v>0</v>
      </c>
      <c r="BG9" s="261">
        <v>0</v>
      </c>
      <c r="BH9" s="258">
        <v>0</v>
      </c>
      <c r="BI9" s="260">
        <v>0</v>
      </c>
      <c r="BJ9" s="261">
        <v>112</v>
      </c>
      <c r="BK9" s="261">
        <v>242</v>
      </c>
      <c r="BL9" s="261">
        <v>109</v>
      </c>
      <c r="BM9" s="261">
        <v>62</v>
      </c>
      <c r="BN9" s="261">
        <v>0</v>
      </c>
      <c r="BO9" s="258">
        <v>525</v>
      </c>
      <c r="BP9" s="263">
        <v>525</v>
      </c>
      <c r="BQ9" s="257">
        <v>0</v>
      </c>
      <c r="BR9" s="261">
        <v>11</v>
      </c>
      <c r="BS9" s="258">
        <v>11</v>
      </c>
      <c r="BT9" s="260">
        <v>0</v>
      </c>
      <c r="BU9" s="261">
        <v>77</v>
      </c>
      <c r="BV9" s="261">
        <v>122</v>
      </c>
      <c r="BW9" s="261">
        <v>393</v>
      </c>
      <c r="BX9" s="261">
        <v>232</v>
      </c>
      <c r="BY9" s="261">
        <v>121</v>
      </c>
      <c r="BZ9" s="258">
        <v>945</v>
      </c>
      <c r="CA9" s="263">
        <v>956</v>
      </c>
      <c r="CB9" s="257">
        <v>0</v>
      </c>
      <c r="CC9" s="261">
        <v>0</v>
      </c>
      <c r="CD9" s="258">
        <v>0</v>
      </c>
      <c r="CE9" s="260">
        <v>0</v>
      </c>
      <c r="CF9" s="261">
        <v>0</v>
      </c>
      <c r="CG9" s="261">
        <v>16</v>
      </c>
      <c r="CH9" s="261">
        <v>2</v>
      </c>
      <c r="CI9" s="261">
        <v>9</v>
      </c>
      <c r="CJ9" s="261">
        <v>0</v>
      </c>
      <c r="CK9" s="258">
        <v>27</v>
      </c>
      <c r="CL9" s="263">
        <v>27</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68" t="s">
        <v>7</v>
      </c>
      <c r="C10" s="257">
        <v>0</v>
      </c>
      <c r="D10" s="261">
        <v>0</v>
      </c>
      <c r="E10" s="356">
        <v>0</v>
      </c>
      <c r="F10" s="260">
        <v>0</v>
      </c>
      <c r="G10" s="261">
        <v>1438</v>
      </c>
      <c r="H10" s="261">
        <v>1463</v>
      </c>
      <c r="I10" s="261">
        <v>1219</v>
      </c>
      <c r="J10" s="261">
        <v>1453</v>
      </c>
      <c r="K10" s="261">
        <v>1308</v>
      </c>
      <c r="L10" s="262">
        <v>6881</v>
      </c>
      <c r="M10" s="263">
        <v>6881</v>
      </c>
      <c r="N10" s="257">
        <v>0</v>
      </c>
      <c r="O10" s="261">
        <v>0</v>
      </c>
      <c r="P10" s="258">
        <v>0</v>
      </c>
      <c r="Q10" s="260">
        <v>0</v>
      </c>
      <c r="R10" s="261">
        <v>0</v>
      </c>
      <c r="S10" s="261">
        <v>10</v>
      </c>
      <c r="T10" s="261">
        <v>12</v>
      </c>
      <c r="U10" s="261">
        <v>59</v>
      </c>
      <c r="V10" s="261">
        <v>60</v>
      </c>
      <c r="W10" s="258">
        <v>141</v>
      </c>
      <c r="X10" s="263">
        <v>141</v>
      </c>
      <c r="Y10" s="257">
        <v>41</v>
      </c>
      <c r="Z10" s="261">
        <v>4</v>
      </c>
      <c r="AA10" s="258">
        <v>45</v>
      </c>
      <c r="AB10" s="260">
        <v>0</v>
      </c>
      <c r="AC10" s="261">
        <v>430</v>
      </c>
      <c r="AD10" s="261">
        <v>397</v>
      </c>
      <c r="AE10" s="261">
        <v>383</v>
      </c>
      <c r="AF10" s="261">
        <v>208</v>
      </c>
      <c r="AG10" s="261">
        <v>204</v>
      </c>
      <c r="AH10" s="258">
        <v>1622</v>
      </c>
      <c r="AI10" s="263">
        <v>1667</v>
      </c>
      <c r="AJ10" s="257">
        <v>14</v>
      </c>
      <c r="AK10" s="261">
        <v>0</v>
      </c>
      <c r="AL10" s="258">
        <v>14</v>
      </c>
      <c r="AM10" s="260">
        <v>0</v>
      </c>
      <c r="AN10" s="261">
        <v>98</v>
      </c>
      <c r="AO10" s="261">
        <v>32</v>
      </c>
      <c r="AP10" s="261">
        <v>89</v>
      </c>
      <c r="AQ10" s="261">
        <v>74</v>
      </c>
      <c r="AR10" s="261">
        <v>2</v>
      </c>
      <c r="AS10" s="258">
        <v>295</v>
      </c>
      <c r="AT10" s="263">
        <v>309</v>
      </c>
      <c r="AU10" s="257">
        <v>0</v>
      </c>
      <c r="AV10" s="261">
        <v>0</v>
      </c>
      <c r="AW10" s="258">
        <v>0</v>
      </c>
      <c r="AX10" s="260">
        <v>0</v>
      </c>
      <c r="AY10" s="261">
        <v>1266</v>
      </c>
      <c r="AZ10" s="261">
        <v>768</v>
      </c>
      <c r="BA10" s="261">
        <v>354</v>
      </c>
      <c r="BB10" s="261">
        <v>187</v>
      </c>
      <c r="BC10" s="261">
        <v>103</v>
      </c>
      <c r="BD10" s="262">
        <v>2678</v>
      </c>
      <c r="BE10" s="263">
        <v>2678</v>
      </c>
      <c r="BF10" s="257">
        <v>0</v>
      </c>
      <c r="BG10" s="261">
        <v>0</v>
      </c>
      <c r="BH10" s="258">
        <v>0</v>
      </c>
      <c r="BI10" s="260">
        <v>0</v>
      </c>
      <c r="BJ10" s="261">
        <v>177</v>
      </c>
      <c r="BK10" s="261">
        <v>189</v>
      </c>
      <c r="BL10" s="261">
        <v>52</v>
      </c>
      <c r="BM10" s="261">
        <v>34</v>
      </c>
      <c r="BN10" s="261">
        <v>8</v>
      </c>
      <c r="BO10" s="258">
        <v>460</v>
      </c>
      <c r="BP10" s="263">
        <v>460</v>
      </c>
      <c r="BQ10" s="257">
        <v>0</v>
      </c>
      <c r="BR10" s="261">
        <v>4</v>
      </c>
      <c r="BS10" s="258">
        <v>4</v>
      </c>
      <c r="BT10" s="260">
        <v>0</v>
      </c>
      <c r="BU10" s="261">
        <v>116</v>
      </c>
      <c r="BV10" s="261">
        <v>295</v>
      </c>
      <c r="BW10" s="261">
        <v>281</v>
      </c>
      <c r="BX10" s="261">
        <v>178</v>
      </c>
      <c r="BY10" s="261">
        <v>135</v>
      </c>
      <c r="BZ10" s="258">
        <v>1005</v>
      </c>
      <c r="CA10" s="263">
        <v>1009</v>
      </c>
      <c r="CB10" s="257">
        <v>0</v>
      </c>
      <c r="CC10" s="261">
        <v>0</v>
      </c>
      <c r="CD10" s="258">
        <v>0</v>
      </c>
      <c r="CE10" s="260">
        <v>0</v>
      </c>
      <c r="CF10" s="261">
        <v>7</v>
      </c>
      <c r="CG10" s="261">
        <v>12</v>
      </c>
      <c r="CH10" s="261">
        <v>16</v>
      </c>
      <c r="CI10" s="261">
        <v>19</v>
      </c>
      <c r="CJ10" s="261">
        <v>3</v>
      </c>
      <c r="CK10" s="258">
        <v>57</v>
      </c>
      <c r="CL10" s="263">
        <v>57</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68" t="s">
        <v>8</v>
      </c>
      <c r="C11" s="257">
        <v>0</v>
      </c>
      <c r="D11" s="261">
        <v>0</v>
      </c>
      <c r="E11" s="356">
        <v>0</v>
      </c>
      <c r="F11" s="260">
        <v>0</v>
      </c>
      <c r="G11" s="261">
        <v>182</v>
      </c>
      <c r="H11" s="261">
        <v>644</v>
      </c>
      <c r="I11" s="261">
        <v>1091</v>
      </c>
      <c r="J11" s="261">
        <v>678</v>
      </c>
      <c r="K11" s="261">
        <v>859</v>
      </c>
      <c r="L11" s="262">
        <v>3454</v>
      </c>
      <c r="M11" s="263">
        <v>3454</v>
      </c>
      <c r="N11" s="257">
        <v>0</v>
      </c>
      <c r="O11" s="261">
        <v>0</v>
      </c>
      <c r="P11" s="258">
        <v>0</v>
      </c>
      <c r="Q11" s="260">
        <v>0</v>
      </c>
      <c r="R11" s="261">
        <v>0</v>
      </c>
      <c r="S11" s="261">
        <v>0</v>
      </c>
      <c r="T11" s="261">
        <v>8</v>
      </c>
      <c r="U11" s="261">
        <v>7</v>
      </c>
      <c r="V11" s="261">
        <v>35</v>
      </c>
      <c r="W11" s="258">
        <v>50</v>
      </c>
      <c r="X11" s="263">
        <v>50</v>
      </c>
      <c r="Y11" s="257">
        <v>8</v>
      </c>
      <c r="Z11" s="261">
        <v>7</v>
      </c>
      <c r="AA11" s="258">
        <v>15</v>
      </c>
      <c r="AB11" s="260">
        <v>0</v>
      </c>
      <c r="AC11" s="261">
        <v>100</v>
      </c>
      <c r="AD11" s="261">
        <v>220</v>
      </c>
      <c r="AE11" s="261">
        <v>272</v>
      </c>
      <c r="AF11" s="261">
        <v>95</v>
      </c>
      <c r="AG11" s="261">
        <v>63</v>
      </c>
      <c r="AH11" s="258">
        <v>750</v>
      </c>
      <c r="AI11" s="263">
        <v>765</v>
      </c>
      <c r="AJ11" s="257">
        <v>0</v>
      </c>
      <c r="AK11" s="261">
        <v>0</v>
      </c>
      <c r="AL11" s="258">
        <v>0</v>
      </c>
      <c r="AM11" s="260">
        <v>0</v>
      </c>
      <c r="AN11" s="261">
        <v>72</v>
      </c>
      <c r="AO11" s="261">
        <v>15</v>
      </c>
      <c r="AP11" s="261">
        <v>98</v>
      </c>
      <c r="AQ11" s="261">
        <v>29</v>
      </c>
      <c r="AR11" s="261">
        <v>12</v>
      </c>
      <c r="AS11" s="258">
        <v>226</v>
      </c>
      <c r="AT11" s="263">
        <v>226</v>
      </c>
      <c r="AU11" s="257">
        <v>0</v>
      </c>
      <c r="AV11" s="261">
        <v>0</v>
      </c>
      <c r="AW11" s="258">
        <v>0</v>
      </c>
      <c r="AX11" s="260">
        <v>0</v>
      </c>
      <c r="AY11" s="261">
        <v>281</v>
      </c>
      <c r="AZ11" s="261">
        <v>320</v>
      </c>
      <c r="BA11" s="261">
        <v>239</v>
      </c>
      <c r="BB11" s="261">
        <v>147</v>
      </c>
      <c r="BC11" s="261">
        <v>48</v>
      </c>
      <c r="BD11" s="262">
        <v>1035</v>
      </c>
      <c r="BE11" s="263">
        <v>1035</v>
      </c>
      <c r="BF11" s="257">
        <v>0</v>
      </c>
      <c r="BG11" s="261">
        <v>0</v>
      </c>
      <c r="BH11" s="258">
        <v>0</v>
      </c>
      <c r="BI11" s="260">
        <v>0</v>
      </c>
      <c r="BJ11" s="261">
        <v>80</v>
      </c>
      <c r="BK11" s="261">
        <v>42</v>
      </c>
      <c r="BL11" s="261">
        <v>75</v>
      </c>
      <c r="BM11" s="261">
        <v>35</v>
      </c>
      <c r="BN11" s="261">
        <v>0</v>
      </c>
      <c r="BO11" s="258">
        <v>232</v>
      </c>
      <c r="BP11" s="263">
        <v>232</v>
      </c>
      <c r="BQ11" s="257">
        <v>9</v>
      </c>
      <c r="BR11" s="261">
        <v>10</v>
      </c>
      <c r="BS11" s="258">
        <v>19</v>
      </c>
      <c r="BT11" s="260">
        <v>0</v>
      </c>
      <c r="BU11" s="261">
        <v>22</v>
      </c>
      <c r="BV11" s="261">
        <v>40</v>
      </c>
      <c r="BW11" s="261">
        <v>186</v>
      </c>
      <c r="BX11" s="261">
        <v>16</v>
      </c>
      <c r="BY11" s="261">
        <v>17</v>
      </c>
      <c r="BZ11" s="258">
        <v>281</v>
      </c>
      <c r="CA11" s="263">
        <v>300</v>
      </c>
      <c r="CB11" s="257">
        <v>0</v>
      </c>
      <c r="CC11" s="261">
        <v>0</v>
      </c>
      <c r="CD11" s="258">
        <v>0</v>
      </c>
      <c r="CE11" s="260">
        <v>0</v>
      </c>
      <c r="CF11" s="261">
        <v>0</v>
      </c>
      <c r="CG11" s="261">
        <v>0</v>
      </c>
      <c r="CH11" s="261">
        <v>5</v>
      </c>
      <c r="CI11" s="261">
        <v>0</v>
      </c>
      <c r="CJ11" s="261">
        <v>0</v>
      </c>
      <c r="CK11" s="258">
        <v>5</v>
      </c>
      <c r="CL11" s="263">
        <v>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68" t="s">
        <v>9</v>
      </c>
      <c r="C12" s="257">
        <v>0</v>
      </c>
      <c r="D12" s="261">
        <v>0</v>
      </c>
      <c r="E12" s="356">
        <v>0</v>
      </c>
      <c r="F12" s="260">
        <v>0</v>
      </c>
      <c r="G12" s="261">
        <v>590</v>
      </c>
      <c r="H12" s="261">
        <v>543</v>
      </c>
      <c r="I12" s="261">
        <v>1106</v>
      </c>
      <c r="J12" s="261">
        <v>1333</v>
      </c>
      <c r="K12" s="261">
        <v>1406</v>
      </c>
      <c r="L12" s="262">
        <v>4978</v>
      </c>
      <c r="M12" s="263">
        <v>4978</v>
      </c>
      <c r="N12" s="257">
        <v>0</v>
      </c>
      <c r="O12" s="261">
        <v>0</v>
      </c>
      <c r="P12" s="258">
        <v>0</v>
      </c>
      <c r="Q12" s="260">
        <v>0</v>
      </c>
      <c r="R12" s="261">
        <v>0</v>
      </c>
      <c r="S12" s="261">
        <v>4</v>
      </c>
      <c r="T12" s="261">
        <v>9</v>
      </c>
      <c r="U12" s="261">
        <v>4</v>
      </c>
      <c r="V12" s="261">
        <v>25</v>
      </c>
      <c r="W12" s="258">
        <v>42</v>
      </c>
      <c r="X12" s="263">
        <v>42</v>
      </c>
      <c r="Y12" s="257">
        <v>43</v>
      </c>
      <c r="Z12" s="261">
        <v>62</v>
      </c>
      <c r="AA12" s="258">
        <v>105</v>
      </c>
      <c r="AB12" s="260">
        <v>0</v>
      </c>
      <c r="AC12" s="261">
        <v>492</v>
      </c>
      <c r="AD12" s="261">
        <v>203</v>
      </c>
      <c r="AE12" s="261">
        <v>324</v>
      </c>
      <c r="AF12" s="261">
        <v>192</v>
      </c>
      <c r="AG12" s="261">
        <v>260</v>
      </c>
      <c r="AH12" s="258">
        <v>1471</v>
      </c>
      <c r="AI12" s="263">
        <v>1576</v>
      </c>
      <c r="AJ12" s="257">
        <v>16</v>
      </c>
      <c r="AK12" s="261">
        <v>20</v>
      </c>
      <c r="AL12" s="258">
        <v>36</v>
      </c>
      <c r="AM12" s="260">
        <v>0</v>
      </c>
      <c r="AN12" s="261">
        <v>15</v>
      </c>
      <c r="AO12" s="261">
        <v>90</v>
      </c>
      <c r="AP12" s="261">
        <v>35</v>
      </c>
      <c r="AQ12" s="261">
        <v>51</v>
      </c>
      <c r="AR12" s="261">
        <v>25</v>
      </c>
      <c r="AS12" s="258">
        <v>216</v>
      </c>
      <c r="AT12" s="263">
        <v>252</v>
      </c>
      <c r="AU12" s="257">
        <v>0</v>
      </c>
      <c r="AV12" s="261">
        <v>0</v>
      </c>
      <c r="AW12" s="258">
        <v>0</v>
      </c>
      <c r="AX12" s="260">
        <v>0</v>
      </c>
      <c r="AY12" s="261">
        <v>366</v>
      </c>
      <c r="AZ12" s="261">
        <v>240</v>
      </c>
      <c r="BA12" s="261">
        <v>246</v>
      </c>
      <c r="BB12" s="261">
        <v>160</v>
      </c>
      <c r="BC12" s="261">
        <v>110</v>
      </c>
      <c r="BD12" s="262">
        <v>1122</v>
      </c>
      <c r="BE12" s="263">
        <v>1122</v>
      </c>
      <c r="BF12" s="257">
        <v>0</v>
      </c>
      <c r="BG12" s="261">
        <v>0</v>
      </c>
      <c r="BH12" s="258">
        <v>0</v>
      </c>
      <c r="BI12" s="260">
        <v>0</v>
      </c>
      <c r="BJ12" s="261">
        <v>130</v>
      </c>
      <c r="BK12" s="261">
        <v>118</v>
      </c>
      <c r="BL12" s="261">
        <v>112</v>
      </c>
      <c r="BM12" s="261">
        <v>44</v>
      </c>
      <c r="BN12" s="261">
        <v>13</v>
      </c>
      <c r="BO12" s="258">
        <v>417</v>
      </c>
      <c r="BP12" s="263">
        <v>417</v>
      </c>
      <c r="BQ12" s="257">
        <v>0</v>
      </c>
      <c r="BR12" s="261">
        <v>0</v>
      </c>
      <c r="BS12" s="258">
        <v>0</v>
      </c>
      <c r="BT12" s="260">
        <v>0</v>
      </c>
      <c r="BU12" s="261">
        <v>46</v>
      </c>
      <c r="BV12" s="261">
        <v>72</v>
      </c>
      <c r="BW12" s="261">
        <v>143</v>
      </c>
      <c r="BX12" s="261">
        <v>107</v>
      </c>
      <c r="BY12" s="261">
        <v>40</v>
      </c>
      <c r="BZ12" s="258">
        <v>408</v>
      </c>
      <c r="CA12" s="263">
        <v>408</v>
      </c>
      <c r="CB12" s="257">
        <v>0</v>
      </c>
      <c r="CC12" s="261">
        <v>0</v>
      </c>
      <c r="CD12" s="258">
        <v>0</v>
      </c>
      <c r="CE12" s="260">
        <v>0</v>
      </c>
      <c r="CF12" s="261">
        <v>0</v>
      </c>
      <c r="CG12" s="261">
        <v>21</v>
      </c>
      <c r="CH12" s="261">
        <v>0</v>
      </c>
      <c r="CI12" s="261">
        <v>21</v>
      </c>
      <c r="CJ12" s="261">
        <v>29</v>
      </c>
      <c r="CK12" s="258">
        <v>71</v>
      </c>
      <c r="CL12" s="263">
        <v>71</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68" t="s">
        <v>10</v>
      </c>
      <c r="C13" s="257">
        <v>0</v>
      </c>
      <c r="D13" s="261">
        <v>0</v>
      </c>
      <c r="E13" s="356">
        <v>0</v>
      </c>
      <c r="F13" s="260">
        <v>0</v>
      </c>
      <c r="G13" s="261">
        <v>986</v>
      </c>
      <c r="H13" s="261">
        <v>1071</v>
      </c>
      <c r="I13" s="261">
        <v>903</v>
      </c>
      <c r="J13" s="261">
        <v>1984</v>
      </c>
      <c r="K13" s="261">
        <v>1151</v>
      </c>
      <c r="L13" s="262">
        <v>6095</v>
      </c>
      <c r="M13" s="263">
        <v>6095</v>
      </c>
      <c r="N13" s="257">
        <v>0</v>
      </c>
      <c r="O13" s="261">
        <v>0</v>
      </c>
      <c r="P13" s="258">
        <v>0</v>
      </c>
      <c r="Q13" s="260">
        <v>0</v>
      </c>
      <c r="R13" s="261">
        <v>5</v>
      </c>
      <c r="S13" s="261">
        <v>5</v>
      </c>
      <c r="T13" s="261">
        <v>22</v>
      </c>
      <c r="U13" s="261">
        <v>39</v>
      </c>
      <c r="V13" s="261">
        <v>56</v>
      </c>
      <c r="W13" s="258">
        <v>127</v>
      </c>
      <c r="X13" s="263">
        <v>127</v>
      </c>
      <c r="Y13" s="257">
        <v>95</v>
      </c>
      <c r="Z13" s="261">
        <v>90</v>
      </c>
      <c r="AA13" s="258">
        <v>185</v>
      </c>
      <c r="AB13" s="260">
        <v>0</v>
      </c>
      <c r="AC13" s="261">
        <v>598</v>
      </c>
      <c r="AD13" s="261">
        <v>417</v>
      </c>
      <c r="AE13" s="261">
        <v>265</v>
      </c>
      <c r="AF13" s="261">
        <v>442</v>
      </c>
      <c r="AG13" s="261">
        <v>218</v>
      </c>
      <c r="AH13" s="258">
        <v>1940</v>
      </c>
      <c r="AI13" s="263">
        <v>2125</v>
      </c>
      <c r="AJ13" s="257">
        <v>16</v>
      </c>
      <c r="AK13" s="261">
        <v>48</v>
      </c>
      <c r="AL13" s="258">
        <v>64</v>
      </c>
      <c r="AM13" s="260">
        <v>0</v>
      </c>
      <c r="AN13" s="261">
        <v>57</v>
      </c>
      <c r="AO13" s="261">
        <v>105</v>
      </c>
      <c r="AP13" s="261">
        <v>57</v>
      </c>
      <c r="AQ13" s="261">
        <v>39</v>
      </c>
      <c r="AR13" s="261">
        <v>51</v>
      </c>
      <c r="AS13" s="258">
        <v>309</v>
      </c>
      <c r="AT13" s="263">
        <v>373</v>
      </c>
      <c r="AU13" s="257">
        <v>0</v>
      </c>
      <c r="AV13" s="261">
        <v>0</v>
      </c>
      <c r="AW13" s="258">
        <v>0</v>
      </c>
      <c r="AX13" s="260">
        <v>0</v>
      </c>
      <c r="AY13" s="261">
        <v>902</v>
      </c>
      <c r="AZ13" s="261">
        <v>575</v>
      </c>
      <c r="BA13" s="261">
        <v>367</v>
      </c>
      <c r="BB13" s="261">
        <v>218</v>
      </c>
      <c r="BC13" s="261">
        <v>49</v>
      </c>
      <c r="BD13" s="262">
        <v>2111</v>
      </c>
      <c r="BE13" s="263">
        <v>2111</v>
      </c>
      <c r="BF13" s="257">
        <v>0</v>
      </c>
      <c r="BG13" s="261">
        <v>0</v>
      </c>
      <c r="BH13" s="258">
        <v>0</v>
      </c>
      <c r="BI13" s="260">
        <v>0</v>
      </c>
      <c r="BJ13" s="261">
        <v>172</v>
      </c>
      <c r="BK13" s="261">
        <v>92</v>
      </c>
      <c r="BL13" s="261">
        <v>33</v>
      </c>
      <c r="BM13" s="261">
        <v>55</v>
      </c>
      <c r="BN13" s="261">
        <v>13</v>
      </c>
      <c r="BO13" s="258">
        <v>365</v>
      </c>
      <c r="BP13" s="263">
        <v>365</v>
      </c>
      <c r="BQ13" s="257">
        <v>0</v>
      </c>
      <c r="BR13" s="261">
        <v>5</v>
      </c>
      <c r="BS13" s="258">
        <v>5</v>
      </c>
      <c r="BT13" s="260">
        <v>0</v>
      </c>
      <c r="BU13" s="261">
        <v>70</v>
      </c>
      <c r="BV13" s="261">
        <v>155</v>
      </c>
      <c r="BW13" s="261">
        <v>164</v>
      </c>
      <c r="BX13" s="261">
        <v>214</v>
      </c>
      <c r="BY13" s="261">
        <v>54</v>
      </c>
      <c r="BZ13" s="258">
        <v>657</v>
      </c>
      <c r="CA13" s="263">
        <v>662</v>
      </c>
      <c r="CB13" s="257">
        <v>0</v>
      </c>
      <c r="CC13" s="261">
        <v>0</v>
      </c>
      <c r="CD13" s="258">
        <v>0</v>
      </c>
      <c r="CE13" s="260">
        <v>0</v>
      </c>
      <c r="CF13" s="261">
        <v>0</v>
      </c>
      <c r="CG13" s="261">
        <v>14</v>
      </c>
      <c r="CH13" s="261">
        <v>8</v>
      </c>
      <c r="CI13" s="261">
        <v>17</v>
      </c>
      <c r="CJ13" s="261">
        <v>0</v>
      </c>
      <c r="CK13" s="258">
        <v>39</v>
      </c>
      <c r="CL13" s="263">
        <v>39</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68" t="s">
        <v>11</v>
      </c>
      <c r="C14" s="257">
        <v>0</v>
      </c>
      <c r="D14" s="261">
        <v>0</v>
      </c>
      <c r="E14" s="356">
        <v>0</v>
      </c>
      <c r="F14" s="260">
        <v>0</v>
      </c>
      <c r="G14" s="261">
        <v>136</v>
      </c>
      <c r="H14" s="261">
        <v>347</v>
      </c>
      <c r="I14" s="261">
        <v>323</v>
      </c>
      <c r="J14" s="261">
        <v>479</v>
      </c>
      <c r="K14" s="261">
        <v>464</v>
      </c>
      <c r="L14" s="262">
        <v>1749</v>
      </c>
      <c r="M14" s="263">
        <v>1749</v>
      </c>
      <c r="N14" s="257">
        <v>0</v>
      </c>
      <c r="O14" s="261">
        <v>0</v>
      </c>
      <c r="P14" s="258">
        <v>0</v>
      </c>
      <c r="Q14" s="260">
        <v>0</v>
      </c>
      <c r="R14" s="261">
        <v>0</v>
      </c>
      <c r="S14" s="261">
        <v>15</v>
      </c>
      <c r="T14" s="261">
        <v>4</v>
      </c>
      <c r="U14" s="261">
        <v>18</v>
      </c>
      <c r="V14" s="261">
        <v>18</v>
      </c>
      <c r="W14" s="258">
        <v>55</v>
      </c>
      <c r="X14" s="263">
        <v>55</v>
      </c>
      <c r="Y14" s="257">
        <v>21</v>
      </c>
      <c r="Z14" s="261">
        <v>32</v>
      </c>
      <c r="AA14" s="258">
        <v>53</v>
      </c>
      <c r="AB14" s="260">
        <v>0</v>
      </c>
      <c r="AC14" s="261">
        <v>124</v>
      </c>
      <c r="AD14" s="261">
        <v>118</v>
      </c>
      <c r="AE14" s="261">
        <v>-138</v>
      </c>
      <c r="AF14" s="261">
        <v>149</v>
      </c>
      <c r="AG14" s="261">
        <v>43</v>
      </c>
      <c r="AH14" s="258">
        <v>296</v>
      </c>
      <c r="AI14" s="263">
        <v>349</v>
      </c>
      <c r="AJ14" s="257">
        <v>0</v>
      </c>
      <c r="AK14" s="261">
        <v>23</v>
      </c>
      <c r="AL14" s="258">
        <v>23</v>
      </c>
      <c r="AM14" s="260">
        <v>0</v>
      </c>
      <c r="AN14" s="261">
        <v>48</v>
      </c>
      <c r="AO14" s="261">
        <v>0</v>
      </c>
      <c r="AP14" s="261">
        <v>12</v>
      </c>
      <c r="AQ14" s="261">
        <v>58</v>
      </c>
      <c r="AR14" s="261">
        <v>18</v>
      </c>
      <c r="AS14" s="258">
        <v>136</v>
      </c>
      <c r="AT14" s="263">
        <v>159</v>
      </c>
      <c r="AU14" s="257">
        <v>0</v>
      </c>
      <c r="AV14" s="261">
        <v>0</v>
      </c>
      <c r="AW14" s="258">
        <v>0</v>
      </c>
      <c r="AX14" s="260">
        <v>0</v>
      </c>
      <c r="AY14" s="261">
        <v>379</v>
      </c>
      <c r="AZ14" s="261">
        <v>240</v>
      </c>
      <c r="BA14" s="261">
        <v>140</v>
      </c>
      <c r="BB14" s="261">
        <v>135</v>
      </c>
      <c r="BC14" s="261">
        <v>17</v>
      </c>
      <c r="BD14" s="262">
        <v>911</v>
      </c>
      <c r="BE14" s="263">
        <v>911</v>
      </c>
      <c r="BF14" s="257">
        <v>0</v>
      </c>
      <c r="BG14" s="261">
        <v>0</v>
      </c>
      <c r="BH14" s="258">
        <v>0</v>
      </c>
      <c r="BI14" s="260">
        <v>0</v>
      </c>
      <c r="BJ14" s="261">
        <v>100</v>
      </c>
      <c r="BK14" s="261">
        <v>61</v>
      </c>
      <c r="BL14" s="261">
        <v>49</v>
      </c>
      <c r="BM14" s="261">
        <v>98</v>
      </c>
      <c r="BN14" s="261">
        <v>17</v>
      </c>
      <c r="BO14" s="258">
        <v>325</v>
      </c>
      <c r="BP14" s="263">
        <v>325</v>
      </c>
      <c r="BQ14" s="257">
        <v>5</v>
      </c>
      <c r="BR14" s="261">
        <v>1</v>
      </c>
      <c r="BS14" s="258">
        <v>6</v>
      </c>
      <c r="BT14" s="260">
        <v>0</v>
      </c>
      <c r="BU14" s="261">
        <v>51</v>
      </c>
      <c r="BV14" s="261">
        <v>93</v>
      </c>
      <c r="BW14" s="261">
        <v>0</v>
      </c>
      <c r="BX14" s="261">
        <v>72</v>
      </c>
      <c r="BY14" s="261">
        <v>11</v>
      </c>
      <c r="BZ14" s="258">
        <v>227</v>
      </c>
      <c r="CA14" s="263">
        <v>233</v>
      </c>
      <c r="CB14" s="257">
        <v>0</v>
      </c>
      <c r="CC14" s="261">
        <v>0</v>
      </c>
      <c r="CD14" s="258">
        <v>0</v>
      </c>
      <c r="CE14" s="260">
        <v>0</v>
      </c>
      <c r="CF14" s="261">
        <v>10</v>
      </c>
      <c r="CG14" s="261">
        <v>29</v>
      </c>
      <c r="CH14" s="261">
        <v>0</v>
      </c>
      <c r="CI14" s="261">
        <v>27</v>
      </c>
      <c r="CJ14" s="261">
        <v>0</v>
      </c>
      <c r="CK14" s="258">
        <v>66</v>
      </c>
      <c r="CL14" s="263">
        <v>66</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68" t="s">
        <v>12</v>
      </c>
      <c r="C15" s="257">
        <v>0</v>
      </c>
      <c r="D15" s="261">
        <v>0</v>
      </c>
      <c r="E15" s="356">
        <v>0</v>
      </c>
      <c r="F15" s="260">
        <v>0</v>
      </c>
      <c r="G15" s="261">
        <v>417</v>
      </c>
      <c r="H15" s="261">
        <v>746</v>
      </c>
      <c r="I15" s="261">
        <v>688</v>
      </c>
      <c r="J15" s="261">
        <v>1082</v>
      </c>
      <c r="K15" s="261">
        <v>380</v>
      </c>
      <c r="L15" s="262">
        <v>3313</v>
      </c>
      <c r="M15" s="263">
        <v>3313</v>
      </c>
      <c r="N15" s="257">
        <v>0</v>
      </c>
      <c r="O15" s="261">
        <v>0</v>
      </c>
      <c r="P15" s="258">
        <v>0</v>
      </c>
      <c r="Q15" s="260">
        <v>0</v>
      </c>
      <c r="R15" s="261">
        <v>0</v>
      </c>
      <c r="S15" s="261">
        <v>5</v>
      </c>
      <c r="T15" s="261">
        <v>4</v>
      </c>
      <c r="U15" s="261">
        <v>30</v>
      </c>
      <c r="V15" s="261">
        <v>15</v>
      </c>
      <c r="W15" s="258">
        <v>54</v>
      </c>
      <c r="X15" s="263">
        <v>54</v>
      </c>
      <c r="Y15" s="257">
        <v>101</v>
      </c>
      <c r="Z15" s="261">
        <v>102</v>
      </c>
      <c r="AA15" s="258">
        <v>203</v>
      </c>
      <c r="AB15" s="260">
        <v>0</v>
      </c>
      <c r="AC15" s="261">
        <v>136</v>
      </c>
      <c r="AD15" s="261">
        <v>239</v>
      </c>
      <c r="AE15" s="261">
        <v>125</v>
      </c>
      <c r="AF15" s="261">
        <v>159</v>
      </c>
      <c r="AG15" s="261">
        <v>70</v>
      </c>
      <c r="AH15" s="258">
        <v>729</v>
      </c>
      <c r="AI15" s="263">
        <v>932</v>
      </c>
      <c r="AJ15" s="257">
        <v>0</v>
      </c>
      <c r="AK15" s="261">
        <v>18</v>
      </c>
      <c r="AL15" s="258">
        <v>18</v>
      </c>
      <c r="AM15" s="260">
        <v>0</v>
      </c>
      <c r="AN15" s="261">
        <v>6</v>
      </c>
      <c r="AO15" s="261">
        <v>32</v>
      </c>
      <c r="AP15" s="261">
        <v>15</v>
      </c>
      <c r="AQ15" s="261">
        <v>12</v>
      </c>
      <c r="AR15" s="261">
        <v>0</v>
      </c>
      <c r="AS15" s="258">
        <v>65</v>
      </c>
      <c r="AT15" s="263">
        <v>83</v>
      </c>
      <c r="AU15" s="257">
        <v>0</v>
      </c>
      <c r="AV15" s="261">
        <v>0</v>
      </c>
      <c r="AW15" s="258">
        <v>0</v>
      </c>
      <c r="AX15" s="260">
        <v>0</v>
      </c>
      <c r="AY15" s="261">
        <v>391</v>
      </c>
      <c r="AZ15" s="261">
        <v>343</v>
      </c>
      <c r="BA15" s="261">
        <v>247</v>
      </c>
      <c r="BB15" s="261">
        <v>237</v>
      </c>
      <c r="BC15" s="261">
        <v>26</v>
      </c>
      <c r="BD15" s="262">
        <v>1244</v>
      </c>
      <c r="BE15" s="263">
        <v>1244</v>
      </c>
      <c r="BF15" s="257">
        <v>0</v>
      </c>
      <c r="BG15" s="261">
        <v>0</v>
      </c>
      <c r="BH15" s="258">
        <v>0</v>
      </c>
      <c r="BI15" s="260">
        <v>0</v>
      </c>
      <c r="BJ15" s="261">
        <v>66</v>
      </c>
      <c r="BK15" s="261">
        <v>103</v>
      </c>
      <c r="BL15" s="261">
        <v>98</v>
      </c>
      <c r="BM15" s="261">
        <v>50</v>
      </c>
      <c r="BN15" s="261">
        <v>0</v>
      </c>
      <c r="BO15" s="258">
        <v>317</v>
      </c>
      <c r="BP15" s="263">
        <v>317</v>
      </c>
      <c r="BQ15" s="257">
        <v>0</v>
      </c>
      <c r="BR15" s="261">
        <v>9</v>
      </c>
      <c r="BS15" s="258">
        <v>9</v>
      </c>
      <c r="BT15" s="260">
        <v>0</v>
      </c>
      <c r="BU15" s="261">
        <v>62</v>
      </c>
      <c r="BV15" s="261">
        <v>52</v>
      </c>
      <c r="BW15" s="261">
        <v>83</v>
      </c>
      <c r="BX15" s="261">
        <v>70</v>
      </c>
      <c r="BY15" s="261">
        <v>0</v>
      </c>
      <c r="BZ15" s="258">
        <v>267</v>
      </c>
      <c r="CA15" s="263">
        <v>276</v>
      </c>
      <c r="CB15" s="257">
        <v>0</v>
      </c>
      <c r="CC15" s="261">
        <v>0</v>
      </c>
      <c r="CD15" s="258">
        <v>0</v>
      </c>
      <c r="CE15" s="260">
        <v>0</v>
      </c>
      <c r="CF15" s="261">
        <v>0</v>
      </c>
      <c r="CG15" s="261">
        <v>0</v>
      </c>
      <c r="CH15" s="261">
        <v>0</v>
      </c>
      <c r="CI15" s="261">
        <v>7</v>
      </c>
      <c r="CJ15" s="261">
        <v>0</v>
      </c>
      <c r="CK15" s="258">
        <v>7</v>
      </c>
      <c r="CL15" s="263">
        <v>7</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68" t="s">
        <v>13</v>
      </c>
      <c r="C16" s="257">
        <v>0</v>
      </c>
      <c r="D16" s="261">
        <v>0</v>
      </c>
      <c r="E16" s="356">
        <v>0</v>
      </c>
      <c r="F16" s="260">
        <v>0</v>
      </c>
      <c r="G16" s="261">
        <v>136</v>
      </c>
      <c r="H16" s="261">
        <v>163</v>
      </c>
      <c r="I16" s="261">
        <v>220</v>
      </c>
      <c r="J16" s="261">
        <v>469</v>
      </c>
      <c r="K16" s="261">
        <v>418</v>
      </c>
      <c r="L16" s="262">
        <v>1406</v>
      </c>
      <c r="M16" s="263">
        <v>1406</v>
      </c>
      <c r="N16" s="257">
        <v>0</v>
      </c>
      <c r="O16" s="261">
        <v>0</v>
      </c>
      <c r="P16" s="258">
        <v>0</v>
      </c>
      <c r="Q16" s="260">
        <v>0</v>
      </c>
      <c r="R16" s="261">
        <v>0</v>
      </c>
      <c r="S16" s="261">
        <v>0</v>
      </c>
      <c r="T16" s="261">
        <v>5</v>
      </c>
      <c r="U16" s="261">
        <v>8</v>
      </c>
      <c r="V16" s="261">
        <v>22</v>
      </c>
      <c r="W16" s="258">
        <v>35</v>
      </c>
      <c r="X16" s="263">
        <v>35</v>
      </c>
      <c r="Y16" s="257">
        <v>0</v>
      </c>
      <c r="Z16" s="261">
        <v>4</v>
      </c>
      <c r="AA16" s="258">
        <v>4</v>
      </c>
      <c r="AB16" s="260">
        <v>0</v>
      </c>
      <c r="AC16" s="261">
        <v>95</v>
      </c>
      <c r="AD16" s="261">
        <v>237</v>
      </c>
      <c r="AE16" s="261">
        <v>72</v>
      </c>
      <c r="AF16" s="261">
        <v>66</v>
      </c>
      <c r="AG16" s="261">
        <v>96</v>
      </c>
      <c r="AH16" s="258">
        <v>566</v>
      </c>
      <c r="AI16" s="263">
        <v>570</v>
      </c>
      <c r="AJ16" s="257">
        <v>10</v>
      </c>
      <c r="AK16" s="261">
        <v>0</v>
      </c>
      <c r="AL16" s="258">
        <v>10</v>
      </c>
      <c r="AM16" s="260">
        <v>0</v>
      </c>
      <c r="AN16" s="261">
        <v>18</v>
      </c>
      <c r="AO16" s="261">
        <v>12</v>
      </c>
      <c r="AP16" s="261">
        <v>6</v>
      </c>
      <c r="AQ16" s="261">
        <v>28</v>
      </c>
      <c r="AR16" s="261">
        <v>6</v>
      </c>
      <c r="AS16" s="258">
        <v>70</v>
      </c>
      <c r="AT16" s="263">
        <v>80</v>
      </c>
      <c r="AU16" s="257">
        <v>0</v>
      </c>
      <c r="AV16" s="261">
        <v>0</v>
      </c>
      <c r="AW16" s="258">
        <v>0</v>
      </c>
      <c r="AX16" s="260">
        <v>0</v>
      </c>
      <c r="AY16" s="261">
        <v>90</v>
      </c>
      <c r="AZ16" s="261">
        <v>124</v>
      </c>
      <c r="BA16" s="261">
        <v>157</v>
      </c>
      <c r="BB16" s="261">
        <v>58</v>
      </c>
      <c r="BC16" s="261">
        <v>5</v>
      </c>
      <c r="BD16" s="262">
        <v>434</v>
      </c>
      <c r="BE16" s="263">
        <v>434</v>
      </c>
      <c r="BF16" s="257">
        <v>0</v>
      </c>
      <c r="BG16" s="261">
        <v>0</v>
      </c>
      <c r="BH16" s="258">
        <v>0</v>
      </c>
      <c r="BI16" s="260">
        <v>0</v>
      </c>
      <c r="BJ16" s="261">
        <v>16</v>
      </c>
      <c r="BK16" s="261">
        <v>13</v>
      </c>
      <c r="BL16" s="261">
        <v>20</v>
      </c>
      <c r="BM16" s="261">
        <v>8</v>
      </c>
      <c r="BN16" s="261">
        <v>23</v>
      </c>
      <c r="BO16" s="258">
        <v>80</v>
      </c>
      <c r="BP16" s="263">
        <v>80</v>
      </c>
      <c r="BQ16" s="257">
        <v>0</v>
      </c>
      <c r="BR16" s="261">
        <v>0</v>
      </c>
      <c r="BS16" s="258">
        <v>0</v>
      </c>
      <c r="BT16" s="260">
        <v>0</v>
      </c>
      <c r="BU16" s="261">
        <v>6</v>
      </c>
      <c r="BV16" s="261">
        <v>6</v>
      </c>
      <c r="BW16" s="261">
        <v>24</v>
      </c>
      <c r="BX16" s="261">
        <v>50</v>
      </c>
      <c r="BY16" s="261">
        <v>7</v>
      </c>
      <c r="BZ16" s="258">
        <v>93</v>
      </c>
      <c r="CA16" s="263">
        <v>93</v>
      </c>
      <c r="CB16" s="257">
        <v>0</v>
      </c>
      <c r="CC16" s="261">
        <v>0</v>
      </c>
      <c r="CD16" s="258">
        <v>0</v>
      </c>
      <c r="CE16" s="260">
        <v>0</v>
      </c>
      <c r="CF16" s="261">
        <v>0</v>
      </c>
      <c r="CG16" s="261">
        <v>0</v>
      </c>
      <c r="CH16" s="261">
        <v>0</v>
      </c>
      <c r="CI16" s="261">
        <v>0</v>
      </c>
      <c r="CJ16" s="261">
        <v>2</v>
      </c>
      <c r="CK16" s="258">
        <v>2</v>
      </c>
      <c r="CL16" s="263">
        <v>2</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68" t="s">
        <v>15</v>
      </c>
      <c r="C17" s="257">
        <v>0</v>
      </c>
      <c r="D17" s="261">
        <v>0</v>
      </c>
      <c r="E17" s="356">
        <v>0</v>
      </c>
      <c r="F17" s="260">
        <v>0</v>
      </c>
      <c r="G17" s="261">
        <v>85</v>
      </c>
      <c r="H17" s="261">
        <v>69</v>
      </c>
      <c r="I17" s="261">
        <v>139</v>
      </c>
      <c r="J17" s="261">
        <v>311</v>
      </c>
      <c r="K17" s="261">
        <v>151</v>
      </c>
      <c r="L17" s="262">
        <v>755</v>
      </c>
      <c r="M17" s="263">
        <v>755</v>
      </c>
      <c r="N17" s="257">
        <v>0</v>
      </c>
      <c r="O17" s="261">
        <v>0</v>
      </c>
      <c r="P17" s="258">
        <v>0</v>
      </c>
      <c r="Q17" s="260">
        <v>0</v>
      </c>
      <c r="R17" s="261">
        <v>0</v>
      </c>
      <c r="S17" s="261">
        <v>3</v>
      </c>
      <c r="T17" s="261">
        <v>0</v>
      </c>
      <c r="U17" s="261">
        <v>4</v>
      </c>
      <c r="V17" s="261">
        <v>0</v>
      </c>
      <c r="W17" s="258">
        <v>7</v>
      </c>
      <c r="X17" s="263">
        <v>7</v>
      </c>
      <c r="Y17" s="257">
        <v>0</v>
      </c>
      <c r="Z17" s="261">
        <v>8</v>
      </c>
      <c r="AA17" s="258">
        <v>8</v>
      </c>
      <c r="AB17" s="260">
        <v>0</v>
      </c>
      <c r="AC17" s="261">
        <v>48</v>
      </c>
      <c r="AD17" s="261">
        <v>26</v>
      </c>
      <c r="AE17" s="261">
        <v>40</v>
      </c>
      <c r="AF17" s="261">
        <v>17</v>
      </c>
      <c r="AG17" s="261">
        <v>4</v>
      </c>
      <c r="AH17" s="258">
        <v>135</v>
      </c>
      <c r="AI17" s="263">
        <v>143</v>
      </c>
      <c r="AJ17" s="257">
        <v>0</v>
      </c>
      <c r="AK17" s="261">
        <v>0</v>
      </c>
      <c r="AL17" s="258">
        <v>0</v>
      </c>
      <c r="AM17" s="260">
        <v>0</v>
      </c>
      <c r="AN17" s="261">
        <v>16</v>
      </c>
      <c r="AO17" s="261">
        <v>24</v>
      </c>
      <c r="AP17" s="261">
        <v>0</v>
      </c>
      <c r="AQ17" s="261">
        <v>0</v>
      </c>
      <c r="AR17" s="261">
        <v>0</v>
      </c>
      <c r="AS17" s="258">
        <v>40</v>
      </c>
      <c r="AT17" s="263">
        <v>40</v>
      </c>
      <c r="AU17" s="257">
        <v>0</v>
      </c>
      <c r="AV17" s="261">
        <v>0</v>
      </c>
      <c r="AW17" s="258">
        <v>0</v>
      </c>
      <c r="AX17" s="260">
        <v>0</v>
      </c>
      <c r="AY17" s="261">
        <v>51</v>
      </c>
      <c r="AZ17" s="261">
        <v>35</v>
      </c>
      <c r="BA17" s="261">
        <v>28</v>
      </c>
      <c r="BB17" s="261">
        <v>18</v>
      </c>
      <c r="BC17" s="261">
        <v>0</v>
      </c>
      <c r="BD17" s="262">
        <v>132</v>
      </c>
      <c r="BE17" s="263">
        <v>132</v>
      </c>
      <c r="BF17" s="257">
        <v>0</v>
      </c>
      <c r="BG17" s="261">
        <v>0</v>
      </c>
      <c r="BH17" s="258">
        <v>0</v>
      </c>
      <c r="BI17" s="260">
        <v>0</v>
      </c>
      <c r="BJ17" s="261">
        <v>10</v>
      </c>
      <c r="BK17" s="261">
        <v>27</v>
      </c>
      <c r="BL17" s="261">
        <v>35</v>
      </c>
      <c r="BM17" s="261">
        <v>0</v>
      </c>
      <c r="BN17" s="261">
        <v>0</v>
      </c>
      <c r="BO17" s="258">
        <v>72</v>
      </c>
      <c r="BP17" s="263">
        <v>72</v>
      </c>
      <c r="BQ17" s="257">
        <v>0</v>
      </c>
      <c r="BR17" s="261">
        <v>0</v>
      </c>
      <c r="BS17" s="258">
        <v>0</v>
      </c>
      <c r="BT17" s="260">
        <v>0</v>
      </c>
      <c r="BU17" s="261">
        <v>13</v>
      </c>
      <c r="BV17" s="261">
        <v>13</v>
      </c>
      <c r="BW17" s="261">
        <v>30</v>
      </c>
      <c r="BX17" s="261">
        <v>0</v>
      </c>
      <c r="BY17" s="261">
        <v>0</v>
      </c>
      <c r="BZ17" s="258">
        <v>56</v>
      </c>
      <c r="CA17" s="263">
        <v>56</v>
      </c>
      <c r="CB17" s="257">
        <v>0</v>
      </c>
      <c r="CC17" s="261">
        <v>0</v>
      </c>
      <c r="CD17" s="258">
        <v>0</v>
      </c>
      <c r="CE17" s="260">
        <v>0</v>
      </c>
      <c r="CF17" s="261">
        <v>0</v>
      </c>
      <c r="CG17" s="261">
        <v>0</v>
      </c>
      <c r="CH17" s="261">
        <v>3</v>
      </c>
      <c r="CI17" s="261">
        <v>0</v>
      </c>
      <c r="CJ17" s="261">
        <v>0</v>
      </c>
      <c r="CK17" s="258">
        <v>3</v>
      </c>
      <c r="CL17" s="263">
        <v>3</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68" t="s">
        <v>16</v>
      </c>
      <c r="C18" s="257">
        <v>0</v>
      </c>
      <c r="D18" s="261">
        <v>0</v>
      </c>
      <c r="E18" s="356">
        <v>0</v>
      </c>
      <c r="F18" s="260">
        <v>0</v>
      </c>
      <c r="G18" s="261">
        <v>158</v>
      </c>
      <c r="H18" s="261">
        <v>123</v>
      </c>
      <c r="I18" s="261">
        <v>76</v>
      </c>
      <c r="J18" s="261">
        <v>26</v>
      </c>
      <c r="K18" s="261">
        <v>112</v>
      </c>
      <c r="L18" s="262">
        <v>495</v>
      </c>
      <c r="M18" s="263">
        <v>495</v>
      </c>
      <c r="N18" s="257">
        <v>0</v>
      </c>
      <c r="O18" s="261">
        <v>0</v>
      </c>
      <c r="P18" s="258">
        <v>0</v>
      </c>
      <c r="Q18" s="260">
        <v>0</v>
      </c>
      <c r="R18" s="261">
        <v>0</v>
      </c>
      <c r="S18" s="261">
        <v>0</v>
      </c>
      <c r="T18" s="261">
        <v>1</v>
      </c>
      <c r="U18" s="261">
        <v>5</v>
      </c>
      <c r="V18" s="261">
        <v>15</v>
      </c>
      <c r="W18" s="258">
        <v>21</v>
      </c>
      <c r="X18" s="263">
        <v>21</v>
      </c>
      <c r="Y18" s="257">
        <v>22</v>
      </c>
      <c r="Z18" s="261">
        <v>15</v>
      </c>
      <c r="AA18" s="258">
        <v>37</v>
      </c>
      <c r="AB18" s="260">
        <v>0</v>
      </c>
      <c r="AC18" s="261">
        <v>150</v>
      </c>
      <c r="AD18" s="261">
        <v>189</v>
      </c>
      <c r="AE18" s="261">
        <v>59</v>
      </c>
      <c r="AF18" s="261">
        <v>75</v>
      </c>
      <c r="AG18" s="261">
        <v>7</v>
      </c>
      <c r="AH18" s="258">
        <v>480</v>
      </c>
      <c r="AI18" s="263">
        <v>517</v>
      </c>
      <c r="AJ18" s="257">
        <v>0</v>
      </c>
      <c r="AK18" s="261">
        <v>14</v>
      </c>
      <c r="AL18" s="258">
        <v>14</v>
      </c>
      <c r="AM18" s="260">
        <v>0</v>
      </c>
      <c r="AN18" s="261">
        <v>24</v>
      </c>
      <c r="AO18" s="261">
        <v>31</v>
      </c>
      <c r="AP18" s="261">
        <v>0</v>
      </c>
      <c r="AQ18" s="261">
        <v>0</v>
      </c>
      <c r="AR18" s="261">
        <v>0</v>
      </c>
      <c r="AS18" s="258">
        <v>55</v>
      </c>
      <c r="AT18" s="263">
        <v>69</v>
      </c>
      <c r="AU18" s="257">
        <v>0</v>
      </c>
      <c r="AV18" s="261">
        <v>0</v>
      </c>
      <c r="AW18" s="258">
        <v>0</v>
      </c>
      <c r="AX18" s="260">
        <v>0</v>
      </c>
      <c r="AY18" s="261">
        <v>140</v>
      </c>
      <c r="AZ18" s="261">
        <v>309</v>
      </c>
      <c r="BA18" s="261">
        <v>132</v>
      </c>
      <c r="BB18" s="261">
        <v>53</v>
      </c>
      <c r="BC18" s="261">
        <v>5</v>
      </c>
      <c r="BD18" s="262">
        <v>639</v>
      </c>
      <c r="BE18" s="263">
        <v>639</v>
      </c>
      <c r="BF18" s="257">
        <v>0</v>
      </c>
      <c r="BG18" s="261">
        <v>0</v>
      </c>
      <c r="BH18" s="258">
        <v>0</v>
      </c>
      <c r="BI18" s="260">
        <v>0</v>
      </c>
      <c r="BJ18" s="261">
        <v>71</v>
      </c>
      <c r="BK18" s="261">
        <v>179</v>
      </c>
      <c r="BL18" s="261">
        <v>98</v>
      </c>
      <c r="BM18" s="261">
        <v>18</v>
      </c>
      <c r="BN18" s="261">
        <v>0</v>
      </c>
      <c r="BO18" s="258">
        <v>366</v>
      </c>
      <c r="BP18" s="263">
        <v>366</v>
      </c>
      <c r="BQ18" s="257">
        <v>0</v>
      </c>
      <c r="BR18" s="261">
        <v>0</v>
      </c>
      <c r="BS18" s="258">
        <v>0</v>
      </c>
      <c r="BT18" s="260">
        <v>0</v>
      </c>
      <c r="BU18" s="261">
        <v>0</v>
      </c>
      <c r="BV18" s="261">
        <v>16</v>
      </c>
      <c r="BW18" s="261">
        <v>25</v>
      </c>
      <c r="BX18" s="261">
        <v>19</v>
      </c>
      <c r="BY18" s="261">
        <v>0</v>
      </c>
      <c r="BZ18" s="258">
        <v>60</v>
      </c>
      <c r="CA18" s="263">
        <v>60</v>
      </c>
      <c r="CB18" s="257">
        <v>0</v>
      </c>
      <c r="CC18" s="261">
        <v>0</v>
      </c>
      <c r="CD18" s="258">
        <v>0</v>
      </c>
      <c r="CE18" s="260">
        <v>0</v>
      </c>
      <c r="CF18" s="261">
        <v>6</v>
      </c>
      <c r="CG18" s="261">
        <v>0</v>
      </c>
      <c r="CH18" s="261">
        <v>8</v>
      </c>
      <c r="CI18" s="261">
        <v>7</v>
      </c>
      <c r="CJ18" s="261">
        <v>0</v>
      </c>
      <c r="CK18" s="258">
        <v>21</v>
      </c>
      <c r="CL18" s="263">
        <v>21</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68" t="s">
        <v>17</v>
      </c>
      <c r="C19" s="257">
        <v>0</v>
      </c>
      <c r="D19" s="261">
        <v>0</v>
      </c>
      <c r="E19" s="356">
        <v>0</v>
      </c>
      <c r="F19" s="260">
        <v>0</v>
      </c>
      <c r="G19" s="261">
        <v>127</v>
      </c>
      <c r="H19" s="261">
        <v>275</v>
      </c>
      <c r="I19" s="261">
        <v>242</v>
      </c>
      <c r="J19" s="261">
        <v>4</v>
      </c>
      <c r="K19" s="261">
        <v>313</v>
      </c>
      <c r="L19" s="262">
        <v>961</v>
      </c>
      <c r="M19" s="263">
        <v>961</v>
      </c>
      <c r="N19" s="257">
        <v>0</v>
      </c>
      <c r="O19" s="261">
        <v>0</v>
      </c>
      <c r="P19" s="258">
        <v>0</v>
      </c>
      <c r="Q19" s="260">
        <v>0</v>
      </c>
      <c r="R19" s="261">
        <v>0</v>
      </c>
      <c r="S19" s="261">
        <v>2</v>
      </c>
      <c r="T19" s="261">
        <v>4</v>
      </c>
      <c r="U19" s="261">
        <v>4</v>
      </c>
      <c r="V19" s="261">
        <v>10</v>
      </c>
      <c r="W19" s="258">
        <v>20</v>
      </c>
      <c r="X19" s="263">
        <v>20</v>
      </c>
      <c r="Y19" s="257">
        <v>0</v>
      </c>
      <c r="Z19" s="261">
        <v>18</v>
      </c>
      <c r="AA19" s="258">
        <v>18</v>
      </c>
      <c r="AB19" s="260">
        <v>0</v>
      </c>
      <c r="AC19" s="261">
        <v>96</v>
      </c>
      <c r="AD19" s="261">
        <v>100</v>
      </c>
      <c r="AE19" s="261">
        <v>119</v>
      </c>
      <c r="AF19" s="261">
        <v>10</v>
      </c>
      <c r="AG19" s="261">
        <v>18</v>
      </c>
      <c r="AH19" s="258">
        <v>343</v>
      </c>
      <c r="AI19" s="263">
        <v>361</v>
      </c>
      <c r="AJ19" s="257">
        <v>0</v>
      </c>
      <c r="AK19" s="261">
        <v>12</v>
      </c>
      <c r="AL19" s="258">
        <v>12</v>
      </c>
      <c r="AM19" s="260">
        <v>0</v>
      </c>
      <c r="AN19" s="261">
        <v>0</v>
      </c>
      <c r="AO19" s="261">
        <v>18</v>
      </c>
      <c r="AP19" s="261">
        <v>21</v>
      </c>
      <c r="AQ19" s="261">
        <v>0</v>
      </c>
      <c r="AR19" s="261">
        <v>0</v>
      </c>
      <c r="AS19" s="258">
        <v>39</v>
      </c>
      <c r="AT19" s="263">
        <v>51</v>
      </c>
      <c r="AU19" s="257">
        <v>0</v>
      </c>
      <c r="AV19" s="261">
        <v>0</v>
      </c>
      <c r="AW19" s="258">
        <v>0</v>
      </c>
      <c r="AX19" s="260">
        <v>0</v>
      </c>
      <c r="AY19" s="261">
        <v>177</v>
      </c>
      <c r="AZ19" s="261">
        <v>268</v>
      </c>
      <c r="BA19" s="261">
        <v>59</v>
      </c>
      <c r="BB19" s="261">
        <v>29</v>
      </c>
      <c r="BC19" s="261">
        <v>22</v>
      </c>
      <c r="BD19" s="262">
        <v>555</v>
      </c>
      <c r="BE19" s="263">
        <v>555</v>
      </c>
      <c r="BF19" s="257">
        <v>0</v>
      </c>
      <c r="BG19" s="261">
        <v>0</v>
      </c>
      <c r="BH19" s="258">
        <v>0</v>
      </c>
      <c r="BI19" s="260">
        <v>0</v>
      </c>
      <c r="BJ19" s="261">
        <v>13</v>
      </c>
      <c r="BK19" s="261">
        <v>74</v>
      </c>
      <c r="BL19" s="261">
        <v>47</v>
      </c>
      <c r="BM19" s="261">
        <v>8</v>
      </c>
      <c r="BN19" s="261">
        <v>11</v>
      </c>
      <c r="BO19" s="258">
        <v>153</v>
      </c>
      <c r="BP19" s="263">
        <v>153</v>
      </c>
      <c r="BQ19" s="257">
        <v>0</v>
      </c>
      <c r="BR19" s="261">
        <v>0</v>
      </c>
      <c r="BS19" s="258">
        <v>0</v>
      </c>
      <c r="BT19" s="260">
        <v>0</v>
      </c>
      <c r="BU19" s="261">
        <v>30</v>
      </c>
      <c r="BV19" s="261">
        <v>54</v>
      </c>
      <c r="BW19" s="261">
        <v>17</v>
      </c>
      <c r="BX19" s="261">
        <v>80</v>
      </c>
      <c r="BY19" s="261">
        <v>36</v>
      </c>
      <c r="BZ19" s="258">
        <v>217</v>
      </c>
      <c r="CA19" s="263">
        <v>217</v>
      </c>
      <c r="CB19" s="257">
        <v>0</v>
      </c>
      <c r="CC19" s="261">
        <v>0</v>
      </c>
      <c r="CD19" s="258">
        <v>0</v>
      </c>
      <c r="CE19" s="260">
        <v>0</v>
      </c>
      <c r="CF19" s="261">
        <v>0</v>
      </c>
      <c r="CG19" s="261">
        <v>3</v>
      </c>
      <c r="CH19" s="261">
        <v>7</v>
      </c>
      <c r="CI19" s="261">
        <v>3</v>
      </c>
      <c r="CJ19" s="261">
        <v>0</v>
      </c>
      <c r="CK19" s="258">
        <v>13</v>
      </c>
      <c r="CL19" s="263">
        <v>13</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68" t="s">
        <v>18</v>
      </c>
      <c r="C20" s="257">
        <v>0</v>
      </c>
      <c r="D20" s="261">
        <v>0</v>
      </c>
      <c r="E20" s="356">
        <v>0</v>
      </c>
      <c r="F20" s="260">
        <v>0</v>
      </c>
      <c r="G20" s="261">
        <v>347</v>
      </c>
      <c r="H20" s="261">
        <v>343</v>
      </c>
      <c r="I20" s="261">
        <v>687</v>
      </c>
      <c r="J20" s="261">
        <v>679</v>
      </c>
      <c r="K20" s="261">
        <v>73</v>
      </c>
      <c r="L20" s="262">
        <v>2129</v>
      </c>
      <c r="M20" s="263">
        <v>2129</v>
      </c>
      <c r="N20" s="257">
        <v>0</v>
      </c>
      <c r="O20" s="261">
        <v>0</v>
      </c>
      <c r="P20" s="258">
        <v>0</v>
      </c>
      <c r="Q20" s="260">
        <v>0</v>
      </c>
      <c r="R20" s="261">
        <v>5</v>
      </c>
      <c r="S20" s="261">
        <v>0</v>
      </c>
      <c r="T20" s="261">
        <v>2</v>
      </c>
      <c r="U20" s="261">
        <v>0</v>
      </c>
      <c r="V20" s="261">
        <v>12</v>
      </c>
      <c r="W20" s="258">
        <v>19</v>
      </c>
      <c r="X20" s="263">
        <v>19</v>
      </c>
      <c r="Y20" s="257">
        <v>24</v>
      </c>
      <c r="Z20" s="261">
        <v>46</v>
      </c>
      <c r="AA20" s="258">
        <v>70</v>
      </c>
      <c r="AB20" s="260">
        <v>0</v>
      </c>
      <c r="AC20" s="261">
        <v>157</v>
      </c>
      <c r="AD20" s="261">
        <v>214</v>
      </c>
      <c r="AE20" s="261">
        <v>148</v>
      </c>
      <c r="AF20" s="261">
        <v>89</v>
      </c>
      <c r="AG20" s="261">
        <v>53</v>
      </c>
      <c r="AH20" s="258">
        <v>661</v>
      </c>
      <c r="AI20" s="263">
        <v>731</v>
      </c>
      <c r="AJ20" s="257">
        <v>0</v>
      </c>
      <c r="AK20" s="261">
        <v>27</v>
      </c>
      <c r="AL20" s="258">
        <v>27</v>
      </c>
      <c r="AM20" s="260">
        <v>0</v>
      </c>
      <c r="AN20" s="261">
        <v>50</v>
      </c>
      <c r="AO20" s="261">
        <v>39</v>
      </c>
      <c r="AP20" s="261">
        <v>21</v>
      </c>
      <c r="AQ20" s="261">
        <v>78</v>
      </c>
      <c r="AR20" s="261">
        <v>0</v>
      </c>
      <c r="AS20" s="258">
        <v>188</v>
      </c>
      <c r="AT20" s="263">
        <v>215</v>
      </c>
      <c r="AU20" s="257">
        <v>0</v>
      </c>
      <c r="AV20" s="261">
        <v>0</v>
      </c>
      <c r="AW20" s="258">
        <v>0</v>
      </c>
      <c r="AX20" s="260">
        <v>0</v>
      </c>
      <c r="AY20" s="261">
        <v>385</v>
      </c>
      <c r="AZ20" s="261">
        <v>350</v>
      </c>
      <c r="BA20" s="261">
        <v>214</v>
      </c>
      <c r="BB20" s="261">
        <v>39</v>
      </c>
      <c r="BC20" s="261">
        <v>11</v>
      </c>
      <c r="BD20" s="262">
        <v>999</v>
      </c>
      <c r="BE20" s="263">
        <v>999</v>
      </c>
      <c r="BF20" s="257">
        <v>0</v>
      </c>
      <c r="BG20" s="261">
        <v>0</v>
      </c>
      <c r="BH20" s="258">
        <v>0</v>
      </c>
      <c r="BI20" s="260">
        <v>0</v>
      </c>
      <c r="BJ20" s="261">
        <v>86</v>
      </c>
      <c r="BK20" s="261">
        <v>79</v>
      </c>
      <c r="BL20" s="261">
        <v>86</v>
      </c>
      <c r="BM20" s="261">
        <v>13</v>
      </c>
      <c r="BN20" s="261">
        <v>9</v>
      </c>
      <c r="BO20" s="258">
        <v>273</v>
      </c>
      <c r="BP20" s="263">
        <v>273</v>
      </c>
      <c r="BQ20" s="257">
        <v>0</v>
      </c>
      <c r="BR20" s="261">
        <v>3</v>
      </c>
      <c r="BS20" s="258">
        <v>3</v>
      </c>
      <c r="BT20" s="260">
        <v>0</v>
      </c>
      <c r="BU20" s="261">
        <v>32</v>
      </c>
      <c r="BV20" s="261">
        <v>60</v>
      </c>
      <c r="BW20" s="261">
        <v>98</v>
      </c>
      <c r="BX20" s="261">
        <v>188</v>
      </c>
      <c r="BY20" s="261">
        <v>24</v>
      </c>
      <c r="BZ20" s="258">
        <v>402</v>
      </c>
      <c r="CA20" s="263">
        <v>405</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68" t="s">
        <v>19</v>
      </c>
      <c r="C21" s="257">
        <v>0</v>
      </c>
      <c r="D21" s="261">
        <v>0</v>
      </c>
      <c r="E21" s="356">
        <v>0</v>
      </c>
      <c r="F21" s="260">
        <v>0</v>
      </c>
      <c r="G21" s="261">
        <v>73</v>
      </c>
      <c r="H21" s="261">
        <v>89</v>
      </c>
      <c r="I21" s="261">
        <v>138</v>
      </c>
      <c r="J21" s="261">
        <v>120</v>
      </c>
      <c r="K21" s="261">
        <v>146</v>
      </c>
      <c r="L21" s="262">
        <v>566</v>
      </c>
      <c r="M21" s="263">
        <v>566</v>
      </c>
      <c r="N21" s="257">
        <v>0</v>
      </c>
      <c r="O21" s="261">
        <v>0</v>
      </c>
      <c r="P21" s="258">
        <v>0</v>
      </c>
      <c r="Q21" s="260">
        <v>0</v>
      </c>
      <c r="R21" s="261">
        <v>0</v>
      </c>
      <c r="S21" s="261">
        <v>5</v>
      </c>
      <c r="T21" s="261">
        <v>4</v>
      </c>
      <c r="U21" s="261">
        <v>9</v>
      </c>
      <c r="V21" s="261">
        <v>8</v>
      </c>
      <c r="W21" s="258">
        <v>26</v>
      </c>
      <c r="X21" s="263">
        <v>26</v>
      </c>
      <c r="Y21" s="257">
        <v>10</v>
      </c>
      <c r="Z21" s="261">
        <v>13</v>
      </c>
      <c r="AA21" s="258">
        <v>23</v>
      </c>
      <c r="AB21" s="260">
        <v>0</v>
      </c>
      <c r="AC21" s="261">
        <v>84</v>
      </c>
      <c r="AD21" s="261">
        <v>56</v>
      </c>
      <c r="AE21" s="261">
        <v>73</v>
      </c>
      <c r="AF21" s="261">
        <v>51</v>
      </c>
      <c r="AG21" s="261">
        <v>84</v>
      </c>
      <c r="AH21" s="258">
        <v>348</v>
      </c>
      <c r="AI21" s="263">
        <v>371</v>
      </c>
      <c r="AJ21" s="257">
        <v>0</v>
      </c>
      <c r="AK21" s="261">
        <v>0</v>
      </c>
      <c r="AL21" s="258">
        <v>0</v>
      </c>
      <c r="AM21" s="260">
        <v>0</v>
      </c>
      <c r="AN21" s="261">
        <v>9</v>
      </c>
      <c r="AO21" s="261">
        <v>9</v>
      </c>
      <c r="AP21" s="261">
        <v>0</v>
      </c>
      <c r="AQ21" s="261">
        <v>0</v>
      </c>
      <c r="AR21" s="261">
        <v>0</v>
      </c>
      <c r="AS21" s="258">
        <v>18</v>
      </c>
      <c r="AT21" s="263">
        <v>18</v>
      </c>
      <c r="AU21" s="257">
        <v>0</v>
      </c>
      <c r="AV21" s="261">
        <v>0</v>
      </c>
      <c r="AW21" s="258">
        <v>0</v>
      </c>
      <c r="AX21" s="260">
        <v>0</v>
      </c>
      <c r="AY21" s="261">
        <v>198</v>
      </c>
      <c r="AZ21" s="261">
        <v>123</v>
      </c>
      <c r="BA21" s="261">
        <v>49</v>
      </c>
      <c r="BB21" s="261">
        <v>12</v>
      </c>
      <c r="BC21" s="261">
        <v>4</v>
      </c>
      <c r="BD21" s="262">
        <v>386</v>
      </c>
      <c r="BE21" s="263">
        <v>386</v>
      </c>
      <c r="BF21" s="257">
        <v>0</v>
      </c>
      <c r="BG21" s="261">
        <v>0</v>
      </c>
      <c r="BH21" s="258">
        <v>0</v>
      </c>
      <c r="BI21" s="260">
        <v>0</v>
      </c>
      <c r="BJ21" s="261">
        <v>86</v>
      </c>
      <c r="BK21" s="261">
        <v>50</v>
      </c>
      <c r="BL21" s="261">
        <v>21</v>
      </c>
      <c r="BM21" s="261">
        <v>10</v>
      </c>
      <c r="BN21" s="261">
        <v>0</v>
      </c>
      <c r="BO21" s="258">
        <v>167</v>
      </c>
      <c r="BP21" s="263">
        <v>167</v>
      </c>
      <c r="BQ21" s="257">
        <v>0</v>
      </c>
      <c r="BR21" s="261">
        <v>0</v>
      </c>
      <c r="BS21" s="258">
        <v>0</v>
      </c>
      <c r="BT21" s="260">
        <v>0</v>
      </c>
      <c r="BU21" s="261">
        <v>7</v>
      </c>
      <c r="BV21" s="261">
        <v>0</v>
      </c>
      <c r="BW21" s="261">
        <v>11</v>
      </c>
      <c r="BX21" s="261">
        <v>8</v>
      </c>
      <c r="BY21" s="261">
        <v>29</v>
      </c>
      <c r="BZ21" s="258">
        <v>55</v>
      </c>
      <c r="CA21" s="263">
        <v>55</v>
      </c>
      <c r="CB21" s="257">
        <v>0</v>
      </c>
      <c r="CC21" s="261">
        <v>0</v>
      </c>
      <c r="CD21" s="258">
        <v>0</v>
      </c>
      <c r="CE21" s="260">
        <v>0</v>
      </c>
      <c r="CF21" s="261">
        <v>0</v>
      </c>
      <c r="CG21" s="261">
        <v>3</v>
      </c>
      <c r="CH21" s="261">
        <v>0</v>
      </c>
      <c r="CI21" s="261">
        <v>14</v>
      </c>
      <c r="CJ21" s="261">
        <v>0</v>
      </c>
      <c r="CK21" s="258">
        <v>17</v>
      </c>
      <c r="CL21" s="263">
        <v>17</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68" t="s">
        <v>20</v>
      </c>
      <c r="C22" s="257">
        <v>0</v>
      </c>
      <c r="D22" s="261">
        <v>0</v>
      </c>
      <c r="E22" s="356">
        <v>0</v>
      </c>
      <c r="F22" s="260">
        <v>0</v>
      </c>
      <c r="G22" s="261">
        <v>328</v>
      </c>
      <c r="H22" s="261">
        <v>223</v>
      </c>
      <c r="I22" s="261">
        <v>178</v>
      </c>
      <c r="J22" s="261">
        <v>308</v>
      </c>
      <c r="K22" s="261">
        <v>318</v>
      </c>
      <c r="L22" s="262">
        <v>1355</v>
      </c>
      <c r="M22" s="263">
        <v>1355</v>
      </c>
      <c r="N22" s="257">
        <v>0</v>
      </c>
      <c r="O22" s="261">
        <v>0</v>
      </c>
      <c r="P22" s="258">
        <v>0</v>
      </c>
      <c r="Q22" s="260">
        <v>0</v>
      </c>
      <c r="R22" s="261">
        <v>0</v>
      </c>
      <c r="S22" s="261">
        <v>0</v>
      </c>
      <c r="T22" s="261">
        <v>8</v>
      </c>
      <c r="U22" s="261">
        <v>8</v>
      </c>
      <c r="V22" s="261">
        <v>15</v>
      </c>
      <c r="W22" s="258">
        <v>31</v>
      </c>
      <c r="X22" s="263">
        <v>31</v>
      </c>
      <c r="Y22" s="257">
        <v>29</v>
      </c>
      <c r="Z22" s="261">
        <v>6</v>
      </c>
      <c r="AA22" s="258">
        <v>35</v>
      </c>
      <c r="AB22" s="260">
        <v>0</v>
      </c>
      <c r="AC22" s="261">
        <v>182</v>
      </c>
      <c r="AD22" s="261">
        <v>152</v>
      </c>
      <c r="AE22" s="261">
        <v>107</v>
      </c>
      <c r="AF22" s="261">
        <v>141</v>
      </c>
      <c r="AG22" s="261">
        <v>104</v>
      </c>
      <c r="AH22" s="258">
        <v>686</v>
      </c>
      <c r="AI22" s="263">
        <v>721</v>
      </c>
      <c r="AJ22" s="257">
        <v>18</v>
      </c>
      <c r="AK22" s="261">
        <v>30</v>
      </c>
      <c r="AL22" s="258">
        <v>48</v>
      </c>
      <c r="AM22" s="260">
        <v>0</v>
      </c>
      <c r="AN22" s="261">
        <v>44</v>
      </c>
      <c r="AO22" s="261">
        <v>88</v>
      </c>
      <c r="AP22" s="261">
        <v>57</v>
      </c>
      <c r="AQ22" s="261">
        <v>32</v>
      </c>
      <c r="AR22" s="261">
        <v>62</v>
      </c>
      <c r="AS22" s="258">
        <v>283</v>
      </c>
      <c r="AT22" s="263">
        <v>331</v>
      </c>
      <c r="AU22" s="257">
        <v>0</v>
      </c>
      <c r="AV22" s="261">
        <v>0</v>
      </c>
      <c r="AW22" s="258">
        <v>0</v>
      </c>
      <c r="AX22" s="260">
        <v>0</v>
      </c>
      <c r="AY22" s="261">
        <v>247</v>
      </c>
      <c r="AZ22" s="261">
        <v>168</v>
      </c>
      <c r="BA22" s="261">
        <v>105</v>
      </c>
      <c r="BB22" s="261">
        <v>43</v>
      </c>
      <c r="BC22" s="261">
        <v>32</v>
      </c>
      <c r="BD22" s="262">
        <v>595</v>
      </c>
      <c r="BE22" s="263">
        <v>595</v>
      </c>
      <c r="BF22" s="257">
        <v>0</v>
      </c>
      <c r="BG22" s="261">
        <v>0</v>
      </c>
      <c r="BH22" s="258">
        <v>0</v>
      </c>
      <c r="BI22" s="260">
        <v>0</v>
      </c>
      <c r="BJ22" s="261">
        <v>63</v>
      </c>
      <c r="BK22" s="261">
        <v>107</v>
      </c>
      <c r="BL22" s="261">
        <v>30</v>
      </c>
      <c r="BM22" s="261">
        <v>38</v>
      </c>
      <c r="BN22" s="261">
        <v>8</v>
      </c>
      <c r="BO22" s="258">
        <v>246</v>
      </c>
      <c r="BP22" s="263">
        <v>246</v>
      </c>
      <c r="BQ22" s="257">
        <v>0</v>
      </c>
      <c r="BR22" s="261">
        <v>5</v>
      </c>
      <c r="BS22" s="258">
        <v>5</v>
      </c>
      <c r="BT22" s="260">
        <v>0</v>
      </c>
      <c r="BU22" s="261">
        <v>13</v>
      </c>
      <c r="BV22" s="261">
        <v>8</v>
      </c>
      <c r="BW22" s="261">
        <v>27</v>
      </c>
      <c r="BX22" s="261">
        <v>122</v>
      </c>
      <c r="BY22" s="261">
        <v>6</v>
      </c>
      <c r="BZ22" s="258">
        <v>176</v>
      </c>
      <c r="CA22" s="263">
        <v>181</v>
      </c>
      <c r="CB22" s="257">
        <v>0</v>
      </c>
      <c r="CC22" s="261">
        <v>0</v>
      </c>
      <c r="CD22" s="258">
        <v>0</v>
      </c>
      <c r="CE22" s="260">
        <v>0</v>
      </c>
      <c r="CF22" s="261">
        <v>0</v>
      </c>
      <c r="CG22" s="261">
        <v>0</v>
      </c>
      <c r="CH22" s="261">
        <v>6</v>
      </c>
      <c r="CI22" s="261">
        <v>13</v>
      </c>
      <c r="CJ22" s="261">
        <v>0</v>
      </c>
      <c r="CK22" s="258">
        <v>19</v>
      </c>
      <c r="CL22" s="263">
        <v>19</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68" t="s">
        <v>21</v>
      </c>
      <c r="C23" s="257">
        <v>0</v>
      </c>
      <c r="D23" s="261">
        <v>0</v>
      </c>
      <c r="E23" s="356">
        <v>0</v>
      </c>
      <c r="F23" s="260">
        <v>0</v>
      </c>
      <c r="G23" s="261">
        <v>128</v>
      </c>
      <c r="H23" s="261">
        <v>153</v>
      </c>
      <c r="I23" s="261">
        <v>87</v>
      </c>
      <c r="J23" s="261">
        <v>302</v>
      </c>
      <c r="K23" s="261">
        <v>401</v>
      </c>
      <c r="L23" s="262">
        <v>1071</v>
      </c>
      <c r="M23" s="263">
        <v>1071</v>
      </c>
      <c r="N23" s="257">
        <v>0</v>
      </c>
      <c r="O23" s="261">
        <v>0</v>
      </c>
      <c r="P23" s="258">
        <v>0</v>
      </c>
      <c r="Q23" s="260">
        <v>0</v>
      </c>
      <c r="R23" s="261">
        <v>0</v>
      </c>
      <c r="S23" s="261">
        <v>0</v>
      </c>
      <c r="T23" s="261">
        <v>0</v>
      </c>
      <c r="U23" s="261">
        <v>0</v>
      </c>
      <c r="V23" s="261">
        <v>11</v>
      </c>
      <c r="W23" s="258">
        <v>11</v>
      </c>
      <c r="X23" s="263">
        <v>11</v>
      </c>
      <c r="Y23" s="257">
        <v>29</v>
      </c>
      <c r="Z23" s="261">
        <v>13</v>
      </c>
      <c r="AA23" s="258">
        <v>42</v>
      </c>
      <c r="AB23" s="260">
        <v>0</v>
      </c>
      <c r="AC23" s="261">
        <v>132</v>
      </c>
      <c r="AD23" s="261">
        <v>231</v>
      </c>
      <c r="AE23" s="261">
        <v>74</v>
      </c>
      <c r="AF23" s="261">
        <v>104</v>
      </c>
      <c r="AG23" s="261">
        <v>43</v>
      </c>
      <c r="AH23" s="258">
        <v>584</v>
      </c>
      <c r="AI23" s="263">
        <v>626</v>
      </c>
      <c r="AJ23" s="257">
        <v>14</v>
      </c>
      <c r="AK23" s="261">
        <v>0</v>
      </c>
      <c r="AL23" s="258">
        <v>14</v>
      </c>
      <c r="AM23" s="260">
        <v>0</v>
      </c>
      <c r="AN23" s="261">
        <v>34</v>
      </c>
      <c r="AO23" s="261">
        <v>18</v>
      </c>
      <c r="AP23" s="261">
        <v>0</v>
      </c>
      <c r="AQ23" s="261">
        <v>0</v>
      </c>
      <c r="AR23" s="261">
        <v>18</v>
      </c>
      <c r="AS23" s="258">
        <v>70</v>
      </c>
      <c r="AT23" s="263">
        <v>84</v>
      </c>
      <c r="AU23" s="257">
        <v>0</v>
      </c>
      <c r="AV23" s="261">
        <v>0</v>
      </c>
      <c r="AW23" s="258">
        <v>0</v>
      </c>
      <c r="AX23" s="260">
        <v>0</v>
      </c>
      <c r="AY23" s="261">
        <v>156</v>
      </c>
      <c r="AZ23" s="261">
        <v>133</v>
      </c>
      <c r="BA23" s="261">
        <v>81</v>
      </c>
      <c r="BB23" s="261">
        <v>15</v>
      </c>
      <c r="BC23" s="261">
        <v>9</v>
      </c>
      <c r="BD23" s="262">
        <v>394</v>
      </c>
      <c r="BE23" s="263">
        <v>394</v>
      </c>
      <c r="BF23" s="257">
        <v>0</v>
      </c>
      <c r="BG23" s="261">
        <v>0</v>
      </c>
      <c r="BH23" s="258">
        <v>0</v>
      </c>
      <c r="BI23" s="260">
        <v>0</v>
      </c>
      <c r="BJ23" s="261">
        <v>53</v>
      </c>
      <c r="BK23" s="261">
        <v>61</v>
      </c>
      <c r="BL23" s="261">
        <v>17</v>
      </c>
      <c r="BM23" s="261">
        <v>0</v>
      </c>
      <c r="BN23" s="261">
        <v>3</v>
      </c>
      <c r="BO23" s="258">
        <v>134</v>
      </c>
      <c r="BP23" s="263">
        <v>134</v>
      </c>
      <c r="BQ23" s="257">
        <v>0</v>
      </c>
      <c r="BR23" s="261">
        <v>24</v>
      </c>
      <c r="BS23" s="258">
        <v>24</v>
      </c>
      <c r="BT23" s="260">
        <v>0</v>
      </c>
      <c r="BU23" s="261">
        <v>28</v>
      </c>
      <c r="BV23" s="261">
        <v>24</v>
      </c>
      <c r="BW23" s="261">
        <v>94</v>
      </c>
      <c r="BX23" s="261">
        <v>22</v>
      </c>
      <c r="BY23" s="261">
        <v>27</v>
      </c>
      <c r="BZ23" s="258">
        <v>195</v>
      </c>
      <c r="CA23" s="263">
        <v>219</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68" t="s">
        <v>22</v>
      </c>
      <c r="C24" s="257">
        <v>0</v>
      </c>
      <c r="D24" s="261">
        <v>0</v>
      </c>
      <c r="E24" s="356">
        <v>0</v>
      </c>
      <c r="F24" s="260">
        <v>0</v>
      </c>
      <c r="G24" s="261">
        <v>41</v>
      </c>
      <c r="H24" s="261">
        <v>37</v>
      </c>
      <c r="I24" s="261">
        <v>0</v>
      </c>
      <c r="J24" s="261">
        <v>0</v>
      </c>
      <c r="K24" s="261">
        <v>62</v>
      </c>
      <c r="L24" s="262">
        <v>140</v>
      </c>
      <c r="M24" s="263">
        <v>140</v>
      </c>
      <c r="N24" s="257">
        <v>0</v>
      </c>
      <c r="O24" s="261">
        <v>0</v>
      </c>
      <c r="P24" s="258">
        <v>0</v>
      </c>
      <c r="Q24" s="260">
        <v>0</v>
      </c>
      <c r="R24" s="261">
        <v>6</v>
      </c>
      <c r="S24" s="261">
        <v>0</v>
      </c>
      <c r="T24" s="261">
        <v>0</v>
      </c>
      <c r="U24" s="261">
        <v>0</v>
      </c>
      <c r="V24" s="261">
        <v>0</v>
      </c>
      <c r="W24" s="258">
        <v>6</v>
      </c>
      <c r="X24" s="263">
        <v>6</v>
      </c>
      <c r="Y24" s="257">
        <v>0</v>
      </c>
      <c r="Z24" s="261">
        <v>13</v>
      </c>
      <c r="AA24" s="258">
        <v>13</v>
      </c>
      <c r="AB24" s="260">
        <v>0</v>
      </c>
      <c r="AC24" s="261">
        <v>23</v>
      </c>
      <c r="AD24" s="261">
        <v>9</v>
      </c>
      <c r="AE24" s="261">
        <v>30</v>
      </c>
      <c r="AF24" s="261">
        <v>0</v>
      </c>
      <c r="AG24" s="261">
        <v>17</v>
      </c>
      <c r="AH24" s="258">
        <v>79</v>
      </c>
      <c r="AI24" s="263">
        <v>92</v>
      </c>
      <c r="AJ24" s="257">
        <v>0</v>
      </c>
      <c r="AK24" s="261">
        <v>0</v>
      </c>
      <c r="AL24" s="258">
        <v>0</v>
      </c>
      <c r="AM24" s="260">
        <v>0</v>
      </c>
      <c r="AN24" s="261">
        <v>0</v>
      </c>
      <c r="AO24" s="261">
        <v>24</v>
      </c>
      <c r="AP24" s="261">
        <v>0</v>
      </c>
      <c r="AQ24" s="261">
        <v>0</v>
      </c>
      <c r="AR24" s="261">
        <v>0</v>
      </c>
      <c r="AS24" s="258">
        <v>24</v>
      </c>
      <c r="AT24" s="263">
        <v>24</v>
      </c>
      <c r="AU24" s="257">
        <v>0</v>
      </c>
      <c r="AV24" s="261">
        <v>0</v>
      </c>
      <c r="AW24" s="258">
        <v>0</v>
      </c>
      <c r="AX24" s="260">
        <v>0</v>
      </c>
      <c r="AY24" s="261">
        <v>77</v>
      </c>
      <c r="AZ24" s="261">
        <v>50</v>
      </c>
      <c r="BA24" s="261">
        <v>35</v>
      </c>
      <c r="BB24" s="261">
        <v>10</v>
      </c>
      <c r="BC24" s="261">
        <v>20</v>
      </c>
      <c r="BD24" s="262">
        <v>192</v>
      </c>
      <c r="BE24" s="263">
        <v>192</v>
      </c>
      <c r="BF24" s="257">
        <v>0</v>
      </c>
      <c r="BG24" s="261">
        <v>0</v>
      </c>
      <c r="BH24" s="258">
        <v>0</v>
      </c>
      <c r="BI24" s="260">
        <v>0</v>
      </c>
      <c r="BJ24" s="261">
        <v>19</v>
      </c>
      <c r="BK24" s="261">
        <v>17</v>
      </c>
      <c r="BL24" s="261">
        <v>0</v>
      </c>
      <c r="BM24" s="261">
        <v>0</v>
      </c>
      <c r="BN24" s="261">
        <v>12</v>
      </c>
      <c r="BO24" s="258">
        <v>48</v>
      </c>
      <c r="BP24" s="263">
        <v>48</v>
      </c>
      <c r="BQ24" s="257">
        <v>0</v>
      </c>
      <c r="BR24" s="261">
        <v>0</v>
      </c>
      <c r="BS24" s="258">
        <v>0</v>
      </c>
      <c r="BT24" s="260">
        <v>0</v>
      </c>
      <c r="BU24" s="261">
        <v>3</v>
      </c>
      <c r="BV24" s="261">
        <v>7</v>
      </c>
      <c r="BW24" s="261">
        <v>2</v>
      </c>
      <c r="BX24" s="261">
        <v>6</v>
      </c>
      <c r="BY24" s="261">
        <v>12</v>
      </c>
      <c r="BZ24" s="258">
        <v>30</v>
      </c>
      <c r="CA24" s="263">
        <v>3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68" t="s">
        <v>23</v>
      </c>
      <c r="C25" s="257">
        <v>0</v>
      </c>
      <c r="D25" s="261">
        <v>0</v>
      </c>
      <c r="E25" s="356">
        <v>0</v>
      </c>
      <c r="F25" s="260">
        <v>0</v>
      </c>
      <c r="G25" s="261">
        <v>68</v>
      </c>
      <c r="H25" s="261">
        <v>227</v>
      </c>
      <c r="I25" s="261">
        <v>195</v>
      </c>
      <c r="J25" s="261">
        <v>26</v>
      </c>
      <c r="K25" s="261">
        <v>122</v>
      </c>
      <c r="L25" s="262">
        <v>638</v>
      </c>
      <c r="M25" s="263">
        <v>638</v>
      </c>
      <c r="N25" s="257">
        <v>0</v>
      </c>
      <c r="O25" s="261">
        <v>0</v>
      </c>
      <c r="P25" s="258">
        <v>0</v>
      </c>
      <c r="Q25" s="260">
        <v>0</v>
      </c>
      <c r="R25" s="261">
        <v>0</v>
      </c>
      <c r="S25" s="261">
        <v>0</v>
      </c>
      <c r="T25" s="261">
        <v>0</v>
      </c>
      <c r="U25" s="261">
        <v>10</v>
      </c>
      <c r="V25" s="261">
        <v>0</v>
      </c>
      <c r="W25" s="258">
        <v>10</v>
      </c>
      <c r="X25" s="263">
        <v>10</v>
      </c>
      <c r="Y25" s="257">
        <v>27</v>
      </c>
      <c r="Z25" s="261">
        <v>19</v>
      </c>
      <c r="AA25" s="258">
        <v>46</v>
      </c>
      <c r="AB25" s="260">
        <v>0</v>
      </c>
      <c r="AC25" s="261">
        <v>81</v>
      </c>
      <c r="AD25" s="261">
        <v>137</v>
      </c>
      <c r="AE25" s="261">
        <v>36</v>
      </c>
      <c r="AF25" s="261">
        <v>49</v>
      </c>
      <c r="AG25" s="261">
        <v>54</v>
      </c>
      <c r="AH25" s="258">
        <v>357</v>
      </c>
      <c r="AI25" s="263">
        <v>403</v>
      </c>
      <c r="AJ25" s="257">
        <v>0</v>
      </c>
      <c r="AK25" s="261">
        <v>8</v>
      </c>
      <c r="AL25" s="258">
        <v>8</v>
      </c>
      <c r="AM25" s="260">
        <v>0</v>
      </c>
      <c r="AN25" s="261">
        <v>0</v>
      </c>
      <c r="AO25" s="261">
        <v>0</v>
      </c>
      <c r="AP25" s="261">
        <v>0</v>
      </c>
      <c r="AQ25" s="261">
        <v>0</v>
      </c>
      <c r="AR25" s="261">
        <v>0</v>
      </c>
      <c r="AS25" s="258">
        <v>0</v>
      </c>
      <c r="AT25" s="263">
        <v>8</v>
      </c>
      <c r="AU25" s="257">
        <v>0</v>
      </c>
      <c r="AV25" s="261">
        <v>0</v>
      </c>
      <c r="AW25" s="258">
        <v>0</v>
      </c>
      <c r="AX25" s="260">
        <v>0</v>
      </c>
      <c r="AY25" s="261">
        <v>112</v>
      </c>
      <c r="AZ25" s="261">
        <v>128</v>
      </c>
      <c r="BA25" s="261">
        <v>102</v>
      </c>
      <c r="BB25" s="261">
        <v>25</v>
      </c>
      <c r="BC25" s="261">
        <v>44</v>
      </c>
      <c r="BD25" s="262">
        <v>411</v>
      </c>
      <c r="BE25" s="263">
        <v>411</v>
      </c>
      <c r="BF25" s="257">
        <v>0</v>
      </c>
      <c r="BG25" s="261">
        <v>0</v>
      </c>
      <c r="BH25" s="258">
        <v>0</v>
      </c>
      <c r="BI25" s="260">
        <v>0</v>
      </c>
      <c r="BJ25" s="261">
        <v>29</v>
      </c>
      <c r="BK25" s="261">
        <v>8</v>
      </c>
      <c r="BL25" s="261">
        <v>19</v>
      </c>
      <c r="BM25" s="261">
        <v>22</v>
      </c>
      <c r="BN25" s="261">
        <v>0</v>
      </c>
      <c r="BO25" s="258">
        <v>78</v>
      </c>
      <c r="BP25" s="263">
        <v>78</v>
      </c>
      <c r="BQ25" s="257">
        <v>0</v>
      </c>
      <c r="BR25" s="261">
        <v>0</v>
      </c>
      <c r="BS25" s="258">
        <v>0</v>
      </c>
      <c r="BT25" s="260">
        <v>0</v>
      </c>
      <c r="BU25" s="261">
        <v>0</v>
      </c>
      <c r="BV25" s="261">
        <v>29</v>
      </c>
      <c r="BW25" s="261">
        <v>39</v>
      </c>
      <c r="BX25" s="261">
        <v>13</v>
      </c>
      <c r="BY25" s="261">
        <v>0</v>
      </c>
      <c r="BZ25" s="258">
        <v>81</v>
      </c>
      <c r="CA25" s="263">
        <v>81</v>
      </c>
      <c r="CB25" s="257">
        <v>6</v>
      </c>
      <c r="CC25" s="261">
        <v>0</v>
      </c>
      <c r="CD25" s="258">
        <v>6</v>
      </c>
      <c r="CE25" s="260">
        <v>0</v>
      </c>
      <c r="CF25" s="261">
        <v>3</v>
      </c>
      <c r="CG25" s="261">
        <v>0</v>
      </c>
      <c r="CH25" s="261">
        <v>0</v>
      </c>
      <c r="CI25" s="261">
        <v>0</v>
      </c>
      <c r="CJ25" s="261">
        <v>0</v>
      </c>
      <c r="CK25" s="258">
        <v>3</v>
      </c>
      <c r="CL25" s="263">
        <v>9</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68" t="s">
        <v>24</v>
      </c>
      <c r="C26" s="257">
        <v>0</v>
      </c>
      <c r="D26" s="261">
        <v>0</v>
      </c>
      <c r="E26" s="356">
        <v>0</v>
      </c>
      <c r="F26" s="260">
        <v>0</v>
      </c>
      <c r="G26" s="261">
        <v>101</v>
      </c>
      <c r="H26" s="261">
        <v>80</v>
      </c>
      <c r="I26" s="261">
        <v>152</v>
      </c>
      <c r="J26" s="261">
        <v>99</v>
      </c>
      <c r="K26" s="261">
        <v>243</v>
      </c>
      <c r="L26" s="262">
        <v>675</v>
      </c>
      <c r="M26" s="263">
        <v>675</v>
      </c>
      <c r="N26" s="257">
        <v>0</v>
      </c>
      <c r="O26" s="261">
        <v>0</v>
      </c>
      <c r="P26" s="258">
        <v>0</v>
      </c>
      <c r="Q26" s="260">
        <v>0</v>
      </c>
      <c r="R26" s="261">
        <v>0</v>
      </c>
      <c r="S26" s="261">
        <v>0</v>
      </c>
      <c r="T26" s="261">
        <v>0</v>
      </c>
      <c r="U26" s="261">
        <v>12</v>
      </c>
      <c r="V26" s="261">
        <v>12</v>
      </c>
      <c r="W26" s="258">
        <v>24</v>
      </c>
      <c r="X26" s="263">
        <v>24</v>
      </c>
      <c r="Y26" s="257">
        <v>2</v>
      </c>
      <c r="Z26" s="261">
        <v>33</v>
      </c>
      <c r="AA26" s="258">
        <v>35</v>
      </c>
      <c r="AB26" s="260">
        <v>0</v>
      </c>
      <c r="AC26" s="261">
        <v>106</v>
      </c>
      <c r="AD26" s="261">
        <v>45</v>
      </c>
      <c r="AE26" s="261">
        <v>10</v>
      </c>
      <c r="AF26" s="261">
        <v>35</v>
      </c>
      <c r="AG26" s="261">
        <v>9</v>
      </c>
      <c r="AH26" s="258">
        <v>205</v>
      </c>
      <c r="AI26" s="263">
        <v>240</v>
      </c>
      <c r="AJ26" s="257">
        <v>0</v>
      </c>
      <c r="AK26" s="261">
        <v>0</v>
      </c>
      <c r="AL26" s="258">
        <v>0</v>
      </c>
      <c r="AM26" s="260">
        <v>0</v>
      </c>
      <c r="AN26" s="261">
        <v>12</v>
      </c>
      <c r="AO26" s="261">
        <v>16</v>
      </c>
      <c r="AP26" s="261">
        <v>16</v>
      </c>
      <c r="AQ26" s="261">
        <v>0</v>
      </c>
      <c r="AR26" s="261">
        <v>0</v>
      </c>
      <c r="AS26" s="258">
        <v>44</v>
      </c>
      <c r="AT26" s="263">
        <v>44</v>
      </c>
      <c r="AU26" s="257">
        <v>0</v>
      </c>
      <c r="AV26" s="261">
        <v>0</v>
      </c>
      <c r="AW26" s="258">
        <v>0</v>
      </c>
      <c r="AX26" s="260">
        <v>0</v>
      </c>
      <c r="AY26" s="261">
        <v>96</v>
      </c>
      <c r="AZ26" s="261">
        <v>98</v>
      </c>
      <c r="BA26" s="261">
        <v>45</v>
      </c>
      <c r="BB26" s="261">
        <v>4</v>
      </c>
      <c r="BC26" s="261">
        <v>3</v>
      </c>
      <c r="BD26" s="262">
        <v>246</v>
      </c>
      <c r="BE26" s="263">
        <v>246</v>
      </c>
      <c r="BF26" s="257">
        <v>0</v>
      </c>
      <c r="BG26" s="261">
        <v>0</v>
      </c>
      <c r="BH26" s="258">
        <v>0</v>
      </c>
      <c r="BI26" s="260">
        <v>0</v>
      </c>
      <c r="BJ26" s="261">
        <v>15</v>
      </c>
      <c r="BK26" s="261">
        <v>37</v>
      </c>
      <c r="BL26" s="261">
        <v>49</v>
      </c>
      <c r="BM26" s="261">
        <v>9</v>
      </c>
      <c r="BN26" s="261">
        <v>0</v>
      </c>
      <c r="BO26" s="258">
        <v>110</v>
      </c>
      <c r="BP26" s="263">
        <v>110</v>
      </c>
      <c r="BQ26" s="257">
        <v>0</v>
      </c>
      <c r="BR26" s="261">
        <v>0</v>
      </c>
      <c r="BS26" s="258">
        <v>0</v>
      </c>
      <c r="BT26" s="260">
        <v>0</v>
      </c>
      <c r="BU26" s="261">
        <v>0</v>
      </c>
      <c r="BV26" s="261">
        <v>31</v>
      </c>
      <c r="BW26" s="261">
        <v>0</v>
      </c>
      <c r="BX26" s="261">
        <v>0</v>
      </c>
      <c r="BY26" s="261">
        <v>16</v>
      </c>
      <c r="BZ26" s="258">
        <v>47</v>
      </c>
      <c r="CA26" s="263">
        <v>47</v>
      </c>
      <c r="CB26" s="257">
        <v>0</v>
      </c>
      <c r="CC26" s="261">
        <v>0</v>
      </c>
      <c r="CD26" s="258">
        <v>0</v>
      </c>
      <c r="CE26" s="260">
        <v>0</v>
      </c>
      <c r="CF26" s="261">
        <v>3</v>
      </c>
      <c r="CG26" s="261">
        <v>0</v>
      </c>
      <c r="CH26" s="261">
        <v>0</v>
      </c>
      <c r="CI26" s="261">
        <v>0</v>
      </c>
      <c r="CJ26" s="261">
        <v>0</v>
      </c>
      <c r="CK26" s="258">
        <v>3</v>
      </c>
      <c r="CL26" s="263">
        <v>3</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68" t="s">
        <v>25</v>
      </c>
      <c r="C27" s="257">
        <v>0</v>
      </c>
      <c r="D27" s="261">
        <v>0</v>
      </c>
      <c r="E27" s="356">
        <v>0</v>
      </c>
      <c r="F27" s="260">
        <v>0</v>
      </c>
      <c r="G27" s="261">
        <v>74</v>
      </c>
      <c r="H27" s="261">
        <v>50</v>
      </c>
      <c r="I27" s="261">
        <v>114</v>
      </c>
      <c r="J27" s="261">
        <v>6</v>
      </c>
      <c r="K27" s="261">
        <v>0</v>
      </c>
      <c r="L27" s="262">
        <v>244</v>
      </c>
      <c r="M27" s="263">
        <v>244</v>
      </c>
      <c r="N27" s="257">
        <v>0</v>
      </c>
      <c r="O27" s="261">
        <v>0</v>
      </c>
      <c r="P27" s="258">
        <v>0</v>
      </c>
      <c r="Q27" s="260">
        <v>0</v>
      </c>
      <c r="R27" s="261">
        <v>0</v>
      </c>
      <c r="S27" s="261">
        <v>0</v>
      </c>
      <c r="T27" s="261">
        <v>6</v>
      </c>
      <c r="U27" s="261">
        <v>15</v>
      </c>
      <c r="V27" s="261">
        <v>0</v>
      </c>
      <c r="W27" s="258">
        <v>21</v>
      </c>
      <c r="X27" s="263">
        <v>21</v>
      </c>
      <c r="Y27" s="257">
        <v>2</v>
      </c>
      <c r="Z27" s="261">
        <v>22</v>
      </c>
      <c r="AA27" s="258">
        <v>24</v>
      </c>
      <c r="AB27" s="260">
        <v>0</v>
      </c>
      <c r="AC27" s="261">
        <v>17</v>
      </c>
      <c r="AD27" s="261">
        <v>55</v>
      </c>
      <c r="AE27" s="261">
        <v>53</v>
      </c>
      <c r="AF27" s="261">
        <v>12</v>
      </c>
      <c r="AG27" s="261">
        <v>8</v>
      </c>
      <c r="AH27" s="258">
        <v>145</v>
      </c>
      <c r="AI27" s="263">
        <v>169</v>
      </c>
      <c r="AJ27" s="257">
        <v>0</v>
      </c>
      <c r="AK27" s="261">
        <v>24</v>
      </c>
      <c r="AL27" s="258">
        <v>24</v>
      </c>
      <c r="AM27" s="260">
        <v>0</v>
      </c>
      <c r="AN27" s="261">
        <v>0</v>
      </c>
      <c r="AO27" s="261">
        <v>0</v>
      </c>
      <c r="AP27" s="261">
        <v>18</v>
      </c>
      <c r="AQ27" s="261">
        <v>0</v>
      </c>
      <c r="AR27" s="261">
        <v>0</v>
      </c>
      <c r="AS27" s="258">
        <v>18</v>
      </c>
      <c r="AT27" s="263">
        <v>42</v>
      </c>
      <c r="AU27" s="257">
        <v>0</v>
      </c>
      <c r="AV27" s="261">
        <v>0</v>
      </c>
      <c r="AW27" s="258">
        <v>0</v>
      </c>
      <c r="AX27" s="260">
        <v>0</v>
      </c>
      <c r="AY27" s="261">
        <v>63</v>
      </c>
      <c r="AZ27" s="261">
        <v>19</v>
      </c>
      <c r="BA27" s="261">
        <v>11</v>
      </c>
      <c r="BB27" s="261">
        <v>16</v>
      </c>
      <c r="BC27" s="261">
        <v>0</v>
      </c>
      <c r="BD27" s="262">
        <v>109</v>
      </c>
      <c r="BE27" s="263">
        <v>109</v>
      </c>
      <c r="BF27" s="257">
        <v>0</v>
      </c>
      <c r="BG27" s="261">
        <v>0</v>
      </c>
      <c r="BH27" s="258">
        <v>0</v>
      </c>
      <c r="BI27" s="260">
        <v>0</v>
      </c>
      <c r="BJ27" s="261">
        <v>11</v>
      </c>
      <c r="BK27" s="261">
        <v>34</v>
      </c>
      <c r="BL27" s="261">
        <v>32</v>
      </c>
      <c r="BM27" s="261">
        <v>13</v>
      </c>
      <c r="BN27" s="261">
        <v>8</v>
      </c>
      <c r="BO27" s="258">
        <v>98</v>
      </c>
      <c r="BP27" s="263">
        <v>98</v>
      </c>
      <c r="BQ27" s="257">
        <v>0</v>
      </c>
      <c r="BR27" s="261">
        <v>0</v>
      </c>
      <c r="BS27" s="258">
        <v>0</v>
      </c>
      <c r="BT27" s="260">
        <v>0</v>
      </c>
      <c r="BU27" s="261">
        <v>20</v>
      </c>
      <c r="BV27" s="261">
        <v>7</v>
      </c>
      <c r="BW27" s="261">
        <v>0</v>
      </c>
      <c r="BX27" s="261">
        <v>2</v>
      </c>
      <c r="BY27" s="261">
        <v>0</v>
      </c>
      <c r="BZ27" s="258">
        <v>29</v>
      </c>
      <c r="CA27" s="263">
        <v>29</v>
      </c>
      <c r="CB27" s="257">
        <v>0</v>
      </c>
      <c r="CC27" s="261">
        <v>0</v>
      </c>
      <c r="CD27" s="258">
        <v>0</v>
      </c>
      <c r="CE27" s="260">
        <v>0</v>
      </c>
      <c r="CF27" s="261">
        <v>0</v>
      </c>
      <c r="CG27" s="261">
        <v>0</v>
      </c>
      <c r="CH27" s="261">
        <v>6</v>
      </c>
      <c r="CI27" s="261">
        <v>0</v>
      </c>
      <c r="CJ27" s="261">
        <v>0</v>
      </c>
      <c r="CK27" s="258">
        <v>6</v>
      </c>
      <c r="CL27" s="263">
        <v>6</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68" t="s">
        <v>26</v>
      </c>
      <c r="C28" s="257">
        <v>0</v>
      </c>
      <c r="D28" s="261">
        <v>0</v>
      </c>
      <c r="E28" s="356">
        <v>0</v>
      </c>
      <c r="F28" s="260">
        <v>0</v>
      </c>
      <c r="G28" s="261">
        <v>89</v>
      </c>
      <c r="H28" s="261">
        <v>52</v>
      </c>
      <c r="I28" s="261">
        <v>99</v>
      </c>
      <c r="J28" s="261">
        <v>60</v>
      </c>
      <c r="K28" s="261">
        <v>20</v>
      </c>
      <c r="L28" s="262">
        <v>320</v>
      </c>
      <c r="M28" s="263">
        <v>320</v>
      </c>
      <c r="N28" s="257">
        <v>0</v>
      </c>
      <c r="O28" s="261">
        <v>0</v>
      </c>
      <c r="P28" s="258">
        <v>0</v>
      </c>
      <c r="Q28" s="260">
        <v>0</v>
      </c>
      <c r="R28" s="261">
        <v>0</v>
      </c>
      <c r="S28" s="261">
        <v>0</v>
      </c>
      <c r="T28" s="261">
        <v>0</v>
      </c>
      <c r="U28" s="261">
        <v>8</v>
      </c>
      <c r="V28" s="261">
        <v>0</v>
      </c>
      <c r="W28" s="258">
        <v>8</v>
      </c>
      <c r="X28" s="263">
        <v>8</v>
      </c>
      <c r="Y28" s="257">
        <v>7</v>
      </c>
      <c r="Z28" s="261">
        <v>0</v>
      </c>
      <c r="AA28" s="258">
        <v>7</v>
      </c>
      <c r="AB28" s="260">
        <v>0</v>
      </c>
      <c r="AC28" s="261">
        <v>16</v>
      </c>
      <c r="AD28" s="261">
        <v>32</v>
      </c>
      <c r="AE28" s="261">
        <v>4</v>
      </c>
      <c r="AF28" s="261">
        <v>22</v>
      </c>
      <c r="AG28" s="261">
        <v>16</v>
      </c>
      <c r="AH28" s="258">
        <v>90</v>
      </c>
      <c r="AI28" s="263">
        <v>97</v>
      </c>
      <c r="AJ28" s="257">
        <v>0</v>
      </c>
      <c r="AK28" s="261">
        <v>0</v>
      </c>
      <c r="AL28" s="258">
        <v>0</v>
      </c>
      <c r="AM28" s="260">
        <v>0</v>
      </c>
      <c r="AN28" s="261">
        <v>0</v>
      </c>
      <c r="AO28" s="261">
        <v>15</v>
      </c>
      <c r="AP28" s="261">
        <v>0</v>
      </c>
      <c r="AQ28" s="261">
        <v>0</v>
      </c>
      <c r="AR28" s="261">
        <v>0</v>
      </c>
      <c r="AS28" s="258">
        <v>15</v>
      </c>
      <c r="AT28" s="263">
        <v>15</v>
      </c>
      <c r="AU28" s="257">
        <v>0</v>
      </c>
      <c r="AV28" s="261">
        <v>0</v>
      </c>
      <c r="AW28" s="258">
        <v>0</v>
      </c>
      <c r="AX28" s="260">
        <v>0</v>
      </c>
      <c r="AY28" s="261">
        <v>44</v>
      </c>
      <c r="AZ28" s="261">
        <v>50</v>
      </c>
      <c r="BA28" s="261">
        <v>21</v>
      </c>
      <c r="BB28" s="261">
        <v>3</v>
      </c>
      <c r="BC28" s="261">
        <v>0</v>
      </c>
      <c r="BD28" s="262">
        <v>118</v>
      </c>
      <c r="BE28" s="263">
        <v>118</v>
      </c>
      <c r="BF28" s="257">
        <v>0</v>
      </c>
      <c r="BG28" s="261">
        <v>0</v>
      </c>
      <c r="BH28" s="258">
        <v>0</v>
      </c>
      <c r="BI28" s="260">
        <v>0</v>
      </c>
      <c r="BJ28" s="261">
        <v>26</v>
      </c>
      <c r="BK28" s="261">
        <v>16</v>
      </c>
      <c r="BL28" s="261">
        <v>0</v>
      </c>
      <c r="BM28" s="261">
        <v>5</v>
      </c>
      <c r="BN28" s="261">
        <v>0</v>
      </c>
      <c r="BO28" s="258">
        <v>47</v>
      </c>
      <c r="BP28" s="263">
        <v>47</v>
      </c>
      <c r="BQ28" s="257">
        <v>0</v>
      </c>
      <c r="BR28" s="261">
        <v>0</v>
      </c>
      <c r="BS28" s="258">
        <v>0</v>
      </c>
      <c r="BT28" s="260">
        <v>0</v>
      </c>
      <c r="BU28" s="261">
        <v>12</v>
      </c>
      <c r="BV28" s="261">
        <v>22</v>
      </c>
      <c r="BW28" s="261">
        <v>3</v>
      </c>
      <c r="BX28" s="261">
        <v>0</v>
      </c>
      <c r="BY28" s="261">
        <v>3</v>
      </c>
      <c r="BZ28" s="258">
        <v>40</v>
      </c>
      <c r="CA28" s="263">
        <v>40</v>
      </c>
      <c r="CB28" s="257">
        <v>0</v>
      </c>
      <c r="CC28" s="261">
        <v>0</v>
      </c>
      <c r="CD28" s="258">
        <v>0</v>
      </c>
      <c r="CE28" s="260">
        <v>0</v>
      </c>
      <c r="CF28" s="261">
        <v>0</v>
      </c>
      <c r="CG28" s="261">
        <v>0</v>
      </c>
      <c r="CH28" s="261">
        <v>10</v>
      </c>
      <c r="CI28" s="261">
        <v>15</v>
      </c>
      <c r="CJ28" s="261">
        <v>0</v>
      </c>
      <c r="CK28" s="258">
        <v>25</v>
      </c>
      <c r="CL28" s="263">
        <v>25</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68" t="s">
        <v>27</v>
      </c>
      <c r="C29" s="257">
        <v>0</v>
      </c>
      <c r="D29" s="261">
        <v>0</v>
      </c>
      <c r="E29" s="356">
        <v>0</v>
      </c>
      <c r="F29" s="260">
        <v>0</v>
      </c>
      <c r="G29" s="261">
        <v>17</v>
      </c>
      <c r="H29" s="261">
        <v>55</v>
      </c>
      <c r="I29" s="261">
        <v>15</v>
      </c>
      <c r="J29" s="261">
        <v>96</v>
      </c>
      <c r="K29" s="261">
        <v>137</v>
      </c>
      <c r="L29" s="262">
        <v>320</v>
      </c>
      <c r="M29" s="263">
        <v>320</v>
      </c>
      <c r="N29" s="257">
        <v>0</v>
      </c>
      <c r="O29" s="261">
        <v>0</v>
      </c>
      <c r="P29" s="258">
        <v>0</v>
      </c>
      <c r="Q29" s="260">
        <v>0</v>
      </c>
      <c r="R29" s="261">
        <v>0</v>
      </c>
      <c r="S29" s="261">
        <v>2</v>
      </c>
      <c r="T29" s="261">
        <v>0</v>
      </c>
      <c r="U29" s="261">
        <v>0</v>
      </c>
      <c r="V29" s="261">
        <v>0</v>
      </c>
      <c r="W29" s="258">
        <v>2</v>
      </c>
      <c r="X29" s="263">
        <v>2</v>
      </c>
      <c r="Y29" s="257">
        <v>2</v>
      </c>
      <c r="Z29" s="261">
        <v>42</v>
      </c>
      <c r="AA29" s="258">
        <v>44</v>
      </c>
      <c r="AB29" s="260">
        <v>0</v>
      </c>
      <c r="AC29" s="261">
        <v>20</v>
      </c>
      <c r="AD29" s="261">
        <v>93</v>
      </c>
      <c r="AE29" s="261">
        <v>5</v>
      </c>
      <c r="AF29" s="261">
        <v>40</v>
      </c>
      <c r="AG29" s="261">
        <v>20</v>
      </c>
      <c r="AH29" s="258">
        <v>178</v>
      </c>
      <c r="AI29" s="263">
        <v>222</v>
      </c>
      <c r="AJ29" s="257">
        <v>0</v>
      </c>
      <c r="AK29" s="261">
        <v>0</v>
      </c>
      <c r="AL29" s="258">
        <v>0</v>
      </c>
      <c r="AM29" s="260">
        <v>0</v>
      </c>
      <c r="AN29" s="261">
        <v>0</v>
      </c>
      <c r="AO29" s="261">
        <v>15</v>
      </c>
      <c r="AP29" s="261">
        <v>0</v>
      </c>
      <c r="AQ29" s="261">
        <v>0</v>
      </c>
      <c r="AR29" s="261">
        <v>0</v>
      </c>
      <c r="AS29" s="258">
        <v>15</v>
      </c>
      <c r="AT29" s="263">
        <v>15</v>
      </c>
      <c r="AU29" s="257">
        <v>0</v>
      </c>
      <c r="AV29" s="261">
        <v>0</v>
      </c>
      <c r="AW29" s="258">
        <v>0</v>
      </c>
      <c r="AX29" s="260">
        <v>0</v>
      </c>
      <c r="AY29" s="261">
        <v>70</v>
      </c>
      <c r="AZ29" s="261">
        <v>80</v>
      </c>
      <c r="BA29" s="261">
        <v>66</v>
      </c>
      <c r="BB29" s="261">
        <v>35</v>
      </c>
      <c r="BC29" s="261">
        <v>1</v>
      </c>
      <c r="BD29" s="262">
        <v>252</v>
      </c>
      <c r="BE29" s="263">
        <v>252</v>
      </c>
      <c r="BF29" s="257">
        <v>0</v>
      </c>
      <c r="BG29" s="261">
        <v>0</v>
      </c>
      <c r="BH29" s="258">
        <v>0</v>
      </c>
      <c r="BI29" s="260">
        <v>0</v>
      </c>
      <c r="BJ29" s="261">
        <v>14</v>
      </c>
      <c r="BK29" s="261">
        <v>21</v>
      </c>
      <c r="BL29" s="261">
        <v>16</v>
      </c>
      <c r="BM29" s="261">
        <v>0</v>
      </c>
      <c r="BN29" s="261">
        <v>0</v>
      </c>
      <c r="BO29" s="258">
        <v>51</v>
      </c>
      <c r="BP29" s="263">
        <v>51</v>
      </c>
      <c r="BQ29" s="257">
        <v>4</v>
      </c>
      <c r="BR29" s="261">
        <v>0</v>
      </c>
      <c r="BS29" s="258">
        <v>4</v>
      </c>
      <c r="BT29" s="260">
        <v>0</v>
      </c>
      <c r="BU29" s="261">
        <v>0</v>
      </c>
      <c r="BV29" s="261">
        <v>0</v>
      </c>
      <c r="BW29" s="261">
        <v>7</v>
      </c>
      <c r="BX29" s="261">
        <v>2</v>
      </c>
      <c r="BY29" s="261">
        <v>0</v>
      </c>
      <c r="BZ29" s="258">
        <v>9</v>
      </c>
      <c r="CA29" s="263">
        <v>13</v>
      </c>
      <c r="CB29" s="257">
        <v>0</v>
      </c>
      <c r="CC29" s="261">
        <v>0</v>
      </c>
      <c r="CD29" s="258">
        <v>0</v>
      </c>
      <c r="CE29" s="260">
        <v>0</v>
      </c>
      <c r="CF29" s="261">
        <v>0</v>
      </c>
      <c r="CG29" s="261">
        <v>0</v>
      </c>
      <c r="CH29" s="261">
        <v>6</v>
      </c>
      <c r="CI29" s="261">
        <v>0</v>
      </c>
      <c r="CJ29" s="261">
        <v>0</v>
      </c>
      <c r="CK29" s="258">
        <v>6</v>
      </c>
      <c r="CL29" s="263">
        <v>6</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68" t="s">
        <v>28</v>
      </c>
      <c r="C30" s="257">
        <v>0</v>
      </c>
      <c r="D30" s="261">
        <v>0</v>
      </c>
      <c r="E30" s="356">
        <v>0</v>
      </c>
      <c r="F30" s="260">
        <v>0</v>
      </c>
      <c r="G30" s="261">
        <v>0</v>
      </c>
      <c r="H30" s="261">
        <v>0</v>
      </c>
      <c r="I30" s="261">
        <v>71</v>
      </c>
      <c r="J30" s="261">
        <v>0</v>
      </c>
      <c r="K30" s="261">
        <v>0</v>
      </c>
      <c r="L30" s="262">
        <v>71</v>
      </c>
      <c r="M30" s="263">
        <v>7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19</v>
      </c>
      <c r="AD30" s="261">
        <v>0</v>
      </c>
      <c r="AE30" s="261">
        <v>8</v>
      </c>
      <c r="AF30" s="261">
        <v>0</v>
      </c>
      <c r="AG30" s="261">
        <v>0</v>
      </c>
      <c r="AH30" s="258">
        <v>27</v>
      </c>
      <c r="AI30" s="263">
        <v>27</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38</v>
      </c>
      <c r="BA30" s="261">
        <v>0</v>
      </c>
      <c r="BB30" s="261">
        <v>0</v>
      </c>
      <c r="BC30" s="261">
        <v>0</v>
      </c>
      <c r="BD30" s="262">
        <v>38</v>
      </c>
      <c r="BE30" s="263">
        <v>38</v>
      </c>
      <c r="BF30" s="257">
        <v>0</v>
      </c>
      <c r="BG30" s="261">
        <v>0</v>
      </c>
      <c r="BH30" s="258">
        <v>0</v>
      </c>
      <c r="BI30" s="260">
        <v>0</v>
      </c>
      <c r="BJ30" s="261">
        <v>3</v>
      </c>
      <c r="BK30" s="261">
        <v>0</v>
      </c>
      <c r="BL30" s="261">
        <v>8</v>
      </c>
      <c r="BM30" s="261">
        <v>0</v>
      </c>
      <c r="BN30" s="261">
        <v>0</v>
      </c>
      <c r="BO30" s="258">
        <v>11</v>
      </c>
      <c r="BP30" s="263">
        <v>11</v>
      </c>
      <c r="BQ30" s="257">
        <v>0</v>
      </c>
      <c r="BR30" s="261">
        <v>0</v>
      </c>
      <c r="BS30" s="258">
        <v>0</v>
      </c>
      <c r="BT30" s="260">
        <v>0</v>
      </c>
      <c r="BU30" s="261">
        <v>0</v>
      </c>
      <c r="BV30" s="261">
        <v>15</v>
      </c>
      <c r="BW30" s="261">
        <v>0</v>
      </c>
      <c r="BX30" s="261">
        <v>0</v>
      </c>
      <c r="BY30" s="261">
        <v>0</v>
      </c>
      <c r="BZ30" s="258">
        <v>15</v>
      </c>
      <c r="CA30" s="263">
        <v>15</v>
      </c>
      <c r="CB30" s="257">
        <v>0</v>
      </c>
      <c r="CC30" s="261">
        <v>0</v>
      </c>
      <c r="CD30" s="258">
        <v>0</v>
      </c>
      <c r="CE30" s="260">
        <v>0</v>
      </c>
      <c r="CF30" s="261">
        <v>0</v>
      </c>
      <c r="CG30" s="261">
        <v>3</v>
      </c>
      <c r="CH30" s="261">
        <v>7</v>
      </c>
      <c r="CI30" s="261">
        <v>0</v>
      </c>
      <c r="CJ30" s="261">
        <v>0</v>
      </c>
      <c r="CK30" s="258">
        <v>10</v>
      </c>
      <c r="CL30" s="263">
        <v>1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68" t="s">
        <v>29</v>
      </c>
      <c r="C31" s="257">
        <v>0</v>
      </c>
      <c r="D31" s="261">
        <v>0</v>
      </c>
      <c r="E31" s="356">
        <v>0</v>
      </c>
      <c r="F31" s="260">
        <v>0</v>
      </c>
      <c r="G31" s="261">
        <v>0</v>
      </c>
      <c r="H31" s="261">
        <v>38</v>
      </c>
      <c r="I31" s="261">
        <v>0</v>
      </c>
      <c r="J31" s="261">
        <v>61</v>
      </c>
      <c r="K31" s="261">
        <v>135</v>
      </c>
      <c r="L31" s="262">
        <v>234</v>
      </c>
      <c r="M31" s="263">
        <v>234</v>
      </c>
      <c r="N31" s="257">
        <v>0</v>
      </c>
      <c r="O31" s="261">
        <v>0</v>
      </c>
      <c r="P31" s="258">
        <v>0</v>
      </c>
      <c r="Q31" s="260">
        <v>0</v>
      </c>
      <c r="R31" s="261">
        <v>0</v>
      </c>
      <c r="S31" s="261">
        <v>0</v>
      </c>
      <c r="T31" s="261">
        <v>0</v>
      </c>
      <c r="U31" s="261">
        <v>0</v>
      </c>
      <c r="V31" s="261">
        <v>0</v>
      </c>
      <c r="W31" s="258">
        <v>0</v>
      </c>
      <c r="X31" s="263">
        <v>0</v>
      </c>
      <c r="Y31" s="257">
        <v>0</v>
      </c>
      <c r="Z31" s="261">
        <v>2</v>
      </c>
      <c r="AA31" s="258">
        <v>2</v>
      </c>
      <c r="AB31" s="260">
        <v>0</v>
      </c>
      <c r="AC31" s="261">
        <v>2</v>
      </c>
      <c r="AD31" s="261">
        <v>5</v>
      </c>
      <c r="AE31" s="261">
        <v>0</v>
      </c>
      <c r="AF31" s="261">
        <v>8</v>
      </c>
      <c r="AG31" s="261">
        <v>0</v>
      </c>
      <c r="AH31" s="258">
        <v>15</v>
      </c>
      <c r="AI31" s="263">
        <v>17</v>
      </c>
      <c r="AJ31" s="257">
        <v>0</v>
      </c>
      <c r="AK31" s="261">
        <v>0</v>
      </c>
      <c r="AL31" s="258">
        <v>0</v>
      </c>
      <c r="AM31" s="260">
        <v>0</v>
      </c>
      <c r="AN31" s="261">
        <v>0</v>
      </c>
      <c r="AO31" s="261">
        <v>12</v>
      </c>
      <c r="AP31" s="261">
        <v>0</v>
      </c>
      <c r="AQ31" s="261">
        <v>0</v>
      </c>
      <c r="AR31" s="261">
        <v>0</v>
      </c>
      <c r="AS31" s="258">
        <v>12</v>
      </c>
      <c r="AT31" s="263">
        <v>12</v>
      </c>
      <c r="AU31" s="257">
        <v>0</v>
      </c>
      <c r="AV31" s="261">
        <v>0</v>
      </c>
      <c r="AW31" s="258">
        <v>0</v>
      </c>
      <c r="AX31" s="260">
        <v>0</v>
      </c>
      <c r="AY31" s="261">
        <v>0</v>
      </c>
      <c r="AZ31" s="261">
        <v>32</v>
      </c>
      <c r="BA31" s="261">
        <v>10</v>
      </c>
      <c r="BB31" s="261">
        <v>0</v>
      </c>
      <c r="BC31" s="261">
        <v>0</v>
      </c>
      <c r="BD31" s="262">
        <v>42</v>
      </c>
      <c r="BE31" s="263">
        <v>42</v>
      </c>
      <c r="BF31" s="257">
        <v>0</v>
      </c>
      <c r="BG31" s="261">
        <v>0</v>
      </c>
      <c r="BH31" s="258">
        <v>0</v>
      </c>
      <c r="BI31" s="260">
        <v>0</v>
      </c>
      <c r="BJ31" s="261">
        <v>0</v>
      </c>
      <c r="BK31" s="261">
        <v>0</v>
      </c>
      <c r="BL31" s="261">
        <v>0</v>
      </c>
      <c r="BM31" s="261">
        <v>0</v>
      </c>
      <c r="BN31" s="261">
        <v>0</v>
      </c>
      <c r="BO31" s="258">
        <v>0</v>
      </c>
      <c r="BP31" s="263">
        <v>0</v>
      </c>
      <c r="BQ31" s="257">
        <v>3</v>
      </c>
      <c r="BR31" s="261">
        <v>0</v>
      </c>
      <c r="BS31" s="258">
        <v>3</v>
      </c>
      <c r="BT31" s="260">
        <v>0</v>
      </c>
      <c r="BU31" s="261">
        <v>0</v>
      </c>
      <c r="BV31" s="261">
        <v>0</v>
      </c>
      <c r="BW31" s="261">
        <v>18</v>
      </c>
      <c r="BX31" s="261">
        <v>0</v>
      </c>
      <c r="BY31" s="261">
        <v>0</v>
      </c>
      <c r="BZ31" s="258">
        <v>18</v>
      </c>
      <c r="CA31" s="263">
        <v>21</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68" t="s">
        <v>30</v>
      </c>
      <c r="C32" s="257">
        <v>0</v>
      </c>
      <c r="D32" s="261">
        <v>0</v>
      </c>
      <c r="E32" s="356">
        <v>0</v>
      </c>
      <c r="F32" s="260">
        <v>0</v>
      </c>
      <c r="G32" s="261">
        <v>44</v>
      </c>
      <c r="H32" s="261">
        <v>56</v>
      </c>
      <c r="I32" s="261">
        <v>0</v>
      </c>
      <c r="J32" s="261">
        <v>14</v>
      </c>
      <c r="K32" s="261">
        <v>0</v>
      </c>
      <c r="L32" s="262">
        <v>114</v>
      </c>
      <c r="M32" s="263">
        <v>114</v>
      </c>
      <c r="N32" s="257">
        <v>0</v>
      </c>
      <c r="O32" s="261">
        <v>0</v>
      </c>
      <c r="P32" s="258">
        <v>0</v>
      </c>
      <c r="Q32" s="260">
        <v>0</v>
      </c>
      <c r="R32" s="261">
        <v>0</v>
      </c>
      <c r="S32" s="261">
        <v>0</v>
      </c>
      <c r="T32" s="261">
        <v>0</v>
      </c>
      <c r="U32" s="261">
        <v>0</v>
      </c>
      <c r="V32" s="261">
        <v>0</v>
      </c>
      <c r="W32" s="258">
        <v>0</v>
      </c>
      <c r="X32" s="263">
        <v>0</v>
      </c>
      <c r="Y32" s="257">
        <v>0</v>
      </c>
      <c r="Z32" s="261">
        <v>5</v>
      </c>
      <c r="AA32" s="258">
        <v>5</v>
      </c>
      <c r="AB32" s="260">
        <v>0</v>
      </c>
      <c r="AC32" s="261">
        <v>7</v>
      </c>
      <c r="AD32" s="261">
        <v>0</v>
      </c>
      <c r="AE32" s="261">
        <v>3</v>
      </c>
      <c r="AF32" s="261">
        <v>4</v>
      </c>
      <c r="AG32" s="261">
        <v>0</v>
      </c>
      <c r="AH32" s="258">
        <v>14</v>
      </c>
      <c r="AI32" s="263">
        <v>19</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0</v>
      </c>
      <c r="AZ32" s="261">
        <v>5</v>
      </c>
      <c r="BA32" s="261">
        <v>0</v>
      </c>
      <c r="BB32" s="261">
        <v>14</v>
      </c>
      <c r="BC32" s="261">
        <v>0</v>
      </c>
      <c r="BD32" s="262">
        <v>19</v>
      </c>
      <c r="BE32" s="263">
        <v>19</v>
      </c>
      <c r="BF32" s="257">
        <v>0</v>
      </c>
      <c r="BG32" s="261">
        <v>0</v>
      </c>
      <c r="BH32" s="258">
        <v>0</v>
      </c>
      <c r="BI32" s="260">
        <v>0</v>
      </c>
      <c r="BJ32" s="261">
        <v>0</v>
      </c>
      <c r="BK32" s="261">
        <v>0</v>
      </c>
      <c r="BL32" s="261">
        <v>0</v>
      </c>
      <c r="BM32" s="261">
        <v>0</v>
      </c>
      <c r="BN32" s="261">
        <v>0</v>
      </c>
      <c r="BO32" s="258">
        <v>0</v>
      </c>
      <c r="BP32" s="263">
        <v>0</v>
      </c>
      <c r="BQ32" s="257">
        <v>0</v>
      </c>
      <c r="BR32" s="261">
        <v>0</v>
      </c>
      <c r="BS32" s="258">
        <v>0</v>
      </c>
      <c r="BT32" s="260">
        <v>0</v>
      </c>
      <c r="BU32" s="261">
        <v>0</v>
      </c>
      <c r="BV32" s="261">
        <v>0</v>
      </c>
      <c r="BW32" s="261">
        <v>0</v>
      </c>
      <c r="BX32" s="261">
        <v>8</v>
      </c>
      <c r="BY32" s="261">
        <v>0</v>
      </c>
      <c r="BZ32" s="258">
        <v>8</v>
      </c>
      <c r="CA32" s="263">
        <v>8</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68" t="s">
        <v>31</v>
      </c>
      <c r="C33" s="257">
        <v>0</v>
      </c>
      <c r="D33" s="261">
        <v>0</v>
      </c>
      <c r="E33" s="356">
        <v>0</v>
      </c>
      <c r="F33" s="260">
        <v>0</v>
      </c>
      <c r="G33" s="261">
        <v>0</v>
      </c>
      <c r="H33" s="261">
        <v>0</v>
      </c>
      <c r="I33" s="261">
        <v>0</v>
      </c>
      <c r="J33" s="261">
        <v>0</v>
      </c>
      <c r="K33" s="261">
        <v>0</v>
      </c>
      <c r="L33" s="262">
        <v>0</v>
      </c>
      <c r="M33" s="263">
        <v>0</v>
      </c>
      <c r="N33" s="257">
        <v>0</v>
      </c>
      <c r="O33" s="261">
        <v>0</v>
      </c>
      <c r="P33" s="258">
        <v>0</v>
      </c>
      <c r="Q33" s="260">
        <v>0</v>
      </c>
      <c r="R33" s="261">
        <v>0</v>
      </c>
      <c r="S33" s="261">
        <v>2</v>
      </c>
      <c r="T33" s="261">
        <v>0</v>
      </c>
      <c r="U33" s="261">
        <v>0</v>
      </c>
      <c r="V33" s="261">
        <v>0</v>
      </c>
      <c r="W33" s="258">
        <v>2</v>
      </c>
      <c r="X33" s="263">
        <v>2</v>
      </c>
      <c r="Y33" s="257">
        <v>0</v>
      </c>
      <c r="Z33" s="261">
        <v>0</v>
      </c>
      <c r="AA33" s="258">
        <v>0</v>
      </c>
      <c r="AB33" s="260">
        <v>0</v>
      </c>
      <c r="AC33" s="261">
        <v>0</v>
      </c>
      <c r="AD33" s="261">
        <v>0</v>
      </c>
      <c r="AE33" s="261">
        <v>4</v>
      </c>
      <c r="AF33" s="261">
        <v>0</v>
      </c>
      <c r="AG33" s="261">
        <v>0</v>
      </c>
      <c r="AH33" s="258">
        <v>4</v>
      </c>
      <c r="AI33" s="263">
        <v>4</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0</v>
      </c>
      <c r="AZ33" s="261">
        <v>7</v>
      </c>
      <c r="BA33" s="261">
        <v>0</v>
      </c>
      <c r="BB33" s="261">
        <v>0</v>
      </c>
      <c r="BC33" s="261">
        <v>0</v>
      </c>
      <c r="BD33" s="262">
        <v>17</v>
      </c>
      <c r="BE33" s="263">
        <v>17</v>
      </c>
      <c r="BF33" s="257">
        <v>0</v>
      </c>
      <c r="BG33" s="261">
        <v>0</v>
      </c>
      <c r="BH33" s="258">
        <v>0</v>
      </c>
      <c r="BI33" s="260">
        <v>0</v>
      </c>
      <c r="BJ33" s="261">
        <v>6</v>
      </c>
      <c r="BK33" s="261">
        <v>8</v>
      </c>
      <c r="BL33" s="261">
        <v>4</v>
      </c>
      <c r="BM33" s="261">
        <v>0</v>
      </c>
      <c r="BN33" s="261">
        <v>0</v>
      </c>
      <c r="BO33" s="258">
        <v>18</v>
      </c>
      <c r="BP33" s="263">
        <v>18</v>
      </c>
      <c r="BQ33" s="257">
        <v>0</v>
      </c>
      <c r="BR33" s="261">
        <v>0</v>
      </c>
      <c r="BS33" s="258">
        <v>0</v>
      </c>
      <c r="BT33" s="260">
        <v>0</v>
      </c>
      <c r="BU33" s="261">
        <v>0</v>
      </c>
      <c r="BV33" s="261">
        <v>0</v>
      </c>
      <c r="BW33" s="261">
        <v>0</v>
      </c>
      <c r="BX33" s="261">
        <v>3</v>
      </c>
      <c r="BY33" s="261">
        <v>0</v>
      </c>
      <c r="BZ33" s="258">
        <v>3</v>
      </c>
      <c r="CA33" s="263">
        <v>3</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68" t="s">
        <v>32</v>
      </c>
      <c r="C34" s="257">
        <v>0</v>
      </c>
      <c r="D34" s="261">
        <v>0</v>
      </c>
      <c r="E34" s="356">
        <v>0</v>
      </c>
      <c r="F34" s="260">
        <v>0</v>
      </c>
      <c r="G34" s="261">
        <v>38</v>
      </c>
      <c r="H34" s="261">
        <v>0</v>
      </c>
      <c r="I34" s="261">
        <v>0</v>
      </c>
      <c r="J34" s="261">
        <v>0</v>
      </c>
      <c r="K34" s="261">
        <v>86</v>
      </c>
      <c r="L34" s="262">
        <v>124</v>
      </c>
      <c r="M34" s="263">
        <v>124</v>
      </c>
      <c r="N34" s="257">
        <v>0</v>
      </c>
      <c r="O34" s="261">
        <v>0</v>
      </c>
      <c r="P34" s="258">
        <v>0</v>
      </c>
      <c r="Q34" s="260">
        <v>0</v>
      </c>
      <c r="R34" s="261">
        <v>0</v>
      </c>
      <c r="S34" s="261">
        <v>0</v>
      </c>
      <c r="T34" s="261">
        <v>0</v>
      </c>
      <c r="U34" s="261">
        <v>0</v>
      </c>
      <c r="V34" s="261">
        <v>4</v>
      </c>
      <c r="W34" s="258">
        <v>4</v>
      </c>
      <c r="X34" s="263">
        <v>4</v>
      </c>
      <c r="Y34" s="257">
        <v>0</v>
      </c>
      <c r="Z34" s="261">
        <v>0</v>
      </c>
      <c r="AA34" s="258">
        <v>0</v>
      </c>
      <c r="AB34" s="260">
        <v>0</v>
      </c>
      <c r="AC34" s="261">
        <v>18</v>
      </c>
      <c r="AD34" s="261">
        <v>21</v>
      </c>
      <c r="AE34" s="261">
        <v>0</v>
      </c>
      <c r="AF34" s="261">
        <v>0</v>
      </c>
      <c r="AG34" s="261">
        <v>0</v>
      </c>
      <c r="AH34" s="258">
        <v>39</v>
      </c>
      <c r="AI34" s="263">
        <v>39</v>
      </c>
      <c r="AJ34" s="257">
        <v>0</v>
      </c>
      <c r="AK34" s="261">
        <v>0</v>
      </c>
      <c r="AL34" s="258">
        <v>0</v>
      </c>
      <c r="AM34" s="260">
        <v>0</v>
      </c>
      <c r="AN34" s="261">
        <v>0</v>
      </c>
      <c r="AO34" s="261">
        <v>12</v>
      </c>
      <c r="AP34" s="261">
        <v>0</v>
      </c>
      <c r="AQ34" s="261">
        <v>0</v>
      </c>
      <c r="AR34" s="261">
        <v>0</v>
      </c>
      <c r="AS34" s="258">
        <v>12</v>
      </c>
      <c r="AT34" s="263">
        <v>12</v>
      </c>
      <c r="AU34" s="257">
        <v>0</v>
      </c>
      <c r="AV34" s="261">
        <v>0</v>
      </c>
      <c r="AW34" s="258">
        <v>0</v>
      </c>
      <c r="AX34" s="260">
        <v>0</v>
      </c>
      <c r="AY34" s="261">
        <v>4</v>
      </c>
      <c r="AZ34" s="261">
        <v>49</v>
      </c>
      <c r="BA34" s="261">
        <v>5</v>
      </c>
      <c r="BB34" s="261">
        <v>0</v>
      </c>
      <c r="BC34" s="261">
        <v>0</v>
      </c>
      <c r="BD34" s="262">
        <v>58</v>
      </c>
      <c r="BE34" s="263">
        <v>58</v>
      </c>
      <c r="BF34" s="257">
        <v>0</v>
      </c>
      <c r="BG34" s="261">
        <v>0</v>
      </c>
      <c r="BH34" s="258">
        <v>0</v>
      </c>
      <c r="BI34" s="260">
        <v>0</v>
      </c>
      <c r="BJ34" s="261">
        <v>0</v>
      </c>
      <c r="BK34" s="261">
        <v>8</v>
      </c>
      <c r="BL34" s="261">
        <v>8</v>
      </c>
      <c r="BM34" s="261">
        <v>0</v>
      </c>
      <c r="BN34" s="261">
        <v>0</v>
      </c>
      <c r="BO34" s="258">
        <v>16</v>
      </c>
      <c r="BP34" s="263">
        <v>16</v>
      </c>
      <c r="BQ34" s="257">
        <v>0</v>
      </c>
      <c r="BR34" s="261">
        <v>0</v>
      </c>
      <c r="BS34" s="258">
        <v>0</v>
      </c>
      <c r="BT34" s="260">
        <v>0</v>
      </c>
      <c r="BU34" s="261">
        <v>5</v>
      </c>
      <c r="BV34" s="261">
        <v>7</v>
      </c>
      <c r="BW34" s="261">
        <v>10</v>
      </c>
      <c r="BX34" s="261">
        <v>0</v>
      </c>
      <c r="BY34" s="261">
        <v>0</v>
      </c>
      <c r="BZ34" s="258">
        <v>22</v>
      </c>
      <c r="CA34" s="263">
        <v>22</v>
      </c>
      <c r="CB34" s="257">
        <v>0</v>
      </c>
      <c r="CC34" s="261">
        <v>0</v>
      </c>
      <c r="CD34" s="258">
        <v>0</v>
      </c>
      <c r="CE34" s="260">
        <v>0</v>
      </c>
      <c r="CF34" s="261">
        <v>0</v>
      </c>
      <c r="CG34" s="261">
        <v>0</v>
      </c>
      <c r="CH34" s="261">
        <v>0</v>
      </c>
      <c r="CI34" s="261">
        <v>0</v>
      </c>
      <c r="CJ34" s="261">
        <v>0</v>
      </c>
      <c r="CK34" s="258">
        <v>0</v>
      </c>
      <c r="CL34" s="263">
        <v>0</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68" t="s">
        <v>33</v>
      </c>
      <c r="C35" s="257">
        <v>0</v>
      </c>
      <c r="D35" s="261">
        <v>0</v>
      </c>
      <c r="E35" s="356">
        <v>0</v>
      </c>
      <c r="F35" s="260">
        <v>0</v>
      </c>
      <c r="G35" s="261">
        <v>9</v>
      </c>
      <c r="H35" s="261">
        <v>1</v>
      </c>
      <c r="I35" s="261">
        <v>11</v>
      </c>
      <c r="J35" s="261">
        <v>0</v>
      </c>
      <c r="K35" s="261">
        <v>0</v>
      </c>
      <c r="L35" s="262">
        <v>21</v>
      </c>
      <c r="M35" s="263">
        <v>21</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5</v>
      </c>
      <c r="AD35" s="261">
        <v>0</v>
      </c>
      <c r="AE35" s="261">
        <v>5</v>
      </c>
      <c r="AF35" s="261">
        <v>0</v>
      </c>
      <c r="AG35" s="261">
        <v>0</v>
      </c>
      <c r="AH35" s="258">
        <v>10</v>
      </c>
      <c r="AI35" s="263">
        <v>10</v>
      </c>
      <c r="AJ35" s="257">
        <v>39</v>
      </c>
      <c r="AK35" s="261">
        <v>30</v>
      </c>
      <c r="AL35" s="258">
        <v>69</v>
      </c>
      <c r="AM35" s="260">
        <v>0</v>
      </c>
      <c r="AN35" s="261">
        <v>0</v>
      </c>
      <c r="AO35" s="261">
        <v>0</v>
      </c>
      <c r="AP35" s="261">
        <v>27</v>
      </c>
      <c r="AQ35" s="261">
        <v>0</v>
      </c>
      <c r="AR35" s="261">
        <v>0</v>
      </c>
      <c r="AS35" s="258">
        <v>27</v>
      </c>
      <c r="AT35" s="263">
        <v>96</v>
      </c>
      <c r="AU35" s="257">
        <v>0</v>
      </c>
      <c r="AV35" s="261">
        <v>0</v>
      </c>
      <c r="AW35" s="258">
        <v>0</v>
      </c>
      <c r="AX35" s="260">
        <v>0</v>
      </c>
      <c r="AY35" s="261">
        <v>9</v>
      </c>
      <c r="AZ35" s="261">
        <v>0</v>
      </c>
      <c r="BA35" s="261">
        <v>0</v>
      </c>
      <c r="BB35" s="261">
        <v>0</v>
      </c>
      <c r="BC35" s="261">
        <v>0</v>
      </c>
      <c r="BD35" s="262">
        <v>9</v>
      </c>
      <c r="BE35" s="263">
        <v>9</v>
      </c>
      <c r="BF35" s="257">
        <v>0</v>
      </c>
      <c r="BG35" s="261">
        <v>0</v>
      </c>
      <c r="BH35" s="258">
        <v>0</v>
      </c>
      <c r="BI35" s="260">
        <v>0</v>
      </c>
      <c r="BJ35" s="261">
        <v>4</v>
      </c>
      <c r="BK35" s="261">
        <v>0</v>
      </c>
      <c r="BL35" s="261">
        <v>0</v>
      </c>
      <c r="BM35" s="261">
        <v>0</v>
      </c>
      <c r="BN35" s="261">
        <v>0</v>
      </c>
      <c r="BO35" s="258">
        <v>4</v>
      </c>
      <c r="BP35" s="263">
        <v>4</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68" t="s">
        <v>34</v>
      </c>
      <c r="C36" s="257">
        <v>0</v>
      </c>
      <c r="D36" s="261">
        <v>0</v>
      </c>
      <c r="E36" s="356">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4</v>
      </c>
      <c r="AD36" s="261">
        <v>17</v>
      </c>
      <c r="AE36" s="261">
        <v>0</v>
      </c>
      <c r="AF36" s="261">
        <v>8</v>
      </c>
      <c r="AG36" s="261">
        <v>0</v>
      </c>
      <c r="AH36" s="258">
        <v>29</v>
      </c>
      <c r="AI36" s="263">
        <v>29</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24</v>
      </c>
      <c r="BA36" s="261">
        <v>0</v>
      </c>
      <c r="BB36" s="261">
        <v>0</v>
      </c>
      <c r="BC36" s="261">
        <v>0</v>
      </c>
      <c r="BD36" s="262">
        <v>24</v>
      </c>
      <c r="BE36" s="263">
        <v>24</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68" t="s">
        <v>35</v>
      </c>
      <c r="C37" s="257">
        <v>0</v>
      </c>
      <c r="D37" s="261">
        <v>0</v>
      </c>
      <c r="E37" s="356">
        <v>0</v>
      </c>
      <c r="F37" s="260">
        <v>0</v>
      </c>
      <c r="G37" s="261">
        <v>76</v>
      </c>
      <c r="H37" s="261">
        <v>9</v>
      </c>
      <c r="I37" s="261">
        <v>66</v>
      </c>
      <c r="J37" s="261">
        <v>74</v>
      </c>
      <c r="K37" s="261">
        <v>49</v>
      </c>
      <c r="L37" s="262">
        <v>274</v>
      </c>
      <c r="M37" s="263">
        <v>274</v>
      </c>
      <c r="N37" s="257">
        <v>0</v>
      </c>
      <c r="O37" s="261">
        <v>0</v>
      </c>
      <c r="P37" s="258">
        <v>0</v>
      </c>
      <c r="Q37" s="260">
        <v>0</v>
      </c>
      <c r="R37" s="261">
        <v>0</v>
      </c>
      <c r="S37" s="261">
        <v>1</v>
      </c>
      <c r="T37" s="261">
        <v>0</v>
      </c>
      <c r="U37" s="261">
        <v>6</v>
      </c>
      <c r="V37" s="261">
        <v>5</v>
      </c>
      <c r="W37" s="258">
        <v>12</v>
      </c>
      <c r="X37" s="263">
        <v>12</v>
      </c>
      <c r="Y37" s="257">
        <v>0</v>
      </c>
      <c r="Z37" s="261">
        <v>0</v>
      </c>
      <c r="AA37" s="258">
        <v>0</v>
      </c>
      <c r="AB37" s="260">
        <v>0</v>
      </c>
      <c r="AC37" s="261">
        <v>7</v>
      </c>
      <c r="AD37" s="261">
        <v>0</v>
      </c>
      <c r="AE37" s="261">
        <v>0</v>
      </c>
      <c r="AF37" s="261">
        <v>0</v>
      </c>
      <c r="AG37" s="261">
        <v>0</v>
      </c>
      <c r="AH37" s="258">
        <v>7</v>
      </c>
      <c r="AI37" s="263">
        <v>7</v>
      </c>
      <c r="AJ37" s="257">
        <v>8</v>
      </c>
      <c r="AK37" s="261">
        <v>0</v>
      </c>
      <c r="AL37" s="258">
        <v>8</v>
      </c>
      <c r="AM37" s="260">
        <v>0</v>
      </c>
      <c r="AN37" s="261">
        <v>30</v>
      </c>
      <c r="AO37" s="261">
        <v>0</v>
      </c>
      <c r="AP37" s="261">
        <v>0</v>
      </c>
      <c r="AQ37" s="261">
        <v>0</v>
      </c>
      <c r="AR37" s="261">
        <v>0</v>
      </c>
      <c r="AS37" s="258">
        <v>30</v>
      </c>
      <c r="AT37" s="263">
        <v>38</v>
      </c>
      <c r="AU37" s="257">
        <v>0</v>
      </c>
      <c r="AV37" s="261">
        <v>0</v>
      </c>
      <c r="AW37" s="258">
        <v>0</v>
      </c>
      <c r="AX37" s="260">
        <v>0</v>
      </c>
      <c r="AY37" s="261">
        <v>40</v>
      </c>
      <c r="AZ37" s="261">
        <v>23</v>
      </c>
      <c r="BA37" s="261">
        <v>32</v>
      </c>
      <c r="BB37" s="261">
        <v>0</v>
      </c>
      <c r="BC37" s="261">
        <v>0</v>
      </c>
      <c r="BD37" s="262">
        <v>95</v>
      </c>
      <c r="BE37" s="263">
        <v>95</v>
      </c>
      <c r="BF37" s="257">
        <v>0</v>
      </c>
      <c r="BG37" s="261">
        <v>0</v>
      </c>
      <c r="BH37" s="258">
        <v>0</v>
      </c>
      <c r="BI37" s="260">
        <v>0</v>
      </c>
      <c r="BJ37" s="261">
        <v>19</v>
      </c>
      <c r="BK37" s="261">
        <v>0</v>
      </c>
      <c r="BL37" s="261">
        <v>8</v>
      </c>
      <c r="BM37" s="261">
        <v>10</v>
      </c>
      <c r="BN37" s="261">
        <v>0</v>
      </c>
      <c r="BO37" s="258">
        <v>37</v>
      </c>
      <c r="BP37" s="263">
        <v>37</v>
      </c>
      <c r="BQ37" s="257">
        <v>0</v>
      </c>
      <c r="BR37" s="261">
        <v>0</v>
      </c>
      <c r="BS37" s="258">
        <v>0</v>
      </c>
      <c r="BT37" s="260">
        <v>0</v>
      </c>
      <c r="BU37" s="261">
        <v>3</v>
      </c>
      <c r="BV37" s="261">
        <v>0</v>
      </c>
      <c r="BW37" s="261">
        <v>0</v>
      </c>
      <c r="BX37" s="261">
        <v>0</v>
      </c>
      <c r="BY37" s="261">
        <v>0</v>
      </c>
      <c r="BZ37" s="258">
        <v>3</v>
      </c>
      <c r="CA37" s="263">
        <v>3</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68" t="s">
        <v>36</v>
      </c>
      <c r="C38" s="257">
        <v>0</v>
      </c>
      <c r="D38" s="261">
        <v>0</v>
      </c>
      <c r="E38" s="356">
        <v>0</v>
      </c>
      <c r="F38" s="260">
        <v>0</v>
      </c>
      <c r="G38" s="261">
        <v>15</v>
      </c>
      <c r="H38" s="261">
        <v>0</v>
      </c>
      <c r="I38" s="261">
        <v>9</v>
      </c>
      <c r="J38" s="261">
        <v>0</v>
      </c>
      <c r="K38" s="261">
        <v>120</v>
      </c>
      <c r="L38" s="262">
        <v>144</v>
      </c>
      <c r="M38" s="263">
        <v>144</v>
      </c>
      <c r="N38" s="257">
        <v>0</v>
      </c>
      <c r="O38" s="261">
        <v>0</v>
      </c>
      <c r="P38" s="258">
        <v>0</v>
      </c>
      <c r="Q38" s="260">
        <v>0</v>
      </c>
      <c r="R38" s="261">
        <v>0</v>
      </c>
      <c r="S38" s="261">
        <v>0</v>
      </c>
      <c r="T38" s="261">
        <v>0</v>
      </c>
      <c r="U38" s="261">
        <v>4</v>
      </c>
      <c r="V38" s="261">
        <v>0</v>
      </c>
      <c r="W38" s="258">
        <v>4</v>
      </c>
      <c r="X38" s="263">
        <v>4</v>
      </c>
      <c r="Y38" s="257">
        <v>4</v>
      </c>
      <c r="Z38" s="261">
        <v>0</v>
      </c>
      <c r="AA38" s="258">
        <v>4</v>
      </c>
      <c r="AB38" s="260">
        <v>0</v>
      </c>
      <c r="AC38" s="261">
        <v>8</v>
      </c>
      <c r="AD38" s="261">
        <v>0</v>
      </c>
      <c r="AE38" s="261">
        <v>13</v>
      </c>
      <c r="AF38" s="261">
        <v>12</v>
      </c>
      <c r="AG38" s="261">
        <v>0</v>
      </c>
      <c r="AH38" s="258">
        <v>33</v>
      </c>
      <c r="AI38" s="263">
        <v>37</v>
      </c>
      <c r="AJ38" s="257">
        <v>0</v>
      </c>
      <c r="AK38" s="261">
        <v>16</v>
      </c>
      <c r="AL38" s="258">
        <v>16</v>
      </c>
      <c r="AM38" s="260">
        <v>0</v>
      </c>
      <c r="AN38" s="261">
        <v>0</v>
      </c>
      <c r="AO38" s="261">
        <v>8</v>
      </c>
      <c r="AP38" s="261">
        <v>6</v>
      </c>
      <c r="AQ38" s="261">
        <v>10</v>
      </c>
      <c r="AR38" s="261">
        <v>0</v>
      </c>
      <c r="AS38" s="258">
        <v>24</v>
      </c>
      <c r="AT38" s="263">
        <v>40</v>
      </c>
      <c r="AU38" s="257">
        <v>0</v>
      </c>
      <c r="AV38" s="261">
        <v>0</v>
      </c>
      <c r="AW38" s="258">
        <v>0</v>
      </c>
      <c r="AX38" s="260">
        <v>0</v>
      </c>
      <c r="AY38" s="261">
        <v>12</v>
      </c>
      <c r="AZ38" s="261">
        <v>13</v>
      </c>
      <c r="BA38" s="261">
        <v>0</v>
      </c>
      <c r="BB38" s="261">
        <v>0</v>
      </c>
      <c r="BC38" s="261">
        <v>0</v>
      </c>
      <c r="BD38" s="262">
        <v>25</v>
      </c>
      <c r="BE38" s="263">
        <v>25</v>
      </c>
      <c r="BF38" s="257">
        <v>0</v>
      </c>
      <c r="BG38" s="261">
        <v>0</v>
      </c>
      <c r="BH38" s="258">
        <v>0</v>
      </c>
      <c r="BI38" s="260">
        <v>0</v>
      </c>
      <c r="BJ38" s="261">
        <v>0</v>
      </c>
      <c r="BK38" s="261">
        <v>0</v>
      </c>
      <c r="BL38" s="261">
        <v>0</v>
      </c>
      <c r="BM38" s="261">
        <v>6</v>
      </c>
      <c r="BN38" s="261">
        <v>0</v>
      </c>
      <c r="BO38" s="258">
        <v>6</v>
      </c>
      <c r="BP38" s="263">
        <v>6</v>
      </c>
      <c r="BQ38" s="257">
        <v>0</v>
      </c>
      <c r="BR38" s="261">
        <v>0</v>
      </c>
      <c r="BS38" s="258">
        <v>0</v>
      </c>
      <c r="BT38" s="260">
        <v>0</v>
      </c>
      <c r="BU38" s="261">
        <v>0</v>
      </c>
      <c r="BV38" s="261">
        <v>2</v>
      </c>
      <c r="BW38" s="261">
        <v>0</v>
      </c>
      <c r="BX38" s="261">
        <v>59</v>
      </c>
      <c r="BY38" s="261">
        <v>0</v>
      </c>
      <c r="BZ38" s="258">
        <v>61</v>
      </c>
      <c r="CA38" s="263">
        <v>61</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69" t="s">
        <v>37</v>
      </c>
      <c r="C39" s="264">
        <v>0</v>
      </c>
      <c r="D39" s="268">
        <v>0</v>
      </c>
      <c r="E39" s="357">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12</v>
      </c>
      <c r="BA39" s="268">
        <v>0</v>
      </c>
      <c r="BB39" s="268">
        <v>0</v>
      </c>
      <c r="BC39" s="268">
        <v>0</v>
      </c>
      <c r="BD39" s="269">
        <v>12</v>
      </c>
      <c r="BE39" s="270">
        <v>12</v>
      </c>
      <c r="BF39" s="264">
        <v>0</v>
      </c>
      <c r="BG39" s="268">
        <v>0</v>
      </c>
      <c r="BH39" s="265">
        <v>0</v>
      </c>
      <c r="BI39" s="267">
        <v>0</v>
      </c>
      <c r="BJ39" s="268">
        <v>5</v>
      </c>
      <c r="BK39" s="268">
        <v>0</v>
      </c>
      <c r="BL39" s="268">
        <v>0</v>
      </c>
      <c r="BM39" s="268">
        <v>0</v>
      </c>
      <c r="BN39" s="268">
        <v>0</v>
      </c>
      <c r="BO39" s="265">
        <v>5</v>
      </c>
      <c r="BP39" s="270">
        <v>5</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2</v>
      </c>
      <c r="J1" s="539">
        <f>第１表!F2</f>
        <v>6</v>
      </c>
      <c r="K1" s="539"/>
      <c r="L1" s="235">
        <f>第１表!G2</f>
        <v>1</v>
      </c>
      <c r="M1" s="543">
        <f>IF(L1&lt;3,L1+12-2,L1-2)</f>
        <v>11</v>
      </c>
      <c r="N1" s="543"/>
    </row>
    <row r="2" spans="2:112" ht="24" customHeight="1" thickBot="1" x14ac:dyDescent="0.25">
      <c r="B2" s="271" t="s">
        <v>152</v>
      </c>
    </row>
    <row r="3" spans="2:112" ht="21" customHeight="1" thickBot="1" x14ac:dyDescent="0.25">
      <c r="B3" s="563"/>
      <c r="C3" s="566" t="s">
        <v>112</v>
      </c>
      <c r="D3" s="566"/>
      <c r="E3" s="566"/>
      <c r="F3" s="566"/>
      <c r="G3" s="566"/>
      <c r="H3" s="566"/>
      <c r="I3" s="566"/>
      <c r="J3" s="566"/>
      <c r="K3" s="566"/>
      <c r="L3" s="566"/>
      <c r="M3" s="567"/>
      <c r="N3" s="561" t="s">
        <v>111</v>
      </c>
      <c r="O3" s="561"/>
      <c r="P3" s="561"/>
      <c r="Q3" s="561"/>
      <c r="R3" s="561"/>
      <c r="S3" s="561"/>
      <c r="T3" s="561"/>
      <c r="U3" s="561"/>
      <c r="V3" s="561"/>
      <c r="W3" s="561"/>
      <c r="X3" s="562"/>
      <c r="Y3" s="560" t="s">
        <v>110</v>
      </c>
      <c r="Z3" s="561"/>
      <c r="AA3" s="561"/>
      <c r="AB3" s="561"/>
      <c r="AC3" s="561"/>
      <c r="AD3" s="561"/>
      <c r="AE3" s="561"/>
      <c r="AF3" s="561"/>
      <c r="AG3" s="561"/>
      <c r="AH3" s="561"/>
      <c r="AI3" s="562"/>
      <c r="AJ3" s="560" t="s">
        <v>109</v>
      </c>
      <c r="AK3" s="561"/>
      <c r="AL3" s="561"/>
      <c r="AM3" s="561"/>
      <c r="AN3" s="561"/>
      <c r="AO3" s="561"/>
      <c r="AP3" s="561"/>
      <c r="AQ3" s="561"/>
      <c r="AR3" s="561"/>
      <c r="AS3" s="561"/>
      <c r="AT3" s="562"/>
      <c r="AU3" s="560" t="s">
        <v>108</v>
      </c>
      <c r="AV3" s="561"/>
      <c r="AW3" s="561"/>
      <c r="AX3" s="561"/>
      <c r="AY3" s="561"/>
      <c r="AZ3" s="561"/>
      <c r="BA3" s="561"/>
      <c r="BB3" s="561"/>
      <c r="BC3" s="561"/>
      <c r="BD3" s="561"/>
      <c r="BE3" s="562"/>
      <c r="BF3" s="560" t="s">
        <v>107</v>
      </c>
      <c r="BG3" s="561"/>
      <c r="BH3" s="561"/>
      <c r="BI3" s="561"/>
      <c r="BJ3" s="561"/>
      <c r="BK3" s="561"/>
      <c r="BL3" s="561"/>
      <c r="BM3" s="561"/>
      <c r="BN3" s="561"/>
      <c r="BO3" s="561"/>
      <c r="BP3" s="562"/>
      <c r="BQ3" s="560" t="s">
        <v>106</v>
      </c>
      <c r="BR3" s="561"/>
      <c r="BS3" s="561"/>
      <c r="BT3" s="561"/>
      <c r="BU3" s="561"/>
      <c r="BV3" s="561"/>
      <c r="BW3" s="561"/>
      <c r="BX3" s="561"/>
      <c r="BY3" s="561"/>
      <c r="BZ3" s="561"/>
      <c r="CA3" s="562"/>
      <c r="CB3" s="560" t="s">
        <v>126</v>
      </c>
      <c r="CC3" s="561"/>
      <c r="CD3" s="561"/>
      <c r="CE3" s="561"/>
      <c r="CF3" s="561"/>
      <c r="CG3" s="561"/>
      <c r="CH3" s="561"/>
      <c r="CI3" s="561"/>
      <c r="CJ3" s="561"/>
      <c r="CK3" s="561"/>
      <c r="CL3" s="562"/>
      <c r="CM3" s="560" t="s">
        <v>159</v>
      </c>
      <c r="CN3" s="561"/>
      <c r="CO3" s="561"/>
      <c r="CP3" s="561"/>
      <c r="CQ3" s="561"/>
      <c r="CR3" s="561"/>
      <c r="CS3" s="561"/>
      <c r="CT3" s="561"/>
      <c r="CU3" s="561"/>
      <c r="CV3" s="561"/>
      <c r="CW3" s="562"/>
      <c r="CX3" s="560" t="s">
        <v>155</v>
      </c>
      <c r="CY3" s="561"/>
      <c r="CZ3" s="561"/>
      <c r="DA3" s="561"/>
      <c r="DB3" s="561"/>
      <c r="DC3" s="561"/>
      <c r="DD3" s="561"/>
      <c r="DE3" s="561"/>
      <c r="DF3" s="561"/>
      <c r="DG3" s="561"/>
      <c r="DH3" s="562"/>
    </row>
    <row r="4" spans="2:112" ht="21" customHeight="1" x14ac:dyDescent="0.2">
      <c r="B4" s="564"/>
      <c r="C4" s="568" t="s">
        <v>61</v>
      </c>
      <c r="D4" s="551"/>
      <c r="E4" s="552"/>
      <c r="F4" s="550" t="s">
        <v>62</v>
      </c>
      <c r="G4" s="551"/>
      <c r="H4" s="551"/>
      <c r="I4" s="551"/>
      <c r="J4" s="551"/>
      <c r="K4" s="551"/>
      <c r="L4" s="559"/>
      <c r="M4" s="553" t="s">
        <v>52</v>
      </c>
      <c r="N4" s="568" t="s">
        <v>61</v>
      </c>
      <c r="O4" s="551"/>
      <c r="P4" s="552"/>
      <c r="Q4" s="550" t="s">
        <v>62</v>
      </c>
      <c r="R4" s="551"/>
      <c r="S4" s="551"/>
      <c r="T4" s="551"/>
      <c r="U4" s="551"/>
      <c r="V4" s="551"/>
      <c r="W4" s="552"/>
      <c r="X4" s="553" t="s">
        <v>52</v>
      </c>
      <c r="Y4" s="555" t="s">
        <v>61</v>
      </c>
      <c r="Z4" s="551"/>
      <c r="AA4" s="559"/>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9"/>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row>
    <row r="5" spans="2:112" ht="30" customHeight="1" thickBot="1" x14ac:dyDescent="0.25">
      <c r="B5" s="565"/>
      <c r="C5" s="245" t="s">
        <v>43</v>
      </c>
      <c r="D5" s="246" t="s">
        <v>44</v>
      </c>
      <c r="E5" s="247" t="s">
        <v>45</v>
      </c>
      <c r="F5" s="248" t="s">
        <v>83</v>
      </c>
      <c r="G5" s="243" t="s">
        <v>47</v>
      </c>
      <c r="H5" s="243" t="s">
        <v>48</v>
      </c>
      <c r="I5" s="243" t="s">
        <v>49</v>
      </c>
      <c r="J5" s="243" t="s">
        <v>50</v>
      </c>
      <c r="K5" s="243" t="s">
        <v>51</v>
      </c>
      <c r="L5" s="249" t="s">
        <v>45</v>
      </c>
      <c r="M5" s="554"/>
      <c r="N5" s="245" t="s">
        <v>43</v>
      </c>
      <c r="O5" s="243" t="s">
        <v>44</v>
      </c>
      <c r="P5" s="246" t="s">
        <v>45</v>
      </c>
      <c r="Q5" s="248" t="s">
        <v>83</v>
      </c>
      <c r="R5" s="243" t="s">
        <v>47</v>
      </c>
      <c r="S5" s="243" t="s">
        <v>48</v>
      </c>
      <c r="T5" s="243" t="s">
        <v>49</v>
      </c>
      <c r="U5" s="243" t="s">
        <v>50</v>
      </c>
      <c r="V5" s="243" t="s">
        <v>51</v>
      </c>
      <c r="W5" s="246" t="s">
        <v>45</v>
      </c>
      <c r="X5" s="554"/>
      <c r="Y5" s="325" t="s">
        <v>43</v>
      </c>
      <c r="Z5" s="243" t="s">
        <v>44</v>
      </c>
      <c r="AA5" s="249" t="s">
        <v>45</v>
      </c>
      <c r="AB5" s="248" t="s">
        <v>83</v>
      </c>
      <c r="AC5" s="243" t="s">
        <v>47</v>
      </c>
      <c r="AD5" s="243" t="s">
        <v>48</v>
      </c>
      <c r="AE5" s="243" t="s">
        <v>49</v>
      </c>
      <c r="AF5" s="243" t="s">
        <v>50</v>
      </c>
      <c r="AG5" s="243" t="s">
        <v>51</v>
      </c>
      <c r="AH5" s="246" t="s">
        <v>45</v>
      </c>
      <c r="AI5" s="554"/>
      <c r="AJ5" s="325" t="s">
        <v>43</v>
      </c>
      <c r="AK5" s="243" t="s">
        <v>44</v>
      </c>
      <c r="AL5" s="246" t="s">
        <v>45</v>
      </c>
      <c r="AM5" s="248" t="s">
        <v>83</v>
      </c>
      <c r="AN5" s="243" t="s">
        <v>47</v>
      </c>
      <c r="AO5" s="243" t="s">
        <v>48</v>
      </c>
      <c r="AP5" s="243" t="s">
        <v>49</v>
      </c>
      <c r="AQ5" s="243" t="s">
        <v>50</v>
      </c>
      <c r="AR5" s="243" t="s">
        <v>51</v>
      </c>
      <c r="AS5" s="246" t="s">
        <v>45</v>
      </c>
      <c r="AT5" s="554"/>
      <c r="AU5" s="325" t="s">
        <v>43</v>
      </c>
      <c r="AV5" s="243" t="s">
        <v>44</v>
      </c>
      <c r="AW5" s="249" t="s">
        <v>45</v>
      </c>
      <c r="AX5" s="248" t="s">
        <v>83</v>
      </c>
      <c r="AY5" s="243" t="s">
        <v>47</v>
      </c>
      <c r="AZ5" s="243" t="s">
        <v>48</v>
      </c>
      <c r="BA5" s="243" t="s">
        <v>49</v>
      </c>
      <c r="BB5" s="243" t="s">
        <v>50</v>
      </c>
      <c r="BC5" s="243" t="s">
        <v>51</v>
      </c>
      <c r="BD5" s="249" t="s">
        <v>45</v>
      </c>
      <c r="BE5" s="554"/>
      <c r="BF5" s="325" t="s">
        <v>43</v>
      </c>
      <c r="BG5" s="243" t="s">
        <v>44</v>
      </c>
      <c r="BH5" s="246" t="s">
        <v>45</v>
      </c>
      <c r="BI5" s="248" t="s">
        <v>83</v>
      </c>
      <c r="BJ5" s="243" t="s">
        <v>47</v>
      </c>
      <c r="BK5" s="243" t="s">
        <v>48</v>
      </c>
      <c r="BL5" s="243" t="s">
        <v>49</v>
      </c>
      <c r="BM5" s="243" t="s">
        <v>50</v>
      </c>
      <c r="BN5" s="243" t="s">
        <v>51</v>
      </c>
      <c r="BO5" s="246" t="s">
        <v>45</v>
      </c>
      <c r="BP5" s="554"/>
      <c r="BQ5" s="325" t="s">
        <v>43</v>
      </c>
      <c r="BR5" s="243" t="s">
        <v>44</v>
      </c>
      <c r="BS5" s="246" t="s">
        <v>45</v>
      </c>
      <c r="BT5" s="248" t="s">
        <v>83</v>
      </c>
      <c r="BU5" s="243" t="s">
        <v>47</v>
      </c>
      <c r="BV5" s="243" t="s">
        <v>48</v>
      </c>
      <c r="BW5" s="243" t="s">
        <v>49</v>
      </c>
      <c r="BX5" s="243" t="s">
        <v>50</v>
      </c>
      <c r="BY5" s="243" t="s">
        <v>51</v>
      </c>
      <c r="BZ5" s="246" t="s">
        <v>45</v>
      </c>
      <c r="CA5" s="554"/>
      <c r="CB5" s="325" t="s">
        <v>43</v>
      </c>
      <c r="CC5" s="243" t="s">
        <v>44</v>
      </c>
      <c r="CD5" s="246" t="s">
        <v>45</v>
      </c>
      <c r="CE5" s="248" t="s">
        <v>83</v>
      </c>
      <c r="CF5" s="243" t="s">
        <v>47</v>
      </c>
      <c r="CG5" s="243" t="s">
        <v>48</v>
      </c>
      <c r="CH5" s="243" t="s">
        <v>49</v>
      </c>
      <c r="CI5" s="243" t="s">
        <v>50</v>
      </c>
      <c r="CJ5" s="243" t="s">
        <v>51</v>
      </c>
      <c r="CK5" s="246" t="s">
        <v>45</v>
      </c>
      <c r="CL5" s="554"/>
      <c r="CM5" s="337" t="s">
        <v>43</v>
      </c>
      <c r="CN5" s="243" t="s">
        <v>44</v>
      </c>
      <c r="CO5" s="246" t="s">
        <v>45</v>
      </c>
      <c r="CP5" s="248" t="s">
        <v>83</v>
      </c>
      <c r="CQ5" s="243" t="s">
        <v>47</v>
      </c>
      <c r="CR5" s="243" t="s">
        <v>48</v>
      </c>
      <c r="CS5" s="243" t="s">
        <v>49</v>
      </c>
      <c r="CT5" s="243" t="s">
        <v>50</v>
      </c>
      <c r="CU5" s="243" t="s">
        <v>51</v>
      </c>
      <c r="CV5" s="246" t="s">
        <v>45</v>
      </c>
      <c r="CW5" s="554"/>
      <c r="CX5" s="337" t="s">
        <v>43</v>
      </c>
      <c r="CY5" s="243" t="s">
        <v>44</v>
      </c>
      <c r="CZ5" s="246" t="s">
        <v>45</v>
      </c>
      <c r="DA5" s="248" t="s">
        <v>83</v>
      </c>
      <c r="DB5" s="243" t="s">
        <v>47</v>
      </c>
      <c r="DC5" s="243" t="s">
        <v>48</v>
      </c>
      <c r="DD5" s="243" t="s">
        <v>49</v>
      </c>
      <c r="DE5" s="243" t="s">
        <v>50</v>
      </c>
      <c r="DF5" s="243" t="s">
        <v>51</v>
      </c>
      <c r="DG5" s="246" t="s">
        <v>45</v>
      </c>
      <c r="DH5" s="554"/>
    </row>
    <row r="6" spans="2:112" ht="21" customHeight="1" x14ac:dyDescent="0.2">
      <c r="B6" s="466" t="s">
        <v>4</v>
      </c>
      <c r="C6" s="250">
        <v>0</v>
      </c>
      <c r="D6" s="251">
        <v>0</v>
      </c>
      <c r="E6" s="252">
        <v>0</v>
      </c>
      <c r="F6" s="253">
        <v>0</v>
      </c>
      <c r="G6" s="254">
        <v>12098</v>
      </c>
      <c r="H6" s="254">
        <v>17670</v>
      </c>
      <c r="I6" s="254">
        <v>19515</v>
      </c>
      <c r="J6" s="254">
        <v>25256</v>
      </c>
      <c r="K6" s="254">
        <v>22179</v>
      </c>
      <c r="L6" s="255">
        <v>96718</v>
      </c>
      <c r="M6" s="256">
        <v>96718</v>
      </c>
      <c r="N6" s="250">
        <v>0</v>
      </c>
      <c r="O6" s="254">
        <v>8</v>
      </c>
      <c r="P6" s="251">
        <v>8</v>
      </c>
      <c r="Q6" s="253">
        <v>0</v>
      </c>
      <c r="R6" s="254">
        <v>51</v>
      </c>
      <c r="S6" s="254">
        <v>145</v>
      </c>
      <c r="T6" s="254">
        <v>246</v>
      </c>
      <c r="U6" s="254">
        <v>654</v>
      </c>
      <c r="V6" s="254">
        <v>1080</v>
      </c>
      <c r="W6" s="251">
        <v>2176</v>
      </c>
      <c r="X6" s="256">
        <v>2184</v>
      </c>
      <c r="Y6" s="250">
        <v>1456</v>
      </c>
      <c r="Z6" s="254">
        <v>3832</v>
      </c>
      <c r="AA6" s="251">
        <v>5288</v>
      </c>
      <c r="AB6" s="253">
        <v>0</v>
      </c>
      <c r="AC6" s="254">
        <v>9645</v>
      </c>
      <c r="AD6" s="254">
        <v>14979</v>
      </c>
      <c r="AE6" s="254">
        <v>8504</v>
      </c>
      <c r="AF6" s="254">
        <v>7409</v>
      </c>
      <c r="AG6" s="254">
        <v>5054</v>
      </c>
      <c r="AH6" s="251">
        <v>45591</v>
      </c>
      <c r="AI6" s="256">
        <v>50879</v>
      </c>
      <c r="AJ6" s="250">
        <v>210</v>
      </c>
      <c r="AK6" s="254">
        <v>726</v>
      </c>
      <c r="AL6" s="251">
        <v>936</v>
      </c>
      <c r="AM6" s="253">
        <v>0</v>
      </c>
      <c r="AN6" s="254">
        <v>1283</v>
      </c>
      <c r="AO6" s="254">
        <v>2015</v>
      </c>
      <c r="AP6" s="254">
        <v>1129</v>
      </c>
      <c r="AQ6" s="254">
        <v>1103</v>
      </c>
      <c r="AR6" s="254">
        <v>557</v>
      </c>
      <c r="AS6" s="251">
        <v>6087</v>
      </c>
      <c r="AT6" s="256">
        <v>7023</v>
      </c>
      <c r="AU6" s="250">
        <v>0</v>
      </c>
      <c r="AV6" s="254">
        <v>0</v>
      </c>
      <c r="AW6" s="251">
        <v>0</v>
      </c>
      <c r="AX6" s="253">
        <v>0</v>
      </c>
      <c r="AY6" s="254">
        <v>10754</v>
      </c>
      <c r="AZ6" s="254">
        <v>10339</v>
      </c>
      <c r="BA6" s="254">
        <v>5815</v>
      </c>
      <c r="BB6" s="254">
        <v>3164</v>
      </c>
      <c r="BC6" s="254">
        <v>1346</v>
      </c>
      <c r="BD6" s="255">
        <v>31418</v>
      </c>
      <c r="BE6" s="256">
        <v>31418</v>
      </c>
      <c r="BF6" s="250">
        <v>0</v>
      </c>
      <c r="BG6" s="254">
        <v>0</v>
      </c>
      <c r="BH6" s="251">
        <v>0</v>
      </c>
      <c r="BI6" s="253">
        <v>0</v>
      </c>
      <c r="BJ6" s="254">
        <v>2526</v>
      </c>
      <c r="BK6" s="254">
        <v>3380</v>
      </c>
      <c r="BL6" s="254">
        <v>2232</v>
      </c>
      <c r="BM6" s="254">
        <v>1318</v>
      </c>
      <c r="BN6" s="254">
        <v>562</v>
      </c>
      <c r="BO6" s="251">
        <v>10018</v>
      </c>
      <c r="BP6" s="256">
        <v>10018</v>
      </c>
      <c r="BQ6" s="250">
        <v>9</v>
      </c>
      <c r="BR6" s="254">
        <v>96</v>
      </c>
      <c r="BS6" s="251">
        <v>105</v>
      </c>
      <c r="BT6" s="253">
        <v>0</v>
      </c>
      <c r="BU6" s="254">
        <v>1112</v>
      </c>
      <c r="BV6" s="254">
        <v>2296</v>
      </c>
      <c r="BW6" s="254">
        <v>2717</v>
      </c>
      <c r="BX6" s="254">
        <v>2056</v>
      </c>
      <c r="BY6" s="254">
        <v>1083</v>
      </c>
      <c r="BZ6" s="251">
        <v>9264</v>
      </c>
      <c r="CA6" s="256">
        <v>9369</v>
      </c>
      <c r="CB6" s="250">
        <v>3</v>
      </c>
      <c r="CC6" s="254">
        <v>18</v>
      </c>
      <c r="CD6" s="251">
        <v>21</v>
      </c>
      <c r="CE6" s="253">
        <v>0</v>
      </c>
      <c r="CF6" s="254">
        <v>195</v>
      </c>
      <c r="CG6" s="254">
        <v>290</v>
      </c>
      <c r="CH6" s="254">
        <v>334</v>
      </c>
      <c r="CI6" s="254">
        <v>419</v>
      </c>
      <c r="CJ6" s="254">
        <v>239</v>
      </c>
      <c r="CK6" s="251">
        <v>1477</v>
      </c>
      <c r="CL6" s="256">
        <v>1498</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67" t="s">
        <v>5</v>
      </c>
      <c r="C7" s="257">
        <v>0</v>
      </c>
      <c r="D7" s="258">
        <v>0</v>
      </c>
      <c r="E7" s="259">
        <v>0</v>
      </c>
      <c r="F7" s="260">
        <v>0</v>
      </c>
      <c r="G7" s="261">
        <v>4496</v>
      </c>
      <c r="H7" s="261">
        <v>8527</v>
      </c>
      <c r="I7" s="261">
        <v>8004</v>
      </c>
      <c r="J7" s="261">
        <v>10741</v>
      </c>
      <c r="K7" s="261">
        <v>9375</v>
      </c>
      <c r="L7" s="262">
        <v>41143</v>
      </c>
      <c r="M7" s="263">
        <v>41143</v>
      </c>
      <c r="N7" s="257">
        <v>0</v>
      </c>
      <c r="O7" s="261">
        <v>8</v>
      </c>
      <c r="P7" s="258">
        <v>8</v>
      </c>
      <c r="Q7" s="260">
        <v>0</v>
      </c>
      <c r="R7" s="261">
        <v>13</v>
      </c>
      <c r="S7" s="261">
        <v>40</v>
      </c>
      <c r="T7" s="261">
        <v>122</v>
      </c>
      <c r="U7" s="261">
        <v>254</v>
      </c>
      <c r="V7" s="261">
        <v>573</v>
      </c>
      <c r="W7" s="258">
        <v>1002</v>
      </c>
      <c r="X7" s="263">
        <v>1010</v>
      </c>
      <c r="Y7" s="257">
        <v>689</v>
      </c>
      <c r="Z7" s="261">
        <v>1955</v>
      </c>
      <c r="AA7" s="258">
        <v>2644</v>
      </c>
      <c r="AB7" s="260">
        <v>0</v>
      </c>
      <c r="AC7" s="261">
        <v>3232</v>
      </c>
      <c r="AD7" s="261">
        <v>8385</v>
      </c>
      <c r="AE7" s="261">
        <v>4213</v>
      </c>
      <c r="AF7" s="261">
        <v>3754</v>
      </c>
      <c r="AG7" s="261">
        <v>2476</v>
      </c>
      <c r="AH7" s="258">
        <v>22060</v>
      </c>
      <c r="AI7" s="263">
        <v>24704</v>
      </c>
      <c r="AJ7" s="257">
        <v>92</v>
      </c>
      <c r="AK7" s="261">
        <v>351</v>
      </c>
      <c r="AL7" s="258">
        <v>443</v>
      </c>
      <c r="AM7" s="260">
        <v>0</v>
      </c>
      <c r="AN7" s="261">
        <v>348</v>
      </c>
      <c r="AO7" s="261">
        <v>1020</v>
      </c>
      <c r="AP7" s="261">
        <v>459</v>
      </c>
      <c r="AQ7" s="261">
        <v>516</v>
      </c>
      <c r="AR7" s="261">
        <v>208</v>
      </c>
      <c r="AS7" s="258">
        <v>2551</v>
      </c>
      <c r="AT7" s="263">
        <v>2994</v>
      </c>
      <c r="AU7" s="257">
        <v>0</v>
      </c>
      <c r="AV7" s="261">
        <v>0</v>
      </c>
      <c r="AW7" s="258">
        <v>0</v>
      </c>
      <c r="AX7" s="260">
        <v>0</v>
      </c>
      <c r="AY7" s="261">
        <v>3312</v>
      </c>
      <c r="AZ7" s="261">
        <v>4367</v>
      </c>
      <c r="BA7" s="261">
        <v>2183</v>
      </c>
      <c r="BB7" s="261">
        <v>1147</v>
      </c>
      <c r="BC7" s="261">
        <v>495</v>
      </c>
      <c r="BD7" s="262">
        <v>11504</v>
      </c>
      <c r="BE7" s="263">
        <v>11504</v>
      </c>
      <c r="BF7" s="257">
        <v>0</v>
      </c>
      <c r="BG7" s="261">
        <v>0</v>
      </c>
      <c r="BH7" s="258">
        <v>0</v>
      </c>
      <c r="BI7" s="260">
        <v>0</v>
      </c>
      <c r="BJ7" s="261">
        <v>805</v>
      </c>
      <c r="BK7" s="261">
        <v>1623</v>
      </c>
      <c r="BL7" s="261">
        <v>923</v>
      </c>
      <c r="BM7" s="261">
        <v>563</v>
      </c>
      <c r="BN7" s="261">
        <v>251</v>
      </c>
      <c r="BO7" s="258">
        <v>4165</v>
      </c>
      <c r="BP7" s="263">
        <v>4165</v>
      </c>
      <c r="BQ7" s="257">
        <v>3</v>
      </c>
      <c r="BR7" s="261">
        <v>30</v>
      </c>
      <c r="BS7" s="258">
        <v>33</v>
      </c>
      <c r="BT7" s="260">
        <v>0</v>
      </c>
      <c r="BU7" s="261">
        <v>366</v>
      </c>
      <c r="BV7" s="261">
        <v>1029</v>
      </c>
      <c r="BW7" s="261">
        <v>1152</v>
      </c>
      <c r="BX7" s="261">
        <v>779</v>
      </c>
      <c r="BY7" s="261">
        <v>545</v>
      </c>
      <c r="BZ7" s="258">
        <v>3871</v>
      </c>
      <c r="CA7" s="263">
        <v>3904</v>
      </c>
      <c r="CB7" s="257">
        <v>3</v>
      </c>
      <c r="CC7" s="261">
        <v>18</v>
      </c>
      <c r="CD7" s="258">
        <v>21</v>
      </c>
      <c r="CE7" s="260">
        <v>0</v>
      </c>
      <c r="CF7" s="261">
        <v>55</v>
      </c>
      <c r="CG7" s="261">
        <v>224</v>
      </c>
      <c r="CH7" s="261">
        <v>216</v>
      </c>
      <c r="CI7" s="261">
        <v>292</v>
      </c>
      <c r="CJ7" s="261">
        <v>106</v>
      </c>
      <c r="CK7" s="258">
        <v>893</v>
      </c>
      <c r="CL7" s="263">
        <v>914</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68" t="s">
        <v>6</v>
      </c>
      <c r="C8" s="257">
        <v>0</v>
      </c>
      <c r="D8" s="258">
        <v>0</v>
      </c>
      <c r="E8" s="259">
        <v>0</v>
      </c>
      <c r="F8" s="260">
        <v>0</v>
      </c>
      <c r="G8" s="261">
        <v>2274</v>
      </c>
      <c r="H8" s="261">
        <v>2437</v>
      </c>
      <c r="I8" s="261">
        <v>2633</v>
      </c>
      <c r="J8" s="261">
        <v>4351</v>
      </c>
      <c r="K8" s="261">
        <v>4168</v>
      </c>
      <c r="L8" s="262">
        <v>15863</v>
      </c>
      <c r="M8" s="263">
        <v>15863</v>
      </c>
      <c r="N8" s="257">
        <v>0</v>
      </c>
      <c r="O8" s="261">
        <v>0</v>
      </c>
      <c r="P8" s="258">
        <v>0</v>
      </c>
      <c r="Q8" s="260">
        <v>0</v>
      </c>
      <c r="R8" s="261">
        <v>8</v>
      </c>
      <c r="S8" s="261">
        <v>50</v>
      </c>
      <c r="T8" s="261">
        <v>61</v>
      </c>
      <c r="U8" s="261">
        <v>136</v>
      </c>
      <c r="V8" s="261">
        <v>97</v>
      </c>
      <c r="W8" s="258">
        <v>352</v>
      </c>
      <c r="X8" s="263">
        <v>352</v>
      </c>
      <c r="Y8" s="257">
        <v>302</v>
      </c>
      <c r="Z8" s="261">
        <v>662</v>
      </c>
      <c r="AA8" s="258">
        <v>964</v>
      </c>
      <c r="AB8" s="260">
        <v>0</v>
      </c>
      <c r="AC8" s="261">
        <v>2870</v>
      </c>
      <c r="AD8" s="261">
        <v>2274</v>
      </c>
      <c r="AE8" s="261">
        <v>1618</v>
      </c>
      <c r="AF8" s="261">
        <v>1477</v>
      </c>
      <c r="AG8" s="261">
        <v>693</v>
      </c>
      <c r="AH8" s="258">
        <v>8932</v>
      </c>
      <c r="AI8" s="263">
        <v>9896</v>
      </c>
      <c r="AJ8" s="257">
        <v>43</v>
      </c>
      <c r="AK8" s="261">
        <v>58</v>
      </c>
      <c r="AL8" s="258">
        <v>101</v>
      </c>
      <c r="AM8" s="260">
        <v>0</v>
      </c>
      <c r="AN8" s="261">
        <v>247</v>
      </c>
      <c r="AO8" s="261">
        <v>173</v>
      </c>
      <c r="AP8" s="261">
        <v>194</v>
      </c>
      <c r="AQ8" s="261">
        <v>138</v>
      </c>
      <c r="AR8" s="261">
        <v>75</v>
      </c>
      <c r="AS8" s="258">
        <v>827</v>
      </c>
      <c r="AT8" s="263">
        <v>928</v>
      </c>
      <c r="AU8" s="257">
        <v>0</v>
      </c>
      <c r="AV8" s="261">
        <v>0</v>
      </c>
      <c r="AW8" s="258">
        <v>0</v>
      </c>
      <c r="AX8" s="260">
        <v>0</v>
      </c>
      <c r="AY8" s="261">
        <v>2127</v>
      </c>
      <c r="AZ8" s="261">
        <v>1510</v>
      </c>
      <c r="BA8" s="261">
        <v>846</v>
      </c>
      <c r="BB8" s="261">
        <v>458</v>
      </c>
      <c r="BC8" s="261">
        <v>233</v>
      </c>
      <c r="BD8" s="262">
        <v>5174</v>
      </c>
      <c r="BE8" s="263">
        <v>5174</v>
      </c>
      <c r="BF8" s="257">
        <v>0</v>
      </c>
      <c r="BG8" s="261">
        <v>0</v>
      </c>
      <c r="BH8" s="258">
        <v>0</v>
      </c>
      <c r="BI8" s="260">
        <v>0</v>
      </c>
      <c r="BJ8" s="261">
        <v>439</v>
      </c>
      <c r="BK8" s="261">
        <v>461</v>
      </c>
      <c r="BL8" s="261">
        <v>355</v>
      </c>
      <c r="BM8" s="261">
        <v>214</v>
      </c>
      <c r="BN8" s="261">
        <v>65</v>
      </c>
      <c r="BO8" s="258">
        <v>1534</v>
      </c>
      <c r="BP8" s="263">
        <v>1534</v>
      </c>
      <c r="BQ8" s="257">
        <v>0</v>
      </c>
      <c r="BR8" s="261">
        <v>8</v>
      </c>
      <c r="BS8" s="258">
        <v>8</v>
      </c>
      <c r="BT8" s="260">
        <v>0</v>
      </c>
      <c r="BU8" s="261">
        <v>149</v>
      </c>
      <c r="BV8" s="261">
        <v>280</v>
      </c>
      <c r="BW8" s="261">
        <v>355</v>
      </c>
      <c r="BX8" s="261">
        <v>216</v>
      </c>
      <c r="BY8" s="261">
        <v>112</v>
      </c>
      <c r="BZ8" s="258">
        <v>1112</v>
      </c>
      <c r="CA8" s="263">
        <v>1120</v>
      </c>
      <c r="CB8" s="257">
        <v>0</v>
      </c>
      <c r="CC8" s="261">
        <v>0</v>
      </c>
      <c r="CD8" s="258">
        <v>0</v>
      </c>
      <c r="CE8" s="260">
        <v>0</v>
      </c>
      <c r="CF8" s="261">
        <v>25</v>
      </c>
      <c r="CG8" s="261">
        <v>28</v>
      </c>
      <c r="CH8" s="261">
        <v>57</v>
      </c>
      <c r="CI8" s="261">
        <v>55</v>
      </c>
      <c r="CJ8" s="261">
        <v>33</v>
      </c>
      <c r="CK8" s="258">
        <v>198</v>
      </c>
      <c r="CL8" s="263">
        <v>198</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68" t="s">
        <v>14</v>
      </c>
      <c r="C9" s="257">
        <v>0</v>
      </c>
      <c r="D9" s="258">
        <v>0</v>
      </c>
      <c r="E9" s="259">
        <v>0</v>
      </c>
      <c r="F9" s="260">
        <v>0</v>
      </c>
      <c r="G9" s="261">
        <v>475</v>
      </c>
      <c r="H9" s="261">
        <v>1215</v>
      </c>
      <c r="I9" s="261">
        <v>977</v>
      </c>
      <c r="J9" s="261">
        <v>1492</v>
      </c>
      <c r="K9" s="261">
        <v>1154</v>
      </c>
      <c r="L9" s="262">
        <v>5313</v>
      </c>
      <c r="M9" s="263">
        <v>5313</v>
      </c>
      <c r="N9" s="257">
        <v>0</v>
      </c>
      <c r="O9" s="261">
        <v>0</v>
      </c>
      <c r="P9" s="258">
        <v>0</v>
      </c>
      <c r="Q9" s="260">
        <v>0</v>
      </c>
      <c r="R9" s="261">
        <v>1</v>
      </c>
      <c r="S9" s="261">
        <v>9</v>
      </c>
      <c r="T9" s="261">
        <v>10</v>
      </c>
      <c r="U9" s="261">
        <v>47</v>
      </c>
      <c r="V9" s="261">
        <v>69</v>
      </c>
      <c r="W9" s="258">
        <v>136</v>
      </c>
      <c r="X9" s="263">
        <v>136</v>
      </c>
      <c r="Y9" s="257">
        <v>50</v>
      </c>
      <c r="Z9" s="261">
        <v>205</v>
      </c>
      <c r="AA9" s="258">
        <v>255</v>
      </c>
      <c r="AB9" s="260">
        <v>0</v>
      </c>
      <c r="AC9" s="261">
        <v>294</v>
      </c>
      <c r="AD9" s="261">
        <v>912</v>
      </c>
      <c r="AE9" s="261">
        <v>467</v>
      </c>
      <c r="AF9" s="261">
        <v>461</v>
      </c>
      <c r="AG9" s="261">
        <v>353</v>
      </c>
      <c r="AH9" s="258">
        <v>2487</v>
      </c>
      <c r="AI9" s="263">
        <v>2742</v>
      </c>
      <c r="AJ9" s="257">
        <v>0</v>
      </c>
      <c r="AK9" s="261">
        <v>60</v>
      </c>
      <c r="AL9" s="258">
        <v>60</v>
      </c>
      <c r="AM9" s="260">
        <v>0</v>
      </c>
      <c r="AN9" s="261">
        <v>66</v>
      </c>
      <c r="AO9" s="261">
        <v>42</v>
      </c>
      <c r="AP9" s="261">
        <v>43</v>
      </c>
      <c r="AQ9" s="261">
        <v>0</v>
      </c>
      <c r="AR9" s="261">
        <v>8</v>
      </c>
      <c r="AS9" s="258">
        <v>159</v>
      </c>
      <c r="AT9" s="263">
        <v>219</v>
      </c>
      <c r="AU9" s="257">
        <v>0</v>
      </c>
      <c r="AV9" s="261">
        <v>0</v>
      </c>
      <c r="AW9" s="258">
        <v>0</v>
      </c>
      <c r="AX9" s="260">
        <v>0</v>
      </c>
      <c r="AY9" s="261">
        <v>822</v>
      </c>
      <c r="AZ9" s="261">
        <v>830</v>
      </c>
      <c r="BA9" s="261">
        <v>707</v>
      </c>
      <c r="BB9" s="261">
        <v>236</v>
      </c>
      <c r="BC9" s="261">
        <v>139</v>
      </c>
      <c r="BD9" s="262">
        <v>2734</v>
      </c>
      <c r="BE9" s="263">
        <v>2734</v>
      </c>
      <c r="BF9" s="257">
        <v>0</v>
      </c>
      <c r="BG9" s="261">
        <v>0</v>
      </c>
      <c r="BH9" s="258">
        <v>0</v>
      </c>
      <c r="BI9" s="260">
        <v>0</v>
      </c>
      <c r="BJ9" s="261">
        <v>62</v>
      </c>
      <c r="BK9" s="261">
        <v>160</v>
      </c>
      <c r="BL9" s="261">
        <v>95</v>
      </c>
      <c r="BM9" s="261">
        <v>74</v>
      </c>
      <c r="BN9" s="261">
        <v>17</v>
      </c>
      <c r="BO9" s="258">
        <v>408</v>
      </c>
      <c r="BP9" s="263">
        <v>408</v>
      </c>
      <c r="BQ9" s="257">
        <v>0</v>
      </c>
      <c r="BR9" s="261">
        <v>0</v>
      </c>
      <c r="BS9" s="258">
        <v>0</v>
      </c>
      <c r="BT9" s="260">
        <v>0</v>
      </c>
      <c r="BU9" s="261">
        <v>70</v>
      </c>
      <c r="BV9" s="261">
        <v>237</v>
      </c>
      <c r="BW9" s="261">
        <v>151</v>
      </c>
      <c r="BX9" s="261">
        <v>271</v>
      </c>
      <c r="BY9" s="261">
        <v>54</v>
      </c>
      <c r="BZ9" s="258">
        <v>783</v>
      </c>
      <c r="CA9" s="263">
        <v>783</v>
      </c>
      <c r="CB9" s="257">
        <v>0</v>
      </c>
      <c r="CC9" s="261">
        <v>0</v>
      </c>
      <c r="CD9" s="258">
        <v>0</v>
      </c>
      <c r="CE9" s="260">
        <v>0</v>
      </c>
      <c r="CF9" s="261">
        <v>0</v>
      </c>
      <c r="CG9" s="261">
        <v>8</v>
      </c>
      <c r="CH9" s="261">
        <v>3</v>
      </c>
      <c r="CI9" s="261">
        <v>2</v>
      </c>
      <c r="CJ9" s="261">
        <v>0</v>
      </c>
      <c r="CK9" s="258">
        <v>13</v>
      </c>
      <c r="CL9" s="263">
        <v>13</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68" t="s">
        <v>7</v>
      </c>
      <c r="C10" s="257">
        <v>0</v>
      </c>
      <c r="D10" s="258">
        <v>0</v>
      </c>
      <c r="E10" s="259">
        <v>0</v>
      </c>
      <c r="F10" s="260">
        <v>0</v>
      </c>
      <c r="G10" s="261">
        <v>678</v>
      </c>
      <c r="H10" s="261">
        <v>675</v>
      </c>
      <c r="I10" s="261">
        <v>633</v>
      </c>
      <c r="J10" s="261">
        <v>943</v>
      </c>
      <c r="K10" s="261">
        <v>588</v>
      </c>
      <c r="L10" s="262">
        <v>3517</v>
      </c>
      <c r="M10" s="263">
        <v>3517</v>
      </c>
      <c r="N10" s="257">
        <v>0</v>
      </c>
      <c r="O10" s="261">
        <v>0</v>
      </c>
      <c r="P10" s="258">
        <v>0</v>
      </c>
      <c r="Q10" s="260">
        <v>0</v>
      </c>
      <c r="R10" s="261">
        <v>5</v>
      </c>
      <c r="S10" s="261">
        <v>12</v>
      </c>
      <c r="T10" s="261">
        <v>5</v>
      </c>
      <c r="U10" s="261">
        <v>38</v>
      </c>
      <c r="V10" s="261">
        <v>40</v>
      </c>
      <c r="W10" s="258">
        <v>100</v>
      </c>
      <c r="X10" s="263">
        <v>100</v>
      </c>
      <c r="Y10" s="257">
        <v>8</v>
      </c>
      <c r="Z10" s="261">
        <v>31</v>
      </c>
      <c r="AA10" s="258">
        <v>39</v>
      </c>
      <c r="AB10" s="260">
        <v>0</v>
      </c>
      <c r="AC10" s="261">
        <v>204</v>
      </c>
      <c r="AD10" s="261">
        <v>243</v>
      </c>
      <c r="AE10" s="261">
        <v>254</v>
      </c>
      <c r="AF10" s="261">
        <v>173</v>
      </c>
      <c r="AG10" s="261">
        <v>174</v>
      </c>
      <c r="AH10" s="258">
        <v>1048</v>
      </c>
      <c r="AI10" s="263">
        <v>1087</v>
      </c>
      <c r="AJ10" s="257">
        <v>6</v>
      </c>
      <c r="AK10" s="261">
        <v>0</v>
      </c>
      <c r="AL10" s="258">
        <v>6</v>
      </c>
      <c r="AM10" s="260">
        <v>0</v>
      </c>
      <c r="AN10" s="261">
        <v>28</v>
      </c>
      <c r="AO10" s="261">
        <v>97</v>
      </c>
      <c r="AP10" s="261">
        <v>17</v>
      </c>
      <c r="AQ10" s="261">
        <v>63</v>
      </c>
      <c r="AR10" s="261">
        <v>0</v>
      </c>
      <c r="AS10" s="258">
        <v>205</v>
      </c>
      <c r="AT10" s="263">
        <v>211</v>
      </c>
      <c r="AU10" s="257">
        <v>0</v>
      </c>
      <c r="AV10" s="261">
        <v>0</v>
      </c>
      <c r="AW10" s="258">
        <v>0</v>
      </c>
      <c r="AX10" s="260">
        <v>0</v>
      </c>
      <c r="AY10" s="261">
        <v>527</v>
      </c>
      <c r="AZ10" s="261">
        <v>278</v>
      </c>
      <c r="BA10" s="261">
        <v>123</v>
      </c>
      <c r="BB10" s="261">
        <v>94</v>
      </c>
      <c r="BC10" s="261">
        <v>42</v>
      </c>
      <c r="BD10" s="262">
        <v>1064</v>
      </c>
      <c r="BE10" s="263">
        <v>1064</v>
      </c>
      <c r="BF10" s="257">
        <v>0</v>
      </c>
      <c r="BG10" s="261">
        <v>0</v>
      </c>
      <c r="BH10" s="258">
        <v>0</v>
      </c>
      <c r="BI10" s="260">
        <v>0</v>
      </c>
      <c r="BJ10" s="261">
        <v>103</v>
      </c>
      <c r="BK10" s="261">
        <v>90</v>
      </c>
      <c r="BL10" s="261">
        <v>70</v>
      </c>
      <c r="BM10" s="261">
        <v>40</v>
      </c>
      <c r="BN10" s="261">
        <v>10</v>
      </c>
      <c r="BO10" s="258">
        <v>313</v>
      </c>
      <c r="BP10" s="263">
        <v>313</v>
      </c>
      <c r="BQ10" s="257">
        <v>0</v>
      </c>
      <c r="BR10" s="261">
        <v>0</v>
      </c>
      <c r="BS10" s="258">
        <v>0</v>
      </c>
      <c r="BT10" s="260">
        <v>0</v>
      </c>
      <c r="BU10" s="261">
        <v>98</v>
      </c>
      <c r="BV10" s="261">
        <v>82</v>
      </c>
      <c r="BW10" s="261">
        <v>28</v>
      </c>
      <c r="BX10" s="261">
        <v>70</v>
      </c>
      <c r="BY10" s="261">
        <v>57</v>
      </c>
      <c r="BZ10" s="258">
        <v>335</v>
      </c>
      <c r="CA10" s="263">
        <v>335</v>
      </c>
      <c r="CB10" s="257">
        <v>0</v>
      </c>
      <c r="CC10" s="261">
        <v>0</v>
      </c>
      <c r="CD10" s="258">
        <v>0</v>
      </c>
      <c r="CE10" s="260">
        <v>0</v>
      </c>
      <c r="CF10" s="261">
        <v>0</v>
      </c>
      <c r="CG10" s="261">
        <v>0</v>
      </c>
      <c r="CH10" s="261">
        <v>0</v>
      </c>
      <c r="CI10" s="261">
        <v>8</v>
      </c>
      <c r="CJ10" s="261">
        <v>0</v>
      </c>
      <c r="CK10" s="258">
        <v>8</v>
      </c>
      <c r="CL10" s="263">
        <v>8</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68" t="s">
        <v>8</v>
      </c>
      <c r="C11" s="257">
        <v>0</v>
      </c>
      <c r="D11" s="258">
        <v>0</v>
      </c>
      <c r="E11" s="259">
        <v>0</v>
      </c>
      <c r="F11" s="260">
        <v>0</v>
      </c>
      <c r="G11" s="261">
        <v>202</v>
      </c>
      <c r="H11" s="261">
        <v>217</v>
      </c>
      <c r="I11" s="261">
        <v>450</v>
      </c>
      <c r="J11" s="261">
        <v>333</v>
      </c>
      <c r="K11" s="261">
        <v>490</v>
      </c>
      <c r="L11" s="262">
        <v>1692</v>
      </c>
      <c r="M11" s="263">
        <v>1692</v>
      </c>
      <c r="N11" s="257">
        <v>0</v>
      </c>
      <c r="O11" s="261">
        <v>0</v>
      </c>
      <c r="P11" s="258">
        <v>0</v>
      </c>
      <c r="Q11" s="260">
        <v>0</v>
      </c>
      <c r="R11" s="261">
        <v>0</v>
      </c>
      <c r="S11" s="261">
        <v>0</v>
      </c>
      <c r="T11" s="261">
        <v>4</v>
      </c>
      <c r="U11" s="261">
        <v>6</v>
      </c>
      <c r="V11" s="261">
        <v>16</v>
      </c>
      <c r="W11" s="258">
        <v>26</v>
      </c>
      <c r="X11" s="263">
        <v>26</v>
      </c>
      <c r="Y11" s="257">
        <v>11</v>
      </c>
      <c r="Z11" s="261">
        <v>56</v>
      </c>
      <c r="AA11" s="258">
        <v>67</v>
      </c>
      <c r="AB11" s="260">
        <v>0</v>
      </c>
      <c r="AC11" s="261">
        <v>125</v>
      </c>
      <c r="AD11" s="261">
        <v>218</v>
      </c>
      <c r="AE11" s="261">
        <v>133</v>
      </c>
      <c r="AF11" s="261">
        <v>144</v>
      </c>
      <c r="AG11" s="261">
        <v>50</v>
      </c>
      <c r="AH11" s="258">
        <v>670</v>
      </c>
      <c r="AI11" s="263">
        <v>737</v>
      </c>
      <c r="AJ11" s="257">
        <v>0</v>
      </c>
      <c r="AK11" s="261">
        <v>33</v>
      </c>
      <c r="AL11" s="258">
        <v>33</v>
      </c>
      <c r="AM11" s="260">
        <v>0</v>
      </c>
      <c r="AN11" s="261">
        <v>48</v>
      </c>
      <c r="AO11" s="261">
        <v>76</v>
      </c>
      <c r="AP11" s="261">
        <v>52</v>
      </c>
      <c r="AQ11" s="261">
        <v>28</v>
      </c>
      <c r="AR11" s="261">
        <v>33</v>
      </c>
      <c r="AS11" s="258">
        <v>237</v>
      </c>
      <c r="AT11" s="263">
        <v>270</v>
      </c>
      <c r="AU11" s="257">
        <v>0</v>
      </c>
      <c r="AV11" s="261">
        <v>0</v>
      </c>
      <c r="AW11" s="258">
        <v>0</v>
      </c>
      <c r="AX11" s="260">
        <v>0</v>
      </c>
      <c r="AY11" s="261">
        <v>280</v>
      </c>
      <c r="AZ11" s="261">
        <v>274</v>
      </c>
      <c r="BA11" s="261">
        <v>136</v>
      </c>
      <c r="BB11" s="261">
        <v>118</v>
      </c>
      <c r="BC11" s="261">
        <v>43</v>
      </c>
      <c r="BD11" s="262">
        <v>851</v>
      </c>
      <c r="BE11" s="263">
        <v>851</v>
      </c>
      <c r="BF11" s="257">
        <v>0</v>
      </c>
      <c r="BG11" s="261">
        <v>0</v>
      </c>
      <c r="BH11" s="258">
        <v>0</v>
      </c>
      <c r="BI11" s="260">
        <v>0</v>
      </c>
      <c r="BJ11" s="261">
        <v>92</v>
      </c>
      <c r="BK11" s="261">
        <v>45</v>
      </c>
      <c r="BL11" s="261">
        <v>104</v>
      </c>
      <c r="BM11" s="261">
        <v>40</v>
      </c>
      <c r="BN11" s="261">
        <v>34</v>
      </c>
      <c r="BO11" s="258">
        <v>315</v>
      </c>
      <c r="BP11" s="263">
        <v>315</v>
      </c>
      <c r="BQ11" s="257">
        <v>0</v>
      </c>
      <c r="BR11" s="261">
        <v>13</v>
      </c>
      <c r="BS11" s="258">
        <v>13</v>
      </c>
      <c r="BT11" s="260">
        <v>0</v>
      </c>
      <c r="BU11" s="261">
        <v>30</v>
      </c>
      <c r="BV11" s="261">
        <v>34</v>
      </c>
      <c r="BW11" s="261">
        <v>100</v>
      </c>
      <c r="BX11" s="261">
        <v>76</v>
      </c>
      <c r="BY11" s="261">
        <v>34</v>
      </c>
      <c r="BZ11" s="258">
        <v>274</v>
      </c>
      <c r="CA11" s="263">
        <v>287</v>
      </c>
      <c r="CB11" s="257">
        <v>0</v>
      </c>
      <c r="CC11" s="261">
        <v>0</v>
      </c>
      <c r="CD11" s="258">
        <v>0</v>
      </c>
      <c r="CE11" s="260">
        <v>0</v>
      </c>
      <c r="CF11" s="261">
        <v>0</v>
      </c>
      <c r="CG11" s="261">
        <v>0</v>
      </c>
      <c r="CH11" s="261">
        <v>0</v>
      </c>
      <c r="CI11" s="261">
        <v>5</v>
      </c>
      <c r="CJ11" s="261">
        <v>0</v>
      </c>
      <c r="CK11" s="258">
        <v>5</v>
      </c>
      <c r="CL11" s="263">
        <v>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68" t="s">
        <v>9</v>
      </c>
      <c r="C12" s="257">
        <v>0</v>
      </c>
      <c r="D12" s="258">
        <v>0</v>
      </c>
      <c r="E12" s="259">
        <v>0</v>
      </c>
      <c r="F12" s="260">
        <v>0</v>
      </c>
      <c r="G12" s="261">
        <v>711</v>
      </c>
      <c r="H12" s="261">
        <v>714</v>
      </c>
      <c r="I12" s="261">
        <v>969</v>
      </c>
      <c r="J12" s="261">
        <v>1859</v>
      </c>
      <c r="K12" s="261">
        <v>1084</v>
      </c>
      <c r="L12" s="262">
        <v>5337</v>
      </c>
      <c r="M12" s="263">
        <v>5337</v>
      </c>
      <c r="N12" s="257">
        <v>0</v>
      </c>
      <c r="O12" s="261">
        <v>0</v>
      </c>
      <c r="P12" s="258">
        <v>0</v>
      </c>
      <c r="Q12" s="260">
        <v>0</v>
      </c>
      <c r="R12" s="261">
        <v>2</v>
      </c>
      <c r="S12" s="261">
        <v>1</v>
      </c>
      <c r="T12" s="261">
        <v>5</v>
      </c>
      <c r="U12" s="261">
        <v>59</v>
      </c>
      <c r="V12" s="261">
        <v>51</v>
      </c>
      <c r="W12" s="258">
        <v>118</v>
      </c>
      <c r="X12" s="263">
        <v>118</v>
      </c>
      <c r="Y12" s="257">
        <v>82</v>
      </c>
      <c r="Z12" s="261">
        <v>105</v>
      </c>
      <c r="AA12" s="258">
        <v>187</v>
      </c>
      <c r="AB12" s="260">
        <v>0</v>
      </c>
      <c r="AC12" s="261">
        <v>457</v>
      </c>
      <c r="AD12" s="261">
        <v>563</v>
      </c>
      <c r="AE12" s="261">
        <v>285</v>
      </c>
      <c r="AF12" s="261">
        <v>277</v>
      </c>
      <c r="AG12" s="261">
        <v>215</v>
      </c>
      <c r="AH12" s="258">
        <v>1797</v>
      </c>
      <c r="AI12" s="263">
        <v>1984</v>
      </c>
      <c r="AJ12" s="257">
        <v>24</v>
      </c>
      <c r="AK12" s="261">
        <v>30</v>
      </c>
      <c r="AL12" s="258">
        <v>54</v>
      </c>
      <c r="AM12" s="260">
        <v>0</v>
      </c>
      <c r="AN12" s="261">
        <v>53</v>
      </c>
      <c r="AO12" s="261">
        <v>118</v>
      </c>
      <c r="AP12" s="261">
        <v>97</v>
      </c>
      <c r="AQ12" s="261">
        <v>62</v>
      </c>
      <c r="AR12" s="261">
        <v>29</v>
      </c>
      <c r="AS12" s="258">
        <v>359</v>
      </c>
      <c r="AT12" s="263">
        <v>413</v>
      </c>
      <c r="AU12" s="257">
        <v>0</v>
      </c>
      <c r="AV12" s="261">
        <v>0</v>
      </c>
      <c r="AW12" s="258">
        <v>0</v>
      </c>
      <c r="AX12" s="260">
        <v>0</v>
      </c>
      <c r="AY12" s="261">
        <v>502</v>
      </c>
      <c r="AZ12" s="261">
        <v>218</v>
      </c>
      <c r="BA12" s="261">
        <v>212</v>
      </c>
      <c r="BB12" s="261">
        <v>126</v>
      </c>
      <c r="BC12" s="261">
        <v>17</v>
      </c>
      <c r="BD12" s="262">
        <v>1075</v>
      </c>
      <c r="BE12" s="263">
        <v>1075</v>
      </c>
      <c r="BF12" s="257">
        <v>0</v>
      </c>
      <c r="BG12" s="261">
        <v>0</v>
      </c>
      <c r="BH12" s="258">
        <v>0</v>
      </c>
      <c r="BI12" s="260">
        <v>0</v>
      </c>
      <c r="BJ12" s="261">
        <v>133</v>
      </c>
      <c r="BK12" s="261">
        <v>67</v>
      </c>
      <c r="BL12" s="261">
        <v>86</v>
      </c>
      <c r="BM12" s="261">
        <v>61</v>
      </c>
      <c r="BN12" s="261">
        <v>22</v>
      </c>
      <c r="BO12" s="258">
        <v>369</v>
      </c>
      <c r="BP12" s="263">
        <v>369</v>
      </c>
      <c r="BQ12" s="257">
        <v>0</v>
      </c>
      <c r="BR12" s="261">
        <v>6</v>
      </c>
      <c r="BS12" s="258">
        <v>6</v>
      </c>
      <c r="BT12" s="260">
        <v>0</v>
      </c>
      <c r="BU12" s="261">
        <v>66</v>
      </c>
      <c r="BV12" s="261">
        <v>49</v>
      </c>
      <c r="BW12" s="261">
        <v>77</v>
      </c>
      <c r="BX12" s="261">
        <v>61</v>
      </c>
      <c r="BY12" s="261">
        <v>43</v>
      </c>
      <c r="BZ12" s="258">
        <v>296</v>
      </c>
      <c r="CA12" s="263">
        <v>302</v>
      </c>
      <c r="CB12" s="257">
        <v>0</v>
      </c>
      <c r="CC12" s="261">
        <v>0</v>
      </c>
      <c r="CD12" s="258">
        <v>0</v>
      </c>
      <c r="CE12" s="260">
        <v>0</v>
      </c>
      <c r="CF12" s="261">
        <v>13</v>
      </c>
      <c r="CG12" s="261">
        <v>4</v>
      </c>
      <c r="CH12" s="261">
        <v>23</v>
      </c>
      <c r="CI12" s="261">
        <v>3</v>
      </c>
      <c r="CJ12" s="261">
        <v>24</v>
      </c>
      <c r="CK12" s="258">
        <v>67</v>
      </c>
      <c r="CL12" s="263">
        <v>67</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68" t="s">
        <v>10</v>
      </c>
      <c r="C13" s="257">
        <v>0</v>
      </c>
      <c r="D13" s="258">
        <v>0</v>
      </c>
      <c r="E13" s="259">
        <v>0</v>
      </c>
      <c r="F13" s="260">
        <v>0</v>
      </c>
      <c r="G13" s="261">
        <v>1318</v>
      </c>
      <c r="H13" s="261">
        <v>959</v>
      </c>
      <c r="I13" s="261">
        <v>1910</v>
      </c>
      <c r="J13" s="261">
        <v>1658</v>
      </c>
      <c r="K13" s="261">
        <v>1056</v>
      </c>
      <c r="L13" s="262">
        <v>6901</v>
      </c>
      <c r="M13" s="263">
        <v>6901</v>
      </c>
      <c r="N13" s="257">
        <v>0</v>
      </c>
      <c r="O13" s="261">
        <v>0</v>
      </c>
      <c r="P13" s="258">
        <v>0</v>
      </c>
      <c r="Q13" s="260">
        <v>0</v>
      </c>
      <c r="R13" s="261">
        <v>0</v>
      </c>
      <c r="S13" s="261">
        <v>15</v>
      </c>
      <c r="T13" s="261">
        <v>11</v>
      </c>
      <c r="U13" s="261">
        <v>20</v>
      </c>
      <c r="V13" s="261">
        <v>31</v>
      </c>
      <c r="W13" s="258">
        <v>77</v>
      </c>
      <c r="X13" s="263">
        <v>77</v>
      </c>
      <c r="Y13" s="257">
        <v>91</v>
      </c>
      <c r="Z13" s="261">
        <v>202</v>
      </c>
      <c r="AA13" s="258">
        <v>293</v>
      </c>
      <c r="AB13" s="260">
        <v>0</v>
      </c>
      <c r="AC13" s="261">
        <v>581</v>
      </c>
      <c r="AD13" s="261">
        <v>563</v>
      </c>
      <c r="AE13" s="261">
        <v>228</v>
      </c>
      <c r="AF13" s="261">
        <v>202</v>
      </c>
      <c r="AG13" s="261">
        <v>135</v>
      </c>
      <c r="AH13" s="258">
        <v>1709</v>
      </c>
      <c r="AI13" s="263">
        <v>2002</v>
      </c>
      <c r="AJ13" s="257">
        <v>20</v>
      </c>
      <c r="AK13" s="261">
        <v>47</v>
      </c>
      <c r="AL13" s="258">
        <v>67</v>
      </c>
      <c r="AM13" s="260">
        <v>0</v>
      </c>
      <c r="AN13" s="261">
        <v>107</v>
      </c>
      <c r="AO13" s="261">
        <v>154</v>
      </c>
      <c r="AP13" s="261">
        <v>30</v>
      </c>
      <c r="AQ13" s="261">
        <v>8</v>
      </c>
      <c r="AR13" s="261">
        <v>52</v>
      </c>
      <c r="AS13" s="258">
        <v>351</v>
      </c>
      <c r="AT13" s="263">
        <v>418</v>
      </c>
      <c r="AU13" s="257">
        <v>0</v>
      </c>
      <c r="AV13" s="261">
        <v>0</v>
      </c>
      <c r="AW13" s="258">
        <v>0</v>
      </c>
      <c r="AX13" s="260">
        <v>0</v>
      </c>
      <c r="AY13" s="261">
        <v>1012</v>
      </c>
      <c r="AZ13" s="261">
        <v>737</v>
      </c>
      <c r="BA13" s="261">
        <v>385</v>
      </c>
      <c r="BB13" s="261">
        <v>154</v>
      </c>
      <c r="BC13" s="261">
        <v>43</v>
      </c>
      <c r="BD13" s="262">
        <v>2331</v>
      </c>
      <c r="BE13" s="263">
        <v>2331</v>
      </c>
      <c r="BF13" s="257">
        <v>0</v>
      </c>
      <c r="BG13" s="261">
        <v>0</v>
      </c>
      <c r="BH13" s="258">
        <v>0</v>
      </c>
      <c r="BI13" s="260">
        <v>0</v>
      </c>
      <c r="BJ13" s="261">
        <v>203</v>
      </c>
      <c r="BK13" s="261">
        <v>108</v>
      </c>
      <c r="BL13" s="261">
        <v>45</v>
      </c>
      <c r="BM13" s="261">
        <v>14</v>
      </c>
      <c r="BN13" s="261">
        <v>11</v>
      </c>
      <c r="BO13" s="258">
        <v>381</v>
      </c>
      <c r="BP13" s="263">
        <v>381</v>
      </c>
      <c r="BQ13" s="257">
        <v>0</v>
      </c>
      <c r="BR13" s="261">
        <v>20</v>
      </c>
      <c r="BS13" s="258">
        <v>20</v>
      </c>
      <c r="BT13" s="260">
        <v>0</v>
      </c>
      <c r="BU13" s="261">
        <v>81</v>
      </c>
      <c r="BV13" s="261">
        <v>156</v>
      </c>
      <c r="BW13" s="261">
        <v>167</v>
      </c>
      <c r="BX13" s="261">
        <v>120</v>
      </c>
      <c r="BY13" s="261">
        <v>9</v>
      </c>
      <c r="BZ13" s="258">
        <v>533</v>
      </c>
      <c r="CA13" s="263">
        <v>553</v>
      </c>
      <c r="CB13" s="257">
        <v>0</v>
      </c>
      <c r="CC13" s="261">
        <v>0</v>
      </c>
      <c r="CD13" s="258">
        <v>0</v>
      </c>
      <c r="CE13" s="260">
        <v>0</v>
      </c>
      <c r="CF13" s="261">
        <v>8</v>
      </c>
      <c r="CG13" s="261">
        <v>9</v>
      </c>
      <c r="CH13" s="261">
        <v>5</v>
      </c>
      <c r="CI13" s="261">
        <v>0</v>
      </c>
      <c r="CJ13" s="261">
        <v>0</v>
      </c>
      <c r="CK13" s="258">
        <v>22</v>
      </c>
      <c r="CL13" s="263">
        <v>22</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68" t="s">
        <v>11</v>
      </c>
      <c r="C14" s="257">
        <v>0</v>
      </c>
      <c r="D14" s="258">
        <v>0</v>
      </c>
      <c r="E14" s="259">
        <v>0</v>
      </c>
      <c r="F14" s="260">
        <v>0</v>
      </c>
      <c r="G14" s="261">
        <v>81</v>
      </c>
      <c r="H14" s="261">
        <v>59</v>
      </c>
      <c r="I14" s="261">
        <v>276</v>
      </c>
      <c r="J14" s="261">
        <v>421</v>
      </c>
      <c r="K14" s="261">
        <v>10</v>
      </c>
      <c r="L14" s="262">
        <v>847</v>
      </c>
      <c r="M14" s="263">
        <v>847</v>
      </c>
      <c r="N14" s="257">
        <v>0</v>
      </c>
      <c r="O14" s="261">
        <v>0</v>
      </c>
      <c r="P14" s="258">
        <v>0</v>
      </c>
      <c r="Q14" s="260">
        <v>0</v>
      </c>
      <c r="R14" s="261">
        <v>0</v>
      </c>
      <c r="S14" s="261">
        <v>0</v>
      </c>
      <c r="T14" s="261">
        <v>0</v>
      </c>
      <c r="U14" s="261">
        <v>13</v>
      </c>
      <c r="V14" s="261">
        <v>13</v>
      </c>
      <c r="W14" s="258">
        <v>26</v>
      </c>
      <c r="X14" s="263">
        <v>26</v>
      </c>
      <c r="Y14" s="257">
        <v>23</v>
      </c>
      <c r="Z14" s="261">
        <v>11</v>
      </c>
      <c r="AA14" s="258">
        <v>34</v>
      </c>
      <c r="AB14" s="260">
        <v>0</v>
      </c>
      <c r="AC14" s="261">
        <v>394</v>
      </c>
      <c r="AD14" s="261">
        <v>122</v>
      </c>
      <c r="AE14" s="261">
        <v>-39</v>
      </c>
      <c r="AF14" s="261">
        <v>-80</v>
      </c>
      <c r="AG14" s="261">
        <v>26</v>
      </c>
      <c r="AH14" s="258">
        <v>423</v>
      </c>
      <c r="AI14" s="263">
        <v>457</v>
      </c>
      <c r="AJ14" s="257">
        <v>0</v>
      </c>
      <c r="AK14" s="261">
        <v>9</v>
      </c>
      <c r="AL14" s="258">
        <v>9</v>
      </c>
      <c r="AM14" s="260">
        <v>0</v>
      </c>
      <c r="AN14" s="261">
        <v>36</v>
      </c>
      <c r="AO14" s="261">
        <v>17</v>
      </c>
      <c r="AP14" s="261">
        <v>0</v>
      </c>
      <c r="AQ14" s="261">
        <v>15</v>
      </c>
      <c r="AR14" s="261">
        <v>12</v>
      </c>
      <c r="AS14" s="258">
        <v>80</v>
      </c>
      <c r="AT14" s="263">
        <v>89</v>
      </c>
      <c r="AU14" s="257">
        <v>0</v>
      </c>
      <c r="AV14" s="261">
        <v>0</v>
      </c>
      <c r="AW14" s="258">
        <v>0</v>
      </c>
      <c r="AX14" s="260">
        <v>0</v>
      </c>
      <c r="AY14" s="261">
        <v>202</v>
      </c>
      <c r="AZ14" s="261">
        <v>89</v>
      </c>
      <c r="BA14" s="261">
        <v>96</v>
      </c>
      <c r="BB14" s="261">
        <v>128</v>
      </c>
      <c r="BC14" s="261">
        <v>26</v>
      </c>
      <c r="BD14" s="262">
        <v>541</v>
      </c>
      <c r="BE14" s="263">
        <v>541</v>
      </c>
      <c r="BF14" s="257">
        <v>0</v>
      </c>
      <c r="BG14" s="261">
        <v>0</v>
      </c>
      <c r="BH14" s="258">
        <v>0</v>
      </c>
      <c r="BI14" s="260">
        <v>0</v>
      </c>
      <c r="BJ14" s="261">
        <v>95</v>
      </c>
      <c r="BK14" s="261">
        <v>60</v>
      </c>
      <c r="BL14" s="261">
        <v>101</v>
      </c>
      <c r="BM14" s="261">
        <v>22</v>
      </c>
      <c r="BN14" s="261">
        <v>4</v>
      </c>
      <c r="BO14" s="258">
        <v>282</v>
      </c>
      <c r="BP14" s="263">
        <v>282</v>
      </c>
      <c r="BQ14" s="257">
        <v>0</v>
      </c>
      <c r="BR14" s="261">
        <v>0</v>
      </c>
      <c r="BS14" s="258">
        <v>0</v>
      </c>
      <c r="BT14" s="260">
        <v>0</v>
      </c>
      <c r="BU14" s="261">
        <v>24</v>
      </c>
      <c r="BV14" s="261">
        <v>3</v>
      </c>
      <c r="BW14" s="261">
        <v>25</v>
      </c>
      <c r="BX14" s="261">
        <v>16</v>
      </c>
      <c r="BY14" s="261">
        <v>15</v>
      </c>
      <c r="BZ14" s="258">
        <v>83</v>
      </c>
      <c r="CA14" s="263">
        <v>83</v>
      </c>
      <c r="CB14" s="257">
        <v>0</v>
      </c>
      <c r="CC14" s="261">
        <v>0</v>
      </c>
      <c r="CD14" s="258">
        <v>0</v>
      </c>
      <c r="CE14" s="260">
        <v>0</v>
      </c>
      <c r="CF14" s="261">
        <v>40</v>
      </c>
      <c r="CG14" s="261">
        <v>0</v>
      </c>
      <c r="CH14" s="261">
        <v>8</v>
      </c>
      <c r="CI14" s="261">
        <v>4</v>
      </c>
      <c r="CJ14" s="261">
        <v>30</v>
      </c>
      <c r="CK14" s="258">
        <v>82</v>
      </c>
      <c r="CL14" s="263">
        <v>82</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68" t="s">
        <v>12</v>
      </c>
      <c r="C15" s="257">
        <v>0</v>
      </c>
      <c r="D15" s="258">
        <v>0</v>
      </c>
      <c r="E15" s="259">
        <v>0</v>
      </c>
      <c r="F15" s="260">
        <v>0</v>
      </c>
      <c r="G15" s="261">
        <v>421</v>
      </c>
      <c r="H15" s="261">
        <v>520</v>
      </c>
      <c r="I15" s="261">
        <v>589</v>
      </c>
      <c r="J15" s="261">
        <v>547</v>
      </c>
      <c r="K15" s="261">
        <v>953</v>
      </c>
      <c r="L15" s="262">
        <v>3030</v>
      </c>
      <c r="M15" s="263">
        <v>3030</v>
      </c>
      <c r="N15" s="257">
        <v>0</v>
      </c>
      <c r="O15" s="261">
        <v>0</v>
      </c>
      <c r="P15" s="258">
        <v>0</v>
      </c>
      <c r="Q15" s="260">
        <v>0</v>
      </c>
      <c r="R15" s="261">
        <v>0</v>
      </c>
      <c r="S15" s="261">
        <v>17</v>
      </c>
      <c r="T15" s="261">
        <v>6</v>
      </c>
      <c r="U15" s="261">
        <v>26</v>
      </c>
      <c r="V15" s="261">
        <v>25</v>
      </c>
      <c r="W15" s="258">
        <v>74</v>
      </c>
      <c r="X15" s="263">
        <v>74</v>
      </c>
      <c r="Y15" s="257">
        <v>52</v>
      </c>
      <c r="Z15" s="261">
        <v>203</v>
      </c>
      <c r="AA15" s="258">
        <v>255</v>
      </c>
      <c r="AB15" s="260">
        <v>0</v>
      </c>
      <c r="AC15" s="261">
        <v>137</v>
      </c>
      <c r="AD15" s="261">
        <v>205</v>
      </c>
      <c r="AE15" s="261">
        <v>173</v>
      </c>
      <c r="AF15" s="261">
        <v>177</v>
      </c>
      <c r="AG15" s="261">
        <v>199</v>
      </c>
      <c r="AH15" s="258">
        <v>891</v>
      </c>
      <c r="AI15" s="263">
        <v>1146</v>
      </c>
      <c r="AJ15" s="257">
        <v>9</v>
      </c>
      <c r="AK15" s="261">
        <v>18</v>
      </c>
      <c r="AL15" s="258">
        <v>27</v>
      </c>
      <c r="AM15" s="260">
        <v>0</v>
      </c>
      <c r="AN15" s="261">
        <v>8</v>
      </c>
      <c r="AO15" s="261">
        <v>28</v>
      </c>
      <c r="AP15" s="261">
        <v>18</v>
      </c>
      <c r="AQ15" s="261">
        <v>24</v>
      </c>
      <c r="AR15" s="261">
        <v>0</v>
      </c>
      <c r="AS15" s="258">
        <v>78</v>
      </c>
      <c r="AT15" s="263">
        <v>105</v>
      </c>
      <c r="AU15" s="257">
        <v>0</v>
      </c>
      <c r="AV15" s="261">
        <v>0</v>
      </c>
      <c r="AW15" s="258">
        <v>0</v>
      </c>
      <c r="AX15" s="260">
        <v>0</v>
      </c>
      <c r="AY15" s="261">
        <v>340</v>
      </c>
      <c r="AZ15" s="261">
        <v>256</v>
      </c>
      <c r="BA15" s="261">
        <v>146</v>
      </c>
      <c r="BB15" s="261">
        <v>119</v>
      </c>
      <c r="BC15" s="261">
        <v>69</v>
      </c>
      <c r="BD15" s="262">
        <v>930</v>
      </c>
      <c r="BE15" s="263">
        <v>930</v>
      </c>
      <c r="BF15" s="257">
        <v>0</v>
      </c>
      <c r="BG15" s="261">
        <v>0</v>
      </c>
      <c r="BH15" s="258">
        <v>0</v>
      </c>
      <c r="BI15" s="260">
        <v>0</v>
      </c>
      <c r="BJ15" s="261">
        <v>69</v>
      </c>
      <c r="BK15" s="261">
        <v>66</v>
      </c>
      <c r="BL15" s="261">
        <v>113</v>
      </c>
      <c r="BM15" s="261">
        <v>34</v>
      </c>
      <c r="BN15" s="261">
        <v>0</v>
      </c>
      <c r="BO15" s="258">
        <v>282</v>
      </c>
      <c r="BP15" s="263">
        <v>282</v>
      </c>
      <c r="BQ15" s="257">
        <v>0</v>
      </c>
      <c r="BR15" s="261">
        <v>0</v>
      </c>
      <c r="BS15" s="258">
        <v>0</v>
      </c>
      <c r="BT15" s="260">
        <v>0</v>
      </c>
      <c r="BU15" s="261">
        <v>73</v>
      </c>
      <c r="BV15" s="261">
        <v>65</v>
      </c>
      <c r="BW15" s="261">
        <v>163</v>
      </c>
      <c r="BX15" s="261">
        <v>106</v>
      </c>
      <c r="BY15" s="261">
        <v>65</v>
      </c>
      <c r="BZ15" s="258">
        <v>472</v>
      </c>
      <c r="CA15" s="263">
        <v>472</v>
      </c>
      <c r="CB15" s="257">
        <v>0</v>
      </c>
      <c r="CC15" s="261">
        <v>0</v>
      </c>
      <c r="CD15" s="258">
        <v>0</v>
      </c>
      <c r="CE15" s="260">
        <v>0</v>
      </c>
      <c r="CF15" s="261">
        <v>18</v>
      </c>
      <c r="CG15" s="261">
        <v>0</v>
      </c>
      <c r="CH15" s="261">
        <v>0</v>
      </c>
      <c r="CI15" s="261">
        <v>0</v>
      </c>
      <c r="CJ15" s="261">
        <v>0</v>
      </c>
      <c r="CK15" s="258">
        <v>18</v>
      </c>
      <c r="CL15" s="263">
        <v>18</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68" t="s">
        <v>13</v>
      </c>
      <c r="C16" s="257">
        <v>0</v>
      </c>
      <c r="D16" s="258">
        <v>0</v>
      </c>
      <c r="E16" s="259">
        <v>0</v>
      </c>
      <c r="F16" s="260">
        <v>0</v>
      </c>
      <c r="G16" s="261">
        <v>214</v>
      </c>
      <c r="H16" s="261">
        <v>301</v>
      </c>
      <c r="I16" s="261">
        <v>245</v>
      </c>
      <c r="J16" s="261">
        <v>455</v>
      </c>
      <c r="K16" s="261">
        <v>872</v>
      </c>
      <c r="L16" s="262">
        <v>2087</v>
      </c>
      <c r="M16" s="263">
        <v>2087</v>
      </c>
      <c r="N16" s="257">
        <v>0</v>
      </c>
      <c r="O16" s="261">
        <v>0</v>
      </c>
      <c r="P16" s="258">
        <v>0</v>
      </c>
      <c r="Q16" s="260">
        <v>0</v>
      </c>
      <c r="R16" s="261">
        <v>0</v>
      </c>
      <c r="S16" s="261">
        <v>0</v>
      </c>
      <c r="T16" s="261">
        <v>0</v>
      </c>
      <c r="U16" s="261">
        <v>6</v>
      </c>
      <c r="V16" s="261">
        <v>11</v>
      </c>
      <c r="W16" s="258">
        <v>17</v>
      </c>
      <c r="X16" s="263">
        <v>17</v>
      </c>
      <c r="Y16" s="257">
        <v>15</v>
      </c>
      <c r="Z16" s="261">
        <v>58</v>
      </c>
      <c r="AA16" s="258">
        <v>73</v>
      </c>
      <c r="AB16" s="260">
        <v>0</v>
      </c>
      <c r="AC16" s="261">
        <v>136</v>
      </c>
      <c r="AD16" s="261">
        <v>139</v>
      </c>
      <c r="AE16" s="261">
        <v>106</v>
      </c>
      <c r="AF16" s="261">
        <v>91</v>
      </c>
      <c r="AG16" s="261">
        <v>132</v>
      </c>
      <c r="AH16" s="258">
        <v>604</v>
      </c>
      <c r="AI16" s="263">
        <v>677</v>
      </c>
      <c r="AJ16" s="257">
        <v>0</v>
      </c>
      <c r="AK16" s="261">
        <v>0</v>
      </c>
      <c r="AL16" s="258">
        <v>0</v>
      </c>
      <c r="AM16" s="260">
        <v>0</v>
      </c>
      <c r="AN16" s="261">
        <v>6</v>
      </c>
      <c r="AO16" s="261">
        <v>35</v>
      </c>
      <c r="AP16" s="261">
        <v>0</v>
      </c>
      <c r="AQ16" s="261">
        <v>27</v>
      </c>
      <c r="AR16" s="261">
        <v>29</v>
      </c>
      <c r="AS16" s="258">
        <v>97</v>
      </c>
      <c r="AT16" s="263">
        <v>97</v>
      </c>
      <c r="AU16" s="257">
        <v>0</v>
      </c>
      <c r="AV16" s="261">
        <v>0</v>
      </c>
      <c r="AW16" s="258">
        <v>0</v>
      </c>
      <c r="AX16" s="260">
        <v>0</v>
      </c>
      <c r="AY16" s="261">
        <v>118</v>
      </c>
      <c r="AZ16" s="261">
        <v>127</v>
      </c>
      <c r="BA16" s="261">
        <v>88</v>
      </c>
      <c r="BB16" s="261">
        <v>6</v>
      </c>
      <c r="BC16" s="261">
        <v>4</v>
      </c>
      <c r="BD16" s="262">
        <v>343</v>
      </c>
      <c r="BE16" s="263">
        <v>343</v>
      </c>
      <c r="BF16" s="257">
        <v>0</v>
      </c>
      <c r="BG16" s="261">
        <v>0</v>
      </c>
      <c r="BH16" s="258">
        <v>0</v>
      </c>
      <c r="BI16" s="260">
        <v>0</v>
      </c>
      <c r="BJ16" s="261">
        <v>10</v>
      </c>
      <c r="BK16" s="261">
        <v>8</v>
      </c>
      <c r="BL16" s="261">
        <v>8</v>
      </c>
      <c r="BM16" s="261">
        <v>31</v>
      </c>
      <c r="BN16" s="261">
        <v>9</v>
      </c>
      <c r="BO16" s="258">
        <v>66</v>
      </c>
      <c r="BP16" s="263">
        <v>66</v>
      </c>
      <c r="BQ16" s="257">
        <v>0</v>
      </c>
      <c r="BR16" s="261">
        <v>0</v>
      </c>
      <c r="BS16" s="258">
        <v>0</v>
      </c>
      <c r="BT16" s="260">
        <v>0</v>
      </c>
      <c r="BU16" s="261">
        <v>0</v>
      </c>
      <c r="BV16" s="261">
        <v>31</v>
      </c>
      <c r="BW16" s="261">
        <v>31</v>
      </c>
      <c r="BX16" s="261">
        <v>14</v>
      </c>
      <c r="BY16" s="261">
        <v>0</v>
      </c>
      <c r="BZ16" s="258">
        <v>76</v>
      </c>
      <c r="CA16" s="263">
        <v>76</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68" t="s">
        <v>15</v>
      </c>
      <c r="C17" s="257">
        <v>0</v>
      </c>
      <c r="D17" s="258">
        <v>0</v>
      </c>
      <c r="E17" s="259">
        <v>0</v>
      </c>
      <c r="F17" s="260">
        <v>0</v>
      </c>
      <c r="G17" s="261">
        <v>60</v>
      </c>
      <c r="H17" s="261">
        <v>89</v>
      </c>
      <c r="I17" s="261">
        <v>0</v>
      </c>
      <c r="J17" s="261">
        <v>119</v>
      </c>
      <c r="K17" s="261">
        <v>25</v>
      </c>
      <c r="L17" s="262">
        <v>293</v>
      </c>
      <c r="M17" s="263">
        <v>293</v>
      </c>
      <c r="N17" s="257">
        <v>0</v>
      </c>
      <c r="O17" s="261">
        <v>0</v>
      </c>
      <c r="P17" s="258">
        <v>0</v>
      </c>
      <c r="Q17" s="260">
        <v>0</v>
      </c>
      <c r="R17" s="261">
        <v>0</v>
      </c>
      <c r="S17" s="261">
        <v>0</v>
      </c>
      <c r="T17" s="261">
        <v>0</v>
      </c>
      <c r="U17" s="261">
        <v>4</v>
      </c>
      <c r="V17" s="261">
        <v>13</v>
      </c>
      <c r="W17" s="258">
        <v>17</v>
      </c>
      <c r="X17" s="263">
        <v>17</v>
      </c>
      <c r="Y17" s="257">
        <v>0</v>
      </c>
      <c r="Z17" s="261">
        <v>9</v>
      </c>
      <c r="AA17" s="258">
        <v>9</v>
      </c>
      <c r="AB17" s="260">
        <v>0</v>
      </c>
      <c r="AC17" s="261">
        <v>8</v>
      </c>
      <c r="AD17" s="261">
        <v>30</v>
      </c>
      <c r="AE17" s="261">
        <v>0</v>
      </c>
      <c r="AF17" s="261">
        <v>44</v>
      </c>
      <c r="AG17" s="261">
        <v>34</v>
      </c>
      <c r="AH17" s="258">
        <v>116</v>
      </c>
      <c r="AI17" s="263">
        <v>125</v>
      </c>
      <c r="AJ17" s="257">
        <v>0</v>
      </c>
      <c r="AK17" s="261">
        <v>0</v>
      </c>
      <c r="AL17" s="258">
        <v>0</v>
      </c>
      <c r="AM17" s="260">
        <v>0</v>
      </c>
      <c r="AN17" s="261">
        <v>0</v>
      </c>
      <c r="AO17" s="261">
        <v>9</v>
      </c>
      <c r="AP17" s="261">
        <v>0</v>
      </c>
      <c r="AQ17" s="261">
        <v>0</v>
      </c>
      <c r="AR17" s="261">
        <v>9</v>
      </c>
      <c r="AS17" s="258">
        <v>18</v>
      </c>
      <c r="AT17" s="263">
        <v>18</v>
      </c>
      <c r="AU17" s="257">
        <v>0</v>
      </c>
      <c r="AV17" s="261">
        <v>0</v>
      </c>
      <c r="AW17" s="258">
        <v>0</v>
      </c>
      <c r="AX17" s="260">
        <v>0</v>
      </c>
      <c r="AY17" s="261">
        <v>25</v>
      </c>
      <c r="AZ17" s="261">
        <v>60</v>
      </c>
      <c r="BA17" s="261">
        <v>36</v>
      </c>
      <c r="BB17" s="261">
        <v>8</v>
      </c>
      <c r="BC17" s="261">
        <v>0</v>
      </c>
      <c r="BD17" s="262">
        <v>129</v>
      </c>
      <c r="BE17" s="263">
        <v>129</v>
      </c>
      <c r="BF17" s="257">
        <v>0</v>
      </c>
      <c r="BG17" s="261">
        <v>0</v>
      </c>
      <c r="BH17" s="258">
        <v>0</v>
      </c>
      <c r="BI17" s="260">
        <v>0</v>
      </c>
      <c r="BJ17" s="261">
        <v>4</v>
      </c>
      <c r="BK17" s="261">
        <v>12</v>
      </c>
      <c r="BL17" s="261">
        <v>25</v>
      </c>
      <c r="BM17" s="261">
        <v>18</v>
      </c>
      <c r="BN17" s="261">
        <v>9</v>
      </c>
      <c r="BO17" s="258">
        <v>68</v>
      </c>
      <c r="BP17" s="263">
        <v>68</v>
      </c>
      <c r="BQ17" s="257">
        <v>0</v>
      </c>
      <c r="BR17" s="261">
        <v>0</v>
      </c>
      <c r="BS17" s="258">
        <v>0</v>
      </c>
      <c r="BT17" s="260">
        <v>0</v>
      </c>
      <c r="BU17" s="261">
        <v>0</v>
      </c>
      <c r="BV17" s="261">
        <v>24</v>
      </c>
      <c r="BW17" s="261">
        <v>26</v>
      </c>
      <c r="BX17" s="261">
        <v>3</v>
      </c>
      <c r="BY17" s="261">
        <v>21</v>
      </c>
      <c r="BZ17" s="258">
        <v>74</v>
      </c>
      <c r="CA17" s="263">
        <v>74</v>
      </c>
      <c r="CB17" s="257">
        <v>0</v>
      </c>
      <c r="CC17" s="261">
        <v>0</v>
      </c>
      <c r="CD17" s="258">
        <v>0</v>
      </c>
      <c r="CE17" s="260">
        <v>0</v>
      </c>
      <c r="CF17" s="261">
        <v>0</v>
      </c>
      <c r="CG17" s="261">
        <v>1</v>
      </c>
      <c r="CH17" s="261">
        <v>8</v>
      </c>
      <c r="CI17" s="261">
        <v>0</v>
      </c>
      <c r="CJ17" s="261">
        <v>0</v>
      </c>
      <c r="CK17" s="258">
        <v>9</v>
      </c>
      <c r="CL17" s="263">
        <v>9</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68" t="s">
        <v>16</v>
      </c>
      <c r="C18" s="257">
        <v>0</v>
      </c>
      <c r="D18" s="258">
        <v>0</v>
      </c>
      <c r="E18" s="259">
        <v>0</v>
      </c>
      <c r="F18" s="260">
        <v>0</v>
      </c>
      <c r="G18" s="261">
        <v>47</v>
      </c>
      <c r="H18" s="261">
        <v>321</v>
      </c>
      <c r="I18" s="261">
        <v>133</v>
      </c>
      <c r="J18" s="261">
        <v>167</v>
      </c>
      <c r="K18" s="261">
        <v>90</v>
      </c>
      <c r="L18" s="262">
        <v>758</v>
      </c>
      <c r="M18" s="263">
        <v>758</v>
      </c>
      <c r="N18" s="257">
        <v>0</v>
      </c>
      <c r="O18" s="261">
        <v>0</v>
      </c>
      <c r="P18" s="258">
        <v>0</v>
      </c>
      <c r="Q18" s="260">
        <v>0</v>
      </c>
      <c r="R18" s="261">
        <v>0</v>
      </c>
      <c r="S18" s="261">
        <v>0</v>
      </c>
      <c r="T18" s="261">
        <v>1</v>
      </c>
      <c r="U18" s="261">
        <v>0</v>
      </c>
      <c r="V18" s="261">
        <v>19</v>
      </c>
      <c r="W18" s="258">
        <v>20</v>
      </c>
      <c r="X18" s="263">
        <v>20</v>
      </c>
      <c r="Y18" s="257">
        <v>3</v>
      </c>
      <c r="Z18" s="261">
        <v>14</v>
      </c>
      <c r="AA18" s="258">
        <v>17</v>
      </c>
      <c r="AB18" s="260">
        <v>0</v>
      </c>
      <c r="AC18" s="261">
        <v>57</v>
      </c>
      <c r="AD18" s="261">
        <v>122</v>
      </c>
      <c r="AE18" s="261">
        <v>91</v>
      </c>
      <c r="AF18" s="261">
        <v>28</v>
      </c>
      <c r="AG18" s="261">
        <v>45</v>
      </c>
      <c r="AH18" s="258">
        <v>343</v>
      </c>
      <c r="AI18" s="263">
        <v>360</v>
      </c>
      <c r="AJ18" s="257">
        <v>0</v>
      </c>
      <c r="AK18" s="261">
        <v>0</v>
      </c>
      <c r="AL18" s="258">
        <v>0</v>
      </c>
      <c r="AM18" s="260">
        <v>0</v>
      </c>
      <c r="AN18" s="261">
        <v>0</v>
      </c>
      <c r="AO18" s="261">
        <v>42</v>
      </c>
      <c r="AP18" s="261">
        <v>36</v>
      </c>
      <c r="AQ18" s="261">
        <v>0</v>
      </c>
      <c r="AR18" s="261">
        <v>9</v>
      </c>
      <c r="AS18" s="258">
        <v>87</v>
      </c>
      <c r="AT18" s="263">
        <v>87</v>
      </c>
      <c r="AU18" s="257">
        <v>0</v>
      </c>
      <c r="AV18" s="261">
        <v>0</v>
      </c>
      <c r="AW18" s="258">
        <v>0</v>
      </c>
      <c r="AX18" s="260">
        <v>0</v>
      </c>
      <c r="AY18" s="261">
        <v>215</v>
      </c>
      <c r="AZ18" s="261">
        <v>136</v>
      </c>
      <c r="BA18" s="261">
        <v>88</v>
      </c>
      <c r="BB18" s="261">
        <v>29</v>
      </c>
      <c r="BC18" s="261">
        <v>18</v>
      </c>
      <c r="BD18" s="262">
        <v>486</v>
      </c>
      <c r="BE18" s="263">
        <v>486</v>
      </c>
      <c r="BF18" s="257">
        <v>0</v>
      </c>
      <c r="BG18" s="261">
        <v>0</v>
      </c>
      <c r="BH18" s="258">
        <v>0</v>
      </c>
      <c r="BI18" s="260">
        <v>0</v>
      </c>
      <c r="BJ18" s="261">
        <v>42</v>
      </c>
      <c r="BK18" s="261">
        <v>152</v>
      </c>
      <c r="BL18" s="261">
        <v>46</v>
      </c>
      <c r="BM18" s="261">
        <v>16</v>
      </c>
      <c r="BN18" s="261">
        <v>8</v>
      </c>
      <c r="BO18" s="258">
        <v>264</v>
      </c>
      <c r="BP18" s="263">
        <v>264</v>
      </c>
      <c r="BQ18" s="257">
        <v>0</v>
      </c>
      <c r="BR18" s="261">
        <v>0</v>
      </c>
      <c r="BS18" s="258">
        <v>0</v>
      </c>
      <c r="BT18" s="260">
        <v>0</v>
      </c>
      <c r="BU18" s="261">
        <v>14</v>
      </c>
      <c r="BV18" s="261">
        <v>25</v>
      </c>
      <c r="BW18" s="261">
        <v>39</v>
      </c>
      <c r="BX18" s="261">
        <v>17</v>
      </c>
      <c r="BY18" s="261">
        <v>0</v>
      </c>
      <c r="BZ18" s="258">
        <v>95</v>
      </c>
      <c r="CA18" s="263">
        <v>95</v>
      </c>
      <c r="CB18" s="257">
        <v>0</v>
      </c>
      <c r="CC18" s="261">
        <v>0</v>
      </c>
      <c r="CD18" s="258">
        <v>0</v>
      </c>
      <c r="CE18" s="260">
        <v>0</v>
      </c>
      <c r="CF18" s="261">
        <v>0</v>
      </c>
      <c r="CG18" s="261">
        <v>6</v>
      </c>
      <c r="CH18" s="261">
        <v>0</v>
      </c>
      <c r="CI18" s="261">
        <v>0</v>
      </c>
      <c r="CJ18" s="261">
        <v>0</v>
      </c>
      <c r="CK18" s="258">
        <v>6</v>
      </c>
      <c r="CL18" s="263">
        <v>6</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68" t="s">
        <v>17</v>
      </c>
      <c r="C19" s="257">
        <v>0</v>
      </c>
      <c r="D19" s="258">
        <v>0</v>
      </c>
      <c r="E19" s="259">
        <v>0</v>
      </c>
      <c r="F19" s="260">
        <v>0</v>
      </c>
      <c r="G19" s="261">
        <v>104</v>
      </c>
      <c r="H19" s="261">
        <v>325</v>
      </c>
      <c r="I19" s="261">
        <v>640</v>
      </c>
      <c r="J19" s="261">
        <v>277</v>
      </c>
      <c r="K19" s="261">
        <v>549</v>
      </c>
      <c r="L19" s="262">
        <v>1895</v>
      </c>
      <c r="M19" s="263">
        <v>1895</v>
      </c>
      <c r="N19" s="257">
        <v>0</v>
      </c>
      <c r="O19" s="261">
        <v>0</v>
      </c>
      <c r="P19" s="258">
        <v>0</v>
      </c>
      <c r="Q19" s="260">
        <v>0</v>
      </c>
      <c r="R19" s="261">
        <v>0</v>
      </c>
      <c r="S19" s="261">
        <v>0</v>
      </c>
      <c r="T19" s="261">
        <v>2</v>
      </c>
      <c r="U19" s="261">
        <v>9</v>
      </c>
      <c r="V19" s="261">
        <v>9</v>
      </c>
      <c r="W19" s="258">
        <v>20</v>
      </c>
      <c r="X19" s="263">
        <v>20</v>
      </c>
      <c r="Y19" s="257">
        <v>28</v>
      </c>
      <c r="Z19" s="261">
        <v>59</v>
      </c>
      <c r="AA19" s="258">
        <v>87</v>
      </c>
      <c r="AB19" s="260">
        <v>0</v>
      </c>
      <c r="AC19" s="261">
        <v>62</v>
      </c>
      <c r="AD19" s="261">
        <v>180</v>
      </c>
      <c r="AE19" s="261">
        <v>255</v>
      </c>
      <c r="AF19" s="261">
        <v>117</v>
      </c>
      <c r="AG19" s="261">
        <v>82</v>
      </c>
      <c r="AH19" s="258">
        <v>696</v>
      </c>
      <c r="AI19" s="263">
        <v>783</v>
      </c>
      <c r="AJ19" s="257">
        <v>0</v>
      </c>
      <c r="AK19" s="261">
        <v>0</v>
      </c>
      <c r="AL19" s="258">
        <v>0</v>
      </c>
      <c r="AM19" s="260">
        <v>0</v>
      </c>
      <c r="AN19" s="261">
        <v>0</v>
      </c>
      <c r="AO19" s="261">
        <v>33</v>
      </c>
      <c r="AP19" s="261">
        <v>69</v>
      </c>
      <c r="AQ19" s="261">
        <v>21</v>
      </c>
      <c r="AR19" s="261">
        <v>47</v>
      </c>
      <c r="AS19" s="258">
        <v>170</v>
      </c>
      <c r="AT19" s="263">
        <v>170</v>
      </c>
      <c r="AU19" s="257">
        <v>0</v>
      </c>
      <c r="AV19" s="261">
        <v>0</v>
      </c>
      <c r="AW19" s="258">
        <v>0</v>
      </c>
      <c r="AX19" s="260">
        <v>0</v>
      </c>
      <c r="AY19" s="261">
        <v>125</v>
      </c>
      <c r="AZ19" s="261">
        <v>216</v>
      </c>
      <c r="BA19" s="261">
        <v>185</v>
      </c>
      <c r="BB19" s="261">
        <v>99</v>
      </c>
      <c r="BC19" s="261">
        <v>31</v>
      </c>
      <c r="BD19" s="262">
        <v>656</v>
      </c>
      <c r="BE19" s="263">
        <v>656</v>
      </c>
      <c r="BF19" s="257">
        <v>0</v>
      </c>
      <c r="BG19" s="261">
        <v>0</v>
      </c>
      <c r="BH19" s="258">
        <v>0</v>
      </c>
      <c r="BI19" s="260">
        <v>0</v>
      </c>
      <c r="BJ19" s="261">
        <v>31</v>
      </c>
      <c r="BK19" s="261">
        <v>121</v>
      </c>
      <c r="BL19" s="261">
        <v>58</v>
      </c>
      <c r="BM19" s="261">
        <v>25</v>
      </c>
      <c r="BN19" s="261">
        <v>20</v>
      </c>
      <c r="BO19" s="258">
        <v>255</v>
      </c>
      <c r="BP19" s="263">
        <v>255</v>
      </c>
      <c r="BQ19" s="257">
        <v>0</v>
      </c>
      <c r="BR19" s="261">
        <v>3</v>
      </c>
      <c r="BS19" s="258">
        <v>3</v>
      </c>
      <c r="BT19" s="260">
        <v>0</v>
      </c>
      <c r="BU19" s="261">
        <v>15</v>
      </c>
      <c r="BV19" s="261">
        <v>43</v>
      </c>
      <c r="BW19" s="261">
        <v>94</v>
      </c>
      <c r="BX19" s="261">
        <v>85</v>
      </c>
      <c r="BY19" s="261">
        <v>1</v>
      </c>
      <c r="BZ19" s="258">
        <v>238</v>
      </c>
      <c r="CA19" s="263">
        <v>241</v>
      </c>
      <c r="CB19" s="257">
        <v>0</v>
      </c>
      <c r="CC19" s="261">
        <v>0</v>
      </c>
      <c r="CD19" s="258">
        <v>0</v>
      </c>
      <c r="CE19" s="260">
        <v>0</v>
      </c>
      <c r="CF19" s="261">
        <v>6</v>
      </c>
      <c r="CG19" s="261">
        <v>8</v>
      </c>
      <c r="CH19" s="261">
        <v>0</v>
      </c>
      <c r="CI19" s="261">
        <v>9</v>
      </c>
      <c r="CJ19" s="261">
        <v>0</v>
      </c>
      <c r="CK19" s="258">
        <v>23</v>
      </c>
      <c r="CL19" s="263">
        <v>23</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68" t="s">
        <v>18</v>
      </c>
      <c r="C20" s="257">
        <v>0</v>
      </c>
      <c r="D20" s="258">
        <v>0</v>
      </c>
      <c r="E20" s="259">
        <v>0</v>
      </c>
      <c r="F20" s="260">
        <v>0</v>
      </c>
      <c r="G20" s="261">
        <v>275</v>
      </c>
      <c r="H20" s="261">
        <v>415</v>
      </c>
      <c r="I20" s="261">
        <v>781</v>
      </c>
      <c r="J20" s="261">
        <v>1045</v>
      </c>
      <c r="K20" s="261">
        <v>531</v>
      </c>
      <c r="L20" s="262">
        <v>3047</v>
      </c>
      <c r="M20" s="263">
        <v>3047</v>
      </c>
      <c r="N20" s="257">
        <v>0</v>
      </c>
      <c r="O20" s="261">
        <v>0</v>
      </c>
      <c r="P20" s="258">
        <v>0</v>
      </c>
      <c r="Q20" s="260">
        <v>0</v>
      </c>
      <c r="R20" s="261">
        <v>0</v>
      </c>
      <c r="S20" s="261">
        <v>0</v>
      </c>
      <c r="T20" s="261">
        <v>4</v>
      </c>
      <c r="U20" s="261">
        <v>16</v>
      </c>
      <c r="V20" s="261">
        <v>9</v>
      </c>
      <c r="W20" s="258">
        <v>29</v>
      </c>
      <c r="X20" s="263">
        <v>29</v>
      </c>
      <c r="Y20" s="257">
        <v>20</v>
      </c>
      <c r="Z20" s="261">
        <v>35</v>
      </c>
      <c r="AA20" s="258">
        <v>55</v>
      </c>
      <c r="AB20" s="260">
        <v>0</v>
      </c>
      <c r="AC20" s="261">
        <v>204</v>
      </c>
      <c r="AD20" s="261">
        <v>308</v>
      </c>
      <c r="AE20" s="261">
        <v>280</v>
      </c>
      <c r="AF20" s="261">
        <v>161</v>
      </c>
      <c r="AG20" s="261">
        <v>57</v>
      </c>
      <c r="AH20" s="258">
        <v>1010</v>
      </c>
      <c r="AI20" s="263">
        <v>1065</v>
      </c>
      <c r="AJ20" s="257">
        <v>12</v>
      </c>
      <c r="AK20" s="261">
        <v>0</v>
      </c>
      <c r="AL20" s="258">
        <v>12</v>
      </c>
      <c r="AM20" s="260">
        <v>0</v>
      </c>
      <c r="AN20" s="261">
        <v>51</v>
      </c>
      <c r="AO20" s="261">
        <v>37</v>
      </c>
      <c r="AP20" s="261">
        <v>24</v>
      </c>
      <c r="AQ20" s="261">
        <v>29</v>
      </c>
      <c r="AR20" s="261">
        <v>18</v>
      </c>
      <c r="AS20" s="258">
        <v>159</v>
      </c>
      <c r="AT20" s="263">
        <v>171</v>
      </c>
      <c r="AU20" s="257">
        <v>0</v>
      </c>
      <c r="AV20" s="261">
        <v>0</v>
      </c>
      <c r="AW20" s="258">
        <v>0</v>
      </c>
      <c r="AX20" s="260">
        <v>0</v>
      </c>
      <c r="AY20" s="261">
        <v>349</v>
      </c>
      <c r="AZ20" s="261">
        <v>417</v>
      </c>
      <c r="BA20" s="261">
        <v>122</v>
      </c>
      <c r="BB20" s="261">
        <v>162</v>
      </c>
      <c r="BC20" s="261">
        <v>84</v>
      </c>
      <c r="BD20" s="262">
        <v>1134</v>
      </c>
      <c r="BE20" s="263">
        <v>1134</v>
      </c>
      <c r="BF20" s="257">
        <v>0</v>
      </c>
      <c r="BG20" s="261">
        <v>0</v>
      </c>
      <c r="BH20" s="258">
        <v>0</v>
      </c>
      <c r="BI20" s="260">
        <v>0</v>
      </c>
      <c r="BJ20" s="261">
        <v>101</v>
      </c>
      <c r="BK20" s="261">
        <v>146</v>
      </c>
      <c r="BL20" s="261">
        <v>47</v>
      </c>
      <c r="BM20" s="261">
        <v>57</v>
      </c>
      <c r="BN20" s="261">
        <v>7</v>
      </c>
      <c r="BO20" s="258">
        <v>358</v>
      </c>
      <c r="BP20" s="263">
        <v>358</v>
      </c>
      <c r="BQ20" s="257">
        <v>6</v>
      </c>
      <c r="BR20" s="261">
        <v>0</v>
      </c>
      <c r="BS20" s="258">
        <v>6</v>
      </c>
      <c r="BT20" s="260">
        <v>0</v>
      </c>
      <c r="BU20" s="261">
        <v>14</v>
      </c>
      <c r="BV20" s="261">
        <v>53</v>
      </c>
      <c r="BW20" s="261">
        <v>63</v>
      </c>
      <c r="BX20" s="261">
        <v>86</v>
      </c>
      <c r="BY20" s="261">
        <v>71</v>
      </c>
      <c r="BZ20" s="258">
        <v>287</v>
      </c>
      <c r="CA20" s="263">
        <v>293</v>
      </c>
      <c r="CB20" s="257">
        <v>0</v>
      </c>
      <c r="CC20" s="261">
        <v>0</v>
      </c>
      <c r="CD20" s="258">
        <v>0</v>
      </c>
      <c r="CE20" s="260">
        <v>0</v>
      </c>
      <c r="CF20" s="261">
        <v>2</v>
      </c>
      <c r="CG20" s="261">
        <v>2</v>
      </c>
      <c r="CH20" s="261">
        <v>0</v>
      </c>
      <c r="CI20" s="261">
        <v>0</v>
      </c>
      <c r="CJ20" s="261">
        <v>4</v>
      </c>
      <c r="CK20" s="258">
        <v>8</v>
      </c>
      <c r="CL20" s="263">
        <v>8</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68" t="s">
        <v>19</v>
      </c>
      <c r="C21" s="257">
        <v>0</v>
      </c>
      <c r="D21" s="258">
        <v>0</v>
      </c>
      <c r="E21" s="259">
        <v>0</v>
      </c>
      <c r="F21" s="260">
        <v>0</v>
      </c>
      <c r="G21" s="261">
        <v>91</v>
      </c>
      <c r="H21" s="261">
        <v>111</v>
      </c>
      <c r="I21" s="261">
        <v>224</v>
      </c>
      <c r="J21" s="261">
        <v>33</v>
      </c>
      <c r="K21" s="261">
        <v>5</v>
      </c>
      <c r="L21" s="262">
        <v>464</v>
      </c>
      <c r="M21" s="263">
        <v>464</v>
      </c>
      <c r="N21" s="257">
        <v>0</v>
      </c>
      <c r="O21" s="261">
        <v>0</v>
      </c>
      <c r="P21" s="258">
        <v>0</v>
      </c>
      <c r="Q21" s="260">
        <v>0</v>
      </c>
      <c r="R21" s="261">
        <v>0</v>
      </c>
      <c r="S21" s="261">
        <v>0</v>
      </c>
      <c r="T21" s="261">
        <v>4</v>
      </c>
      <c r="U21" s="261">
        <v>2</v>
      </c>
      <c r="V21" s="261">
        <v>5</v>
      </c>
      <c r="W21" s="258">
        <v>11</v>
      </c>
      <c r="X21" s="263">
        <v>11</v>
      </c>
      <c r="Y21" s="257">
        <v>21</v>
      </c>
      <c r="Z21" s="261">
        <v>35</v>
      </c>
      <c r="AA21" s="258">
        <v>56</v>
      </c>
      <c r="AB21" s="260">
        <v>0</v>
      </c>
      <c r="AC21" s="261">
        <v>173</v>
      </c>
      <c r="AD21" s="261">
        <v>94</v>
      </c>
      <c r="AE21" s="261">
        <v>42</v>
      </c>
      <c r="AF21" s="261">
        <v>35</v>
      </c>
      <c r="AG21" s="261">
        <v>8</v>
      </c>
      <c r="AH21" s="258">
        <v>352</v>
      </c>
      <c r="AI21" s="263">
        <v>408</v>
      </c>
      <c r="AJ21" s="257">
        <v>0</v>
      </c>
      <c r="AK21" s="261">
        <v>0</v>
      </c>
      <c r="AL21" s="258">
        <v>0</v>
      </c>
      <c r="AM21" s="260">
        <v>0</v>
      </c>
      <c r="AN21" s="261">
        <v>34</v>
      </c>
      <c r="AO21" s="261">
        <v>0</v>
      </c>
      <c r="AP21" s="261">
        <v>0</v>
      </c>
      <c r="AQ21" s="261">
        <v>21</v>
      </c>
      <c r="AR21" s="261">
        <v>0</v>
      </c>
      <c r="AS21" s="258">
        <v>55</v>
      </c>
      <c r="AT21" s="263">
        <v>55</v>
      </c>
      <c r="AU21" s="257">
        <v>0</v>
      </c>
      <c r="AV21" s="261">
        <v>0</v>
      </c>
      <c r="AW21" s="258">
        <v>0</v>
      </c>
      <c r="AX21" s="260">
        <v>0</v>
      </c>
      <c r="AY21" s="261">
        <v>123</v>
      </c>
      <c r="AZ21" s="261">
        <v>118</v>
      </c>
      <c r="BA21" s="261">
        <v>51</v>
      </c>
      <c r="BB21" s="261">
        <v>3</v>
      </c>
      <c r="BC21" s="261">
        <v>36</v>
      </c>
      <c r="BD21" s="262">
        <v>331</v>
      </c>
      <c r="BE21" s="263">
        <v>331</v>
      </c>
      <c r="BF21" s="257">
        <v>0</v>
      </c>
      <c r="BG21" s="261">
        <v>0</v>
      </c>
      <c r="BH21" s="258">
        <v>0</v>
      </c>
      <c r="BI21" s="260">
        <v>0</v>
      </c>
      <c r="BJ21" s="261">
        <v>97</v>
      </c>
      <c r="BK21" s="261">
        <v>32</v>
      </c>
      <c r="BL21" s="261">
        <v>34</v>
      </c>
      <c r="BM21" s="261">
        <v>21</v>
      </c>
      <c r="BN21" s="261">
        <v>9</v>
      </c>
      <c r="BO21" s="258">
        <v>193</v>
      </c>
      <c r="BP21" s="263">
        <v>193</v>
      </c>
      <c r="BQ21" s="257">
        <v>0</v>
      </c>
      <c r="BR21" s="261">
        <v>3</v>
      </c>
      <c r="BS21" s="258">
        <v>3</v>
      </c>
      <c r="BT21" s="260">
        <v>0</v>
      </c>
      <c r="BU21" s="261">
        <v>11</v>
      </c>
      <c r="BV21" s="261">
        <v>3</v>
      </c>
      <c r="BW21" s="261">
        <v>38</v>
      </c>
      <c r="BX21" s="261">
        <v>0</v>
      </c>
      <c r="BY21" s="261">
        <v>0</v>
      </c>
      <c r="BZ21" s="258">
        <v>52</v>
      </c>
      <c r="CA21" s="263">
        <v>55</v>
      </c>
      <c r="CB21" s="257">
        <v>0</v>
      </c>
      <c r="CC21" s="261">
        <v>0</v>
      </c>
      <c r="CD21" s="258">
        <v>0</v>
      </c>
      <c r="CE21" s="260">
        <v>0</v>
      </c>
      <c r="CF21" s="261">
        <v>0</v>
      </c>
      <c r="CG21" s="261">
        <v>0</v>
      </c>
      <c r="CH21" s="261">
        <v>9</v>
      </c>
      <c r="CI21" s="261">
        <v>10</v>
      </c>
      <c r="CJ21" s="261">
        <v>7</v>
      </c>
      <c r="CK21" s="258">
        <v>26</v>
      </c>
      <c r="CL21" s="263">
        <v>26</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68" t="s">
        <v>20</v>
      </c>
      <c r="C22" s="257">
        <v>0</v>
      </c>
      <c r="D22" s="258">
        <v>0</v>
      </c>
      <c r="E22" s="259">
        <v>0</v>
      </c>
      <c r="F22" s="260">
        <v>0</v>
      </c>
      <c r="G22" s="261">
        <v>101</v>
      </c>
      <c r="H22" s="261">
        <v>190</v>
      </c>
      <c r="I22" s="261">
        <v>115</v>
      </c>
      <c r="J22" s="261">
        <v>215</v>
      </c>
      <c r="K22" s="261">
        <v>306</v>
      </c>
      <c r="L22" s="262">
        <v>927</v>
      </c>
      <c r="M22" s="263">
        <v>927</v>
      </c>
      <c r="N22" s="257">
        <v>0</v>
      </c>
      <c r="O22" s="261">
        <v>0</v>
      </c>
      <c r="P22" s="258">
        <v>0</v>
      </c>
      <c r="Q22" s="260">
        <v>0</v>
      </c>
      <c r="R22" s="261">
        <v>8</v>
      </c>
      <c r="S22" s="261">
        <v>0</v>
      </c>
      <c r="T22" s="261">
        <v>0</v>
      </c>
      <c r="U22" s="261">
        <v>13</v>
      </c>
      <c r="V22" s="261">
        <v>13</v>
      </c>
      <c r="W22" s="258">
        <v>34</v>
      </c>
      <c r="X22" s="263">
        <v>34</v>
      </c>
      <c r="Y22" s="257">
        <v>13</v>
      </c>
      <c r="Z22" s="261">
        <v>28</v>
      </c>
      <c r="AA22" s="258">
        <v>41</v>
      </c>
      <c r="AB22" s="260">
        <v>0</v>
      </c>
      <c r="AC22" s="261">
        <v>187</v>
      </c>
      <c r="AD22" s="261">
        <v>101</v>
      </c>
      <c r="AE22" s="261">
        <v>70</v>
      </c>
      <c r="AF22" s="261">
        <v>120</v>
      </c>
      <c r="AG22" s="261">
        <v>39</v>
      </c>
      <c r="AH22" s="258">
        <v>517</v>
      </c>
      <c r="AI22" s="263">
        <v>558</v>
      </c>
      <c r="AJ22" s="257">
        <v>0</v>
      </c>
      <c r="AK22" s="261">
        <v>24</v>
      </c>
      <c r="AL22" s="258">
        <v>24</v>
      </c>
      <c r="AM22" s="260">
        <v>0</v>
      </c>
      <c r="AN22" s="261">
        <v>47</v>
      </c>
      <c r="AO22" s="261">
        <v>22</v>
      </c>
      <c r="AP22" s="261">
        <v>62</v>
      </c>
      <c r="AQ22" s="261">
        <v>32</v>
      </c>
      <c r="AR22" s="261">
        <v>8</v>
      </c>
      <c r="AS22" s="258">
        <v>171</v>
      </c>
      <c r="AT22" s="263">
        <v>195</v>
      </c>
      <c r="AU22" s="257">
        <v>0</v>
      </c>
      <c r="AV22" s="261">
        <v>0</v>
      </c>
      <c r="AW22" s="258">
        <v>0</v>
      </c>
      <c r="AX22" s="260">
        <v>0</v>
      </c>
      <c r="AY22" s="261">
        <v>150</v>
      </c>
      <c r="AZ22" s="261">
        <v>153</v>
      </c>
      <c r="BA22" s="261">
        <v>117</v>
      </c>
      <c r="BB22" s="261">
        <v>74</v>
      </c>
      <c r="BC22" s="261">
        <v>28</v>
      </c>
      <c r="BD22" s="262">
        <v>522</v>
      </c>
      <c r="BE22" s="263">
        <v>522</v>
      </c>
      <c r="BF22" s="257">
        <v>0</v>
      </c>
      <c r="BG22" s="261">
        <v>0</v>
      </c>
      <c r="BH22" s="258">
        <v>0</v>
      </c>
      <c r="BI22" s="260">
        <v>0</v>
      </c>
      <c r="BJ22" s="261">
        <v>19</v>
      </c>
      <c r="BK22" s="261">
        <v>98</v>
      </c>
      <c r="BL22" s="261">
        <v>23</v>
      </c>
      <c r="BM22" s="261">
        <v>11</v>
      </c>
      <c r="BN22" s="261">
        <v>15</v>
      </c>
      <c r="BO22" s="258">
        <v>166</v>
      </c>
      <c r="BP22" s="263">
        <v>166</v>
      </c>
      <c r="BQ22" s="257">
        <v>0</v>
      </c>
      <c r="BR22" s="261">
        <v>0</v>
      </c>
      <c r="BS22" s="258">
        <v>0</v>
      </c>
      <c r="BT22" s="260">
        <v>0</v>
      </c>
      <c r="BU22" s="261">
        <v>40</v>
      </c>
      <c r="BV22" s="261">
        <v>31</v>
      </c>
      <c r="BW22" s="261">
        <v>99</v>
      </c>
      <c r="BX22" s="261">
        <v>15</v>
      </c>
      <c r="BY22" s="261">
        <v>6</v>
      </c>
      <c r="BZ22" s="258">
        <v>191</v>
      </c>
      <c r="CA22" s="263">
        <v>191</v>
      </c>
      <c r="CB22" s="257">
        <v>0</v>
      </c>
      <c r="CC22" s="261">
        <v>0</v>
      </c>
      <c r="CD22" s="258">
        <v>0</v>
      </c>
      <c r="CE22" s="260">
        <v>0</v>
      </c>
      <c r="CF22" s="261">
        <v>1</v>
      </c>
      <c r="CG22" s="261">
        <v>0</v>
      </c>
      <c r="CH22" s="261">
        <v>0</v>
      </c>
      <c r="CI22" s="261">
        <v>0</v>
      </c>
      <c r="CJ22" s="261">
        <v>0</v>
      </c>
      <c r="CK22" s="258">
        <v>1</v>
      </c>
      <c r="CL22" s="263">
        <v>1</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68" t="s">
        <v>21</v>
      </c>
      <c r="C23" s="257">
        <v>0</v>
      </c>
      <c r="D23" s="258">
        <v>0</v>
      </c>
      <c r="E23" s="259">
        <v>0</v>
      </c>
      <c r="F23" s="260">
        <v>0</v>
      </c>
      <c r="G23" s="261">
        <v>189</v>
      </c>
      <c r="H23" s="261">
        <v>195</v>
      </c>
      <c r="I23" s="261">
        <v>302</v>
      </c>
      <c r="J23" s="261">
        <v>125</v>
      </c>
      <c r="K23" s="261">
        <v>115</v>
      </c>
      <c r="L23" s="262">
        <v>926</v>
      </c>
      <c r="M23" s="263">
        <v>926</v>
      </c>
      <c r="N23" s="257">
        <v>0</v>
      </c>
      <c r="O23" s="261">
        <v>0</v>
      </c>
      <c r="P23" s="258">
        <v>0</v>
      </c>
      <c r="Q23" s="260">
        <v>0</v>
      </c>
      <c r="R23" s="261">
        <v>0</v>
      </c>
      <c r="S23" s="261">
        <v>0</v>
      </c>
      <c r="T23" s="261">
        <v>0</v>
      </c>
      <c r="U23" s="261">
        <v>0</v>
      </c>
      <c r="V23" s="261">
        <v>18</v>
      </c>
      <c r="W23" s="258">
        <v>18</v>
      </c>
      <c r="X23" s="263">
        <v>18</v>
      </c>
      <c r="Y23" s="257">
        <v>0</v>
      </c>
      <c r="Z23" s="261">
        <v>33</v>
      </c>
      <c r="AA23" s="258">
        <v>33</v>
      </c>
      <c r="AB23" s="260">
        <v>0</v>
      </c>
      <c r="AC23" s="261">
        <v>135</v>
      </c>
      <c r="AD23" s="261">
        <v>111</v>
      </c>
      <c r="AE23" s="261">
        <v>66</v>
      </c>
      <c r="AF23" s="261">
        <v>17</v>
      </c>
      <c r="AG23" s="261">
        <v>74</v>
      </c>
      <c r="AH23" s="258">
        <v>403</v>
      </c>
      <c r="AI23" s="263">
        <v>436</v>
      </c>
      <c r="AJ23" s="257">
        <v>0</v>
      </c>
      <c r="AK23" s="261">
        <v>24</v>
      </c>
      <c r="AL23" s="258">
        <v>24</v>
      </c>
      <c r="AM23" s="260">
        <v>0</v>
      </c>
      <c r="AN23" s="261">
        <v>0</v>
      </c>
      <c r="AO23" s="261">
        <v>6</v>
      </c>
      <c r="AP23" s="261">
        <v>16</v>
      </c>
      <c r="AQ23" s="261">
        <v>0</v>
      </c>
      <c r="AR23" s="261">
        <v>12</v>
      </c>
      <c r="AS23" s="258">
        <v>34</v>
      </c>
      <c r="AT23" s="263">
        <v>58</v>
      </c>
      <c r="AU23" s="257">
        <v>0</v>
      </c>
      <c r="AV23" s="261">
        <v>0</v>
      </c>
      <c r="AW23" s="258">
        <v>0</v>
      </c>
      <c r="AX23" s="260">
        <v>0</v>
      </c>
      <c r="AY23" s="261">
        <v>119</v>
      </c>
      <c r="AZ23" s="261">
        <v>90</v>
      </c>
      <c r="BA23" s="261">
        <v>54</v>
      </c>
      <c r="BB23" s="261">
        <v>49</v>
      </c>
      <c r="BC23" s="261">
        <v>1</v>
      </c>
      <c r="BD23" s="262">
        <v>313</v>
      </c>
      <c r="BE23" s="263">
        <v>313</v>
      </c>
      <c r="BF23" s="257">
        <v>0</v>
      </c>
      <c r="BG23" s="261">
        <v>0</v>
      </c>
      <c r="BH23" s="258">
        <v>0</v>
      </c>
      <c r="BI23" s="260">
        <v>0</v>
      </c>
      <c r="BJ23" s="261">
        <v>27</v>
      </c>
      <c r="BK23" s="261">
        <v>12</v>
      </c>
      <c r="BL23" s="261">
        <v>17</v>
      </c>
      <c r="BM23" s="261">
        <v>0</v>
      </c>
      <c r="BN23" s="261">
        <v>12</v>
      </c>
      <c r="BO23" s="258">
        <v>68</v>
      </c>
      <c r="BP23" s="263">
        <v>68</v>
      </c>
      <c r="BQ23" s="257">
        <v>0</v>
      </c>
      <c r="BR23" s="261">
        <v>9</v>
      </c>
      <c r="BS23" s="258">
        <v>9</v>
      </c>
      <c r="BT23" s="260">
        <v>0</v>
      </c>
      <c r="BU23" s="261">
        <v>12</v>
      </c>
      <c r="BV23" s="261">
        <v>9</v>
      </c>
      <c r="BW23" s="261">
        <v>37</v>
      </c>
      <c r="BX23" s="261">
        <v>9</v>
      </c>
      <c r="BY23" s="261">
        <v>0</v>
      </c>
      <c r="BZ23" s="258">
        <v>67</v>
      </c>
      <c r="CA23" s="263">
        <v>76</v>
      </c>
      <c r="CB23" s="257">
        <v>0</v>
      </c>
      <c r="CC23" s="261">
        <v>0</v>
      </c>
      <c r="CD23" s="258">
        <v>0</v>
      </c>
      <c r="CE23" s="260">
        <v>0</v>
      </c>
      <c r="CF23" s="261">
        <v>7</v>
      </c>
      <c r="CG23" s="261">
        <v>0</v>
      </c>
      <c r="CH23" s="261">
        <v>0</v>
      </c>
      <c r="CI23" s="261">
        <v>0</v>
      </c>
      <c r="CJ23" s="261">
        <v>0</v>
      </c>
      <c r="CK23" s="258">
        <v>7</v>
      </c>
      <c r="CL23" s="263">
        <v>7</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68" t="s">
        <v>22</v>
      </c>
      <c r="C24" s="257">
        <v>0</v>
      </c>
      <c r="D24" s="258">
        <v>0</v>
      </c>
      <c r="E24" s="259">
        <v>0</v>
      </c>
      <c r="F24" s="260">
        <v>0</v>
      </c>
      <c r="G24" s="261">
        <v>18</v>
      </c>
      <c r="H24" s="261">
        <v>0</v>
      </c>
      <c r="I24" s="261">
        <v>40</v>
      </c>
      <c r="J24" s="261">
        <v>33</v>
      </c>
      <c r="K24" s="261">
        <v>145</v>
      </c>
      <c r="L24" s="262">
        <v>236</v>
      </c>
      <c r="M24" s="263">
        <v>236</v>
      </c>
      <c r="N24" s="257">
        <v>0</v>
      </c>
      <c r="O24" s="261">
        <v>0</v>
      </c>
      <c r="P24" s="258">
        <v>0</v>
      </c>
      <c r="Q24" s="260">
        <v>0</v>
      </c>
      <c r="R24" s="261">
        <v>0</v>
      </c>
      <c r="S24" s="261">
        <v>0</v>
      </c>
      <c r="T24" s="261">
        <v>0</v>
      </c>
      <c r="U24" s="261">
        <v>1</v>
      </c>
      <c r="V24" s="261">
        <v>29</v>
      </c>
      <c r="W24" s="258">
        <v>30</v>
      </c>
      <c r="X24" s="263">
        <v>30</v>
      </c>
      <c r="Y24" s="257">
        <v>0</v>
      </c>
      <c r="Z24" s="261">
        <v>0</v>
      </c>
      <c r="AA24" s="258">
        <v>0</v>
      </c>
      <c r="AB24" s="260">
        <v>0</v>
      </c>
      <c r="AC24" s="261">
        <v>34</v>
      </c>
      <c r="AD24" s="261">
        <v>22</v>
      </c>
      <c r="AE24" s="261">
        <v>20</v>
      </c>
      <c r="AF24" s="261">
        <v>7</v>
      </c>
      <c r="AG24" s="261">
        <v>67</v>
      </c>
      <c r="AH24" s="258">
        <v>150</v>
      </c>
      <c r="AI24" s="263">
        <v>150</v>
      </c>
      <c r="AJ24" s="257">
        <v>0</v>
      </c>
      <c r="AK24" s="261">
        <v>0</v>
      </c>
      <c r="AL24" s="258">
        <v>0</v>
      </c>
      <c r="AM24" s="260">
        <v>0</v>
      </c>
      <c r="AN24" s="261">
        <v>33</v>
      </c>
      <c r="AO24" s="261">
        <v>14</v>
      </c>
      <c r="AP24" s="261">
        <v>0</v>
      </c>
      <c r="AQ24" s="261">
        <v>50</v>
      </c>
      <c r="AR24" s="261">
        <v>0</v>
      </c>
      <c r="AS24" s="258">
        <v>97</v>
      </c>
      <c r="AT24" s="263">
        <v>97</v>
      </c>
      <c r="AU24" s="257">
        <v>0</v>
      </c>
      <c r="AV24" s="261">
        <v>0</v>
      </c>
      <c r="AW24" s="258">
        <v>0</v>
      </c>
      <c r="AX24" s="260">
        <v>0</v>
      </c>
      <c r="AY24" s="261">
        <v>10</v>
      </c>
      <c r="AZ24" s="261">
        <v>44</v>
      </c>
      <c r="BA24" s="261">
        <v>44</v>
      </c>
      <c r="BB24" s="261">
        <v>26</v>
      </c>
      <c r="BC24" s="261">
        <v>18</v>
      </c>
      <c r="BD24" s="262">
        <v>142</v>
      </c>
      <c r="BE24" s="263">
        <v>142</v>
      </c>
      <c r="BF24" s="257">
        <v>0</v>
      </c>
      <c r="BG24" s="261">
        <v>0</v>
      </c>
      <c r="BH24" s="258">
        <v>0</v>
      </c>
      <c r="BI24" s="260">
        <v>0</v>
      </c>
      <c r="BJ24" s="261">
        <v>18</v>
      </c>
      <c r="BK24" s="261">
        <v>4</v>
      </c>
      <c r="BL24" s="261">
        <v>0</v>
      </c>
      <c r="BM24" s="261">
        <v>22</v>
      </c>
      <c r="BN24" s="261">
        <v>0</v>
      </c>
      <c r="BO24" s="258">
        <v>44</v>
      </c>
      <c r="BP24" s="263">
        <v>44</v>
      </c>
      <c r="BQ24" s="257">
        <v>0</v>
      </c>
      <c r="BR24" s="261">
        <v>0</v>
      </c>
      <c r="BS24" s="258">
        <v>0</v>
      </c>
      <c r="BT24" s="260">
        <v>0</v>
      </c>
      <c r="BU24" s="261">
        <v>0</v>
      </c>
      <c r="BV24" s="261">
        <v>14</v>
      </c>
      <c r="BW24" s="261">
        <v>2</v>
      </c>
      <c r="BX24" s="261">
        <v>14</v>
      </c>
      <c r="BY24" s="261">
        <v>7</v>
      </c>
      <c r="BZ24" s="258">
        <v>37</v>
      </c>
      <c r="CA24" s="263">
        <v>37</v>
      </c>
      <c r="CB24" s="257">
        <v>0</v>
      </c>
      <c r="CC24" s="261">
        <v>0</v>
      </c>
      <c r="CD24" s="258">
        <v>0</v>
      </c>
      <c r="CE24" s="260">
        <v>0</v>
      </c>
      <c r="CF24" s="261">
        <v>3</v>
      </c>
      <c r="CG24" s="261">
        <v>0</v>
      </c>
      <c r="CH24" s="261">
        <v>0</v>
      </c>
      <c r="CI24" s="261">
        <v>9</v>
      </c>
      <c r="CJ24" s="261">
        <v>7</v>
      </c>
      <c r="CK24" s="258">
        <v>19</v>
      </c>
      <c r="CL24" s="263">
        <v>19</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68" t="s">
        <v>23</v>
      </c>
      <c r="C25" s="257">
        <v>0</v>
      </c>
      <c r="D25" s="258">
        <v>0</v>
      </c>
      <c r="E25" s="259">
        <v>0</v>
      </c>
      <c r="F25" s="260">
        <v>0</v>
      </c>
      <c r="G25" s="261">
        <v>21</v>
      </c>
      <c r="H25" s="261">
        <v>88</v>
      </c>
      <c r="I25" s="261">
        <v>326</v>
      </c>
      <c r="J25" s="261">
        <v>17</v>
      </c>
      <c r="K25" s="261">
        <v>117</v>
      </c>
      <c r="L25" s="262">
        <v>569</v>
      </c>
      <c r="M25" s="263">
        <v>569</v>
      </c>
      <c r="N25" s="257">
        <v>0</v>
      </c>
      <c r="O25" s="261">
        <v>0</v>
      </c>
      <c r="P25" s="258">
        <v>0</v>
      </c>
      <c r="Q25" s="260">
        <v>0</v>
      </c>
      <c r="R25" s="261">
        <v>5</v>
      </c>
      <c r="S25" s="261">
        <v>0</v>
      </c>
      <c r="T25" s="261">
        <v>4</v>
      </c>
      <c r="U25" s="261">
        <v>0</v>
      </c>
      <c r="V25" s="261">
        <v>2</v>
      </c>
      <c r="W25" s="258">
        <v>11</v>
      </c>
      <c r="X25" s="263">
        <v>11</v>
      </c>
      <c r="Y25" s="257">
        <v>26</v>
      </c>
      <c r="Z25" s="261">
        <v>31</v>
      </c>
      <c r="AA25" s="258">
        <v>57</v>
      </c>
      <c r="AB25" s="260">
        <v>0</v>
      </c>
      <c r="AC25" s="261">
        <v>57</v>
      </c>
      <c r="AD25" s="261">
        <v>106</v>
      </c>
      <c r="AE25" s="261">
        <v>126</v>
      </c>
      <c r="AF25" s="261">
        <v>31</v>
      </c>
      <c r="AG25" s="261">
        <v>5</v>
      </c>
      <c r="AH25" s="258">
        <v>325</v>
      </c>
      <c r="AI25" s="263">
        <v>382</v>
      </c>
      <c r="AJ25" s="257">
        <v>0</v>
      </c>
      <c r="AK25" s="261">
        <v>15</v>
      </c>
      <c r="AL25" s="258">
        <v>15</v>
      </c>
      <c r="AM25" s="260">
        <v>0</v>
      </c>
      <c r="AN25" s="261">
        <v>0</v>
      </c>
      <c r="AO25" s="261">
        <v>24</v>
      </c>
      <c r="AP25" s="261">
        <v>0</v>
      </c>
      <c r="AQ25" s="261">
        <v>0</v>
      </c>
      <c r="AR25" s="261">
        <v>0</v>
      </c>
      <c r="AS25" s="258">
        <v>24</v>
      </c>
      <c r="AT25" s="263">
        <v>39</v>
      </c>
      <c r="AU25" s="257">
        <v>0</v>
      </c>
      <c r="AV25" s="261">
        <v>0</v>
      </c>
      <c r="AW25" s="258">
        <v>0</v>
      </c>
      <c r="AX25" s="260">
        <v>0</v>
      </c>
      <c r="AY25" s="261">
        <v>101</v>
      </c>
      <c r="AZ25" s="261">
        <v>122</v>
      </c>
      <c r="BA25" s="261">
        <v>76</v>
      </c>
      <c r="BB25" s="261">
        <v>46</v>
      </c>
      <c r="BC25" s="261">
        <v>0</v>
      </c>
      <c r="BD25" s="262">
        <v>345</v>
      </c>
      <c r="BE25" s="263">
        <v>345</v>
      </c>
      <c r="BF25" s="257">
        <v>0</v>
      </c>
      <c r="BG25" s="261">
        <v>0</v>
      </c>
      <c r="BH25" s="258">
        <v>0</v>
      </c>
      <c r="BI25" s="260">
        <v>0</v>
      </c>
      <c r="BJ25" s="261">
        <v>14</v>
      </c>
      <c r="BK25" s="261">
        <v>16</v>
      </c>
      <c r="BL25" s="261">
        <v>11</v>
      </c>
      <c r="BM25" s="261">
        <v>14</v>
      </c>
      <c r="BN25" s="261">
        <v>18</v>
      </c>
      <c r="BO25" s="258">
        <v>73</v>
      </c>
      <c r="BP25" s="263">
        <v>73</v>
      </c>
      <c r="BQ25" s="257">
        <v>0</v>
      </c>
      <c r="BR25" s="261">
        <v>0</v>
      </c>
      <c r="BS25" s="258">
        <v>0</v>
      </c>
      <c r="BT25" s="260">
        <v>0</v>
      </c>
      <c r="BU25" s="261">
        <v>14</v>
      </c>
      <c r="BV25" s="261">
        <v>71</v>
      </c>
      <c r="BW25" s="261">
        <v>41</v>
      </c>
      <c r="BX25" s="261">
        <v>8</v>
      </c>
      <c r="BY25" s="261">
        <v>11</v>
      </c>
      <c r="BZ25" s="258">
        <v>145</v>
      </c>
      <c r="CA25" s="263">
        <v>145</v>
      </c>
      <c r="CB25" s="257">
        <v>0</v>
      </c>
      <c r="CC25" s="261">
        <v>0</v>
      </c>
      <c r="CD25" s="258">
        <v>0</v>
      </c>
      <c r="CE25" s="260">
        <v>0</v>
      </c>
      <c r="CF25" s="261">
        <v>0</v>
      </c>
      <c r="CG25" s="261">
        <v>0</v>
      </c>
      <c r="CH25" s="261">
        <v>5</v>
      </c>
      <c r="CI25" s="261">
        <v>16</v>
      </c>
      <c r="CJ25" s="261">
        <v>0</v>
      </c>
      <c r="CK25" s="258">
        <v>21</v>
      </c>
      <c r="CL25" s="263">
        <v>21</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68" t="s">
        <v>24</v>
      </c>
      <c r="C26" s="257">
        <v>0</v>
      </c>
      <c r="D26" s="258">
        <v>0</v>
      </c>
      <c r="E26" s="259">
        <v>0</v>
      </c>
      <c r="F26" s="260">
        <v>0</v>
      </c>
      <c r="G26" s="261">
        <v>57</v>
      </c>
      <c r="H26" s="261">
        <v>49</v>
      </c>
      <c r="I26" s="261">
        <v>91</v>
      </c>
      <c r="J26" s="261">
        <v>129</v>
      </c>
      <c r="K26" s="261">
        <v>127</v>
      </c>
      <c r="L26" s="262">
        <v>453</v>
      </c>
      <c r="M26" s="263">
        <v>453</v>
      </c>
      <c r="N26" s="257">
        <v>0</v>
      </c>
      <c r="O26" s="261">
        <v>0</v>
      </c>
      <c r="P26" s="258">
        <v>0</v>
      </c>
      <c r="Q26" s="260">
        <v>0</v>
      </c>
      <c r="R26" s="261">
        <v>4</v>
      </c>
      <c r="S26" s="261">
        <v>0</v>
      </c>
      <c r="T26" s="261">
        <v>0</v>
      </c>
      <c r="U26" s="261">
        <v>0</v>
      </c>
      <c r="V26" s="261">
        <v>9</v>
      </c>
      <c r="W26" s="258">
        <v>13</v>
      </c>
      <c r="X26" s="263">
        <v>13</v>
      </c>
      <c r="Y26" s="257">
        <v>13</v>
      </c>
      <c r="Z26" s="261">
        <v>7</v>
      </c>
      <c r="AA26" s="258">
        <v>20</v>
      </c>
      <c r="AB26" s="260">
        <v>0</v>
      </c>
      <c r="AC26" s="261">
        <v>80</v>
      </c>
      <c r="AD26" s="261">
        <v>40</v>
      </c>
      <c r="AE26" s="261">
        <v>22</v>
      </c>
      <c r="AF26" s="261">
        <v>62</v>
      </c>
      <c r="AG26" s="261">
        <v>35</v>
      </c>
      <c r="AH26" s="258">
        <v>239</v>
      </c>
      <c r="AI26" s="263">
        <v>259</v>
      </c>
      <c r="AJ26" s="257">
        <v>0</v>
      </c>
      <c r="AK26" s="261">
        <v>0</v>
      </c>
      <c r="AL26" s="258">
        <v>0</v>
      </c>
      <c r="AM26" s="260">
        <v>0</v>
      </c>
      <c r="AN26" s="261">
        <v>0</v>
      </c>
      <c r="AO26" s="261">
        <v>0</v>
      </c>
      <c r="AP26" s="261">
        <v>0</v>
      </c>
      <c r="AQ26" s="261">
        <v>0</v>
      </c>
      <c r="AR26" s="261">
        <v>8</v>
      </c>
      <c r="AS26" s="258">
        <v>8</v>
      </c>
      <c r="AT26" s="263">
        <v>8</v>
      </c>
      <c r="AU26" s="257">
        <v>0</v>
      </c>
      <c r="AV26" s="261">
        <v>0</v>
      </c>
      <c r="AW26" s="258">
        <v>0</v>
      </c>
      <c r="AX26" s="260">
        <v>0</v>
      </c>
      <c r="AY26" s="261">
        <v>92</v>
      </c>
      <c r="AZ26" s="261">
        <v>34</v>
      </c>
      <c r="BA26" s="261">
        <v>22</v>
      </c>
      <c r="BB26" s="261">
        <v>0</v>
      </c>
      <c r="BC26" s="261">
        <v>0</v>
      </c>
      <c r="BD26" s="262">
        <v>148</v>
      </c>
      <c r="BE26" s="263">
        <v>148</v>
      </c>
      <c r="BF26" s="257">
        <v>0</v>
      </c>
      <c r="BG26" s="261">
        <v>0</v>
      </c>
      <c r="BH26" s="258">
        <v>0</v>
      </c>
      <c r="BI26" s="260">
        <v>0</v>
      </c>
      <c r="BJ26" s="261">
        <v>34</v>
      </c>
      <c r="BK26" s="261">
        <v>25</v>
      </c>
      <c r="BL26" s="261">
        <v>22</v>
      </c>
      <c r="BM26" s="261">
        <v>14</v>
      </c>
      <c r="BN26" s="261">
        <v>25</v>
      </c>
      <c r="BO26" s="258">
        <v>120</v>
      </c>
      <c r="BP26" s="263">
        <v>120</v>
      </c>
      <c r="BQ26" s="257">
        <v>0</v>
      </c>
      <c r="BR26" s="261">
        <v>0</v>
      </c>
      <c r="BS26" s="258">
        <v>0</v>
      </c>
      <c r="BT26" s="260">
        <v>0</v>
      </c>
      <c r="BU26" s="261">
        <v>0</v>
      </c>
      <c r="BV26" s="261">
        <v>0</v>
      </c>
      <c r="BW26" s="261">
        <v>4</v>
      </c>
      <c r="BX26" s="261">
        <v>0</v>
      </c>
      <c r="BY26" s="261">
        <v>10</v>
      </c>
      <c r="BZ26" s="258">
        <v>14</v>
      </c>
      <c r="CA26" s="263">
        <v>14</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68" t="s">
        <v>25</v>
      </c>
      <c r="C27" s="257">
        <v>0</v>
      </c>
      <c r="D27" s="258">
        <v>0</v>
      </c>
      <c r="E27" s="259">
        <v>0</v>
      </c>
      <c r="F27" s="260">
        <v>0</v>
      </c>
      <c r="G27" s="261">
        <v>32</v>
      </c>
      <c r="H27" s="261">
        <v>49</v>
      </c>
      <c r="I27" s="261">
        <v>9</v>
      </c>
      <c r="J27" s="261">
        <v>19</v>
      </c>
      <c r="K27" s="261">
        <v>0</v>
      </c>
      <c r="L27" s="262">
        <v>109</v>
      </c>
      <c r="M27" s="263">
        <v>109</v>
      </c>
      <c r="N27" s="257">
        <v>0</v>
      </c>
      <c r="O27" s="261">
        <v>0</v>
      </c>
      <c r="P27" s="258">
        <v>0</v>
      </c>
      <c r="Q27" s="260">
        <v>0</v>
      </c>
      <c r="R27" s="261">
        <v>0</v>
      </c>
      <c r="S27" s="261">
        <v>1</v>
      </c>
      <c r="T27" s="261">
        <v>0</v>
      </c>
      <c r="U27" s="261">
        <v>0</v>
      </c>
      <c r="V27" s="261">
        <v>9</v>
      </c>
      <c r="W27" s="258">
        <v>10</v>
      </c>
      <c r="X27" s="263">
        <v>10</v>
      </c>
      <c r="Y27" s="257">
        <v>5</v>
      </c>
      <c r="Z27" s="261">
        <v>21</v>
      </c>
      <c r="AA27" s="258">
        <v>26</v>
      </c>
      <c r="AB27" s="260">
        <v>0</v>
      </c>
      <c r="AC27" s="261">
        <v>49</v>
      </c>
      <c r="AD27" s="261">
        <v>10</v>
      </c>
      <c r="AE27" s="261">
        <v>0</v>
      </c>
      <c r="AF27" s="261">
        <v>0</v>
      </c>
      <c r="AG27" s="261">
        <v>28</v>
      </c>
      <c r="AH27" s="258">
        <v>87</v>
      </c>
      <c r="AI27" s="263">
        <v>113</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21</v>
      </c>
      <c r="AZ27" s="261">
        <v>35</v>
      </c>
      <c r="BA27" s="261">
        <v>5</v>
      </c>
      <c r="BB27" s="261">
        <v>0</v>
      </c>
      <c r="BC27" s="261">
        <v>0</v>
      </c>
      <c r="BD27" s="262">
        <v>61</v>
      </c>
      <c r="BE27" s="263">
        <v>61</v>
      </c>
      <c r="BF27" s="257">
        <v>0</v>
      </c>
      <c r="BG27" s="261">
        <v>0</v>
      </c>
      <c r="BH27" s="258">
        <v>0</v>
      </c>
      <c r="BI27" s="260">
        <v>0</v>
      </c>
      <c r="BJ27" s="261">
        <v>20</v>
      </c>
      <c r="BK27" s="261">
        <v>8</v>
      </c>
      <c r="BL27" s="261">
        <v>16</v>
      </c>
      <c r="BM27" s="261">
        <v>0</v>
      </c>
      <c r="BN27" s="261">
        <v>11</v>
      </c>
      <c r="BO27" s="258">
        <v>55</v>
      </c>
      <c r="BP27" s="263">
        <v>55</v>
      </c>
      <c r="BQ27" s="257">
        <v>0</v>
      </c>
      <c r="BR27" s="261">
        <v>0</v>
      </c>
      <c r="BS27" s="258">
        <v>0</v>
      </c>
      <c r="BT27" s="260">
        <v>0</v>
      </c>
      <c r="BU27" s="261">
        <v>11</v>
      </c>
      <c r="BV27" s="261">
        <v>0</v>
      </c>
      <c r="BW27" s="261">
        <v>0</v>
      </c>
      <c r="BX27" s="261">
        <v>0</v>
      </c>
      <c r="BY27" s="261">
        <v>0</v>
      </c>
      <c r="BZ27" s="258">
        <v>11</v>
      </c>
      <c r="CA27" s="263">
        <v>11</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68" t="s">
        <v>26</v>
      </c>
      <c r="C28" s="257">
        <v>0</v>
      </c>
      <c r="D28" s="258">
        <v>0</v>
      </c>
      <c r="E28" s="259">
        <v>0</v>
      </c>
      <c r="F28" s="260">
        <v>0</v>
      </c>
      <c r="G28" s="261">
        <v>37</v>
      </c>
      <c r="H28" s="261">
        <v>90</v>
      </c>
      <c r="I28" s="261">
        <v>14</v>
      </c>
      <c r="J28" s="261">
        <v>41</v>
      </c>
      <c r="K28" s="261">
        <v>183</v>
      </c>
      <c r="L28" s="262">
        <v>365</v>
      </c>
      <c r="M28" s="263">
        <v>365</v>
      </c>
      <c r="N28" s="257">
        <v>0</v>
      </c>
      <c r="O28" s="261">
        <v>0</v>
      </c>
      <c r="P28" s="258">
        <v>0</v>
      </c>
      <c r="Q28" s="260">
        <v>0</v>
      </c>
      <c r="R28" s="261">
        <v>0</v>
      </c>
      <c r="S28" s="261">
        <v>0</v>
      </c>
      <c r="T28" s="261">
        <v>0</v>
      </c>
      <c r="U28" s="261">
        <v>0</v>
      </c>
      <c r="V28" s="261">
        <v>13</v>
      </c>
      <c r="W28" s="258">
        <v>13</v>
      </c>
      <c r="X28" s="263">
        <v>13</v>
      </c>
      <c r="Y28" s="257">
        <v>0</v>
      </c>
      <c r="Z28" s="261">
        <v>0</v>
      </c>
      <c r="AA28" s="258">
        <v>0</v>
      </c>
      <c r="AB28" s="260">
        <v>0</v>
      </c>
      <c r="AC28" s="261">
        <v>49</v>
      </c>
      <c r="AD28" s="261">
        <v>76</v>
      </c>
      <c r="AE28" s="261">
        <v>0</v>
      </c>
      <c r="AF28" s="261">
        <v>34</v>
      </c>
      <c r="AG28" s="261">
        <v>70</v>
      </c>
      <c r="AH28" s="258">
        <v>229</v>
      </c>
      <c r="AI28" s="263">
        <v>229</v>
      </c>
      <c r="AJ28" s="257">
        <v>0</v>
      </c>
      <c r="AK28" s="261">
        <v>27</v>
      </c>
      <c r="AL28" s="258">
        <v>27</v>
      </c>
      <c r="AM28" s="260">
        <v>0</v>
      </c>
      <c r="AN28" s="261">
        <v>0</v>
      </c>
      <c r="AO28" s="261">
        <v>0</v>
      </c>
      <c r="AP28" s="261">
        <v>0</v>
      </c>
      <c r="AQ28" s="261">
        <v>0</v>
      </c>
      <c r="AR28" s="261">
        <v>0</v>
      </c>
      <c r="AS28" s="258">
        <v>0</v>
      </c>
      <c r="AT28" s="263">
        <v>27</v>
      </c>
      <c r="AU28" s="257">
        <v>0</v>
      </c>
      <c r="AV28" s="261">
        <v>0</v>
      </c>
      <c r="AW28" s="258">
        <v>0</v>
      </c>
      <c r="AX28" s="260">
        <v>0</v>
      </c>
      <c r="AY28" s="261">
        <v>62</v>
      </c>
      <c r="AZ28" s="261">
        <v>21</v>
      </c>
      <c r="BA28" s="261">
        <v>8</v>
      </c>
      <c r="BB28" s="261">
        <v>9</v>
      </c>
      <c r="BC28" s="261">
        <v>0</v>
      </c>
      <c r="BD28" s="262">
        <v>100</v>
      </c>
      <c r="BE28" s="263">
        <v>100</v>
      </c>
      <c r="BF28" s="257">
        <v>0</v>
      </c>
      <c r="BG28" s="261">
        <v>0</v>
      </c>
      <c r="BH28" s="258">
        <v>0</v>
      </c>
      <c r="BI28" s="260">
        <v>0</v>
      </c>
      <c r="BJ28" s="261">
        <v>31</v>
      </c>
      <c r="BK28" s="261">
        <v>18</v>
      </c>
      <c r="BL28" s="261">
        <v>0</v>
      </c>
      <c r="BM28" s="261">
        <v>0</v>
      </c>
      <c r="BN28" s="261">
        <v>0</v>
      </c>
      <c r="BO28" s="258">
        <v>49</v>
      </c>
      <c r="BP28" s="263">
        <v>49</v>
      </c>
      <c r="BQ28" s="257">
        <v>0</v>
      </c>
      <c r="BR28" s="261">
        <v>0</v>
      </c>
      <c r="BS28" s="258">
        <v>0</v>
      </c>
      <c r="BT28" s="260">
        <v>0</v>
      </c>
      <c r="BU28" s="261">
        <v>18</v>
      </c>
      <c r="BV28" s="261">
        <v>2</v>
      </c>
      <c r="BW28" s="261">
        <v>11</v>
      </c>
      <c r="BX28" s="261">
        <v>0</v>
      </c>
      <c r="BY28" s="261">
        <v>8</v>
      </c>
      <c r="BZ28" s="258">
        <v>39</v>
      </c>
      <c r="CA28" s="263">
        <v>39</v>
      </c>
      <c r="CB28" s="257">
        <v>0</v>
      </c>
      <c r="CC28" s="261">
        <v>0</v>
      </c>
      <c r="CD28" s="258">
        <v>0</v>
      </c>
      <c r="CE28" s="260">
        <v>0</v>
      </c>
      <c r="CF28" s="261">
        <v>0</v>
      </c>
      <c r="CG28" s="261">
        <v>0</v>
      </c>
      <c r="CH28" s="261">
        <v>0</v>
      </c>
      <c r="CI28" s="261">
        <v>3</v>
      </c>
      <c r="CJ28" s="261">
        <v>0</v>
      </c>
      <c r="CK28" s="258">
        <v>3</v>
      </c>
      <c r="CL28" s="263">
        <v>3</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68" t="s">
        <v>27</v>
      </c>
      <c r="C29" s="257">
        <v>0</v>
      </c>
      <c r="D29" s="258">
        <v>0</v>
      </c>
      <c r="E29" s="259">
        <v>0</v>
      </c>
      <c r="F29" s="260">
        <v>0</v>
      </c>
      <c r="G29" s="261">
        <v>9</v>
      </c>
      <c r="H29" s="261">
        <v>13</v>
      </c>
      <c r="I29" s="261">
        <v>143</v>
      </c>
      <c r="J29" s="261">
        <v>0</v>
      </c>
      <c r="K29" s="261">
        <v>0</v>
      </c>
      <c r="L29" s="262">
        <v>165</v>
      </c>
      <c r="M29" s="263">
        <v>165</v>
      </c>
      <c r="N29" s="257">
        <v>0</v>
      </c>
      <c r="O29" s="261">
        <v>0</v>
      </c>
      <c r="P29" s="258">
        <v>0</v>
      </c>
      <c r="Q29" s="260">
        <v>0</v>
      </c>
      <c r="R29" s="261">
        <v>0</v>
      </c>
      <c r="S29" s="261">
        <v>0</v>
      </c>
      <c r="T29" s="261">
        <v>0</v>
      </c>
      <c r="U29" s="261">
        <v>4</v>
      </c>
      <c r="V29" s="261">
        <v>0</v>
      </c>
      <c r="W29" s="258">
        <v>4</v>
      </c>
      <c r="X29" s="263">
        <v>4</v>
      </c>
      <c r="Y29" s="257">
        <v>0</v>
      </c>
      <c r="Z29" s="261">
        <v>26</v>
      </c>
      <c r="AA29" s="258">
        <v>26</v>
      </c>
      <c r="AB29" s="260">
        <v>0</v>
      </c>
      <c r="AC29" s="261">
        <v>0</v>
      </c>
      <c r="AD29" s="261">
        <v>73</v>
      </c>
      <c r="AE29" s="261">
        <v>27</v>
      </c>
      <c r="AF29" s="261">
        <v>12</v>
      </c>
      <c r="AG29" s="261">
        <v>0</v>
      </c>
      <c r="AH29" s="258">
        <v>112</v>
      </c>
      <c r="AI29" s="263">
        <v>138</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25</v>
      </c>
      <c r="AZ29" s="261">
        <v>31</v>
      </c>
      <c r="BA29" s="261">
        <v>16</v>
      </c>
      <c r="BB29" s="261">
        <v>17</v>
      </c>
      <c r="BC29" s="261">
        <v>0</v>
      </c>
      <c r="BD29" s="262">
        <v>89</v>
      </c>
      <c r="BE29" s="263">
        <v>89</v>
      </c>
      <c r="BF29" s="257">
        <v>0</v>
      </c>
      <c r="BG29" s="261">
        <v>0</v>
      </c>
      <c r="BH29" s="258">
        <v>0</v>
      </c>
      <c r="BI29" s="260">
        <v>0</v>
      </c>
      <c r="BJ29" s="261">
        <v>14</v>
      </c>
      <c r="BK29" s="261">
        <v>14</v>
      </c>
      <c r="BL29" s="261">
        <v>9</v>
      </c>
      <c r="BM29" s="261">
        <v>0</v>
      </c>
      <c r="BN29" s="261">
        <v>0</v>
      </c>
      <c r="BO29" s="258">
        <v>37</v>
      </c>
      <c r="BP29" s="263">
        <v>37</v>
      </c>
      <c r="BQ29" s="257">
        <v>0</v>
      </c>
      <c r="BR29" s="261">
        <v>0</v>
      </c>
      <c r="BS29" s="258">
        <v>0</v>
      </c>
      <c r="BT29" s="260">
        <v>0</v>
      </c>
      <c r="BU29" s="261">
        <v>6</v>
      </c>
      <c r="BV29" s="261">
        <v>4</v>
      </c>
      <c r="BW29" s="261">
        <v>0</v>
      </c>
      <c r="BX29" s="261">
        <v>8</v>
      </c>
      <c r="BY29" s="261">
        <v>0</v>
      </c>
      <c r="BZ29" s="258">
        <v>18</v>
      </c>
      <c r="CA29" s="263">
        <v>18</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68" t="s">
        <v>28</v>
      </c>
      <c r="C30" s="257">
        <v>0</v>
      </c>
      <c r="D30" s="258">
        <v>0</v>
      </c>
      <c r="E30" s="259">
        <v>0</v>
      </c>
      <c r="F30" s="260">
        <v>0</v>
      </c>
      <c r="G30" s="261">
        <v>8</v>
      </c>
      <c r="H30" s="261">
        <v>12</v>
      </c>
      <c r="I30" s="261">
        <v>0</v>
      </c>
      <c r="J30" s="261">
        <v>27</v>
      </c>
      <c r="K30" s="261">
        <v>0</v>
      </c>
      <c r="L30" s="262">
        <v>47</v>
      </c>
      <c r="M30" s="263">
        <v>47</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1</v>
      </c>
      <c r="AE30" s="261">
        <v>4</v>
      </c>
      <c r="AF30" s="261">
        <v>0</v>
      </c>
      <c r="AG30" s="261">
        <v>0</v>
      </c>
      <c r="AH30" s="258">
        <v>15</v>
      </c>
      <c r="AI30" s="263">
        <v>1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14</v>
      </c>
      <c r="BA30" s="261">
        <v>30</v>
      </c>
      <c r="BB30" s="261">
        <v>13</v>
      </c>
      <c r="BC30" s="261">
        <v>0</v>
      </c>
      <c r="BD30" s="262">
        <v>60</v>
      </c>
      <c r="BE30" s="263">
        <v>60</v>
      </c>
      <c r="BF30" s="257">
        <v>0</v>
      </c>
      <c r="BG30" s="261">
        <v>0</v>
      </c>
      <c r="BH30" s="258">
        <v>0</v>
      </c>
      <c r="BI30" s="260">
        <v>0</v>
      </c>
      <c r="BJ30" s="261">
        <v>0</v>
      </c>
      <c r="BK30" s="261">
        <v>0</v>
      </c>
      <c r="BL30" s="261">
        <v>9</v>
      </c>
      <c r="BM30" s="261">
        <v>0</v>
      </c>
      <c r="BN30" s="261">
        <v>0</v>
      </c>
      <c r="BO30" s="258">
        <v>9</v>
      </c>
      <c r="BP30" s="263">
        <v>9</v>
      </c>
      <c r="BQ30" s="257">
        <v>0</v>
      </c>
      <c r="BR30" s="261">
        <v>0</v>
      </c>
      <c r="BS30" s="258">
        <v>0</v>
      </c>
      <c r="BT30" s="260">
        <v>0</v>
      </c>
      <c r="BU30" s="261">
        <v>0</v>
      </c>
      <c r="BV30" s="261">
        <v>25</v>
      </c>
      <c r="BW30" s="261">
        <v>11</v>
      </c>
      <c r="BX30" s="261">
        <v>0</v>
      </c>
      <c r="BY30" s="261">
        <v>0</v>
      </c>
      <c r="BZ30" s="258">
        <v>36</v>
      </c>
      <c r="CA30" s="263">
        <v>36</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68" t="s">
        <v>29</v>
      </c>
      <c r="C31" s="257">
        <v>0</v>
      </c>
      <c r="D31" s="258">
        <v>0</v>
      </c>
      <c r="E31" s="259">
        <v>0</v>
      </c>
      <c r="F31" s="260">
        <v>0</v>
      </c>
      <c r="G31" s="261">
        <v>11</v>
      </c>
      <c r="H31" s="261">
        <v>26</v>
      </c>
      <c r="I31" s="261">
        <v>0</v>
      </c>
      <c r="J31" s="261">
        <v>29</v>
      </c>
      <c r="K31" s="261">
        <v>0</v>
      </c>
      <c r="L31" s="262">
        <v>66</v>
      </c>
      <c r="M31" s="263">
        <v>66</v>
      </c>
      <c r="N31" s="257">
        <v>0</v>
      </c>
      <c r="O31" s="261">
        <v>0</v>
      </c>
      <c r="P31" s="258">
        <v>0</v>
      </c>
      <c r="Q31" s="260">
        <v>0</v>
      </c>
      <c r="R31" s="261">
        <v>0</v>
      </c>
      <c r="S31" s="261">
        <v>0</v>
      </c>
      <c r="T31" s="261">
        <v>0</v>
      </c>
      <c r="U31" s="261">
        <v>0</v>
      </c>
      <c r="V31" s="261">
        <v>0</v>
      </c>
      <c r="W31" s="258">
        <v>0</v>
      </c>
      <c r="X31" s="263">
        <v>0</v>
      </c>
      <c r="Y31" s="257">
        <v>0</v>
      </c>
      <c r="Z31" s="261">
        <v>10</v>
      </c>
      <c r="AA31" s="258">
        <v>10</v>
      </c>
      <c r="AB31" s="260">
        <v>0</v>
      </c>
      <c r="AC31" s="261">
        <v>28</v>
      </c>
      <c r="AD31" s="261">
        <v>18</v>
      </c>
      <c r="AE31" s="261">
        <v>28</v>
      </c>
      <c r="AF31" s="261">
        <v>0</v>
      </c>
      <c r="AG31" s="261">
        <v>0</v>
      </c>
      <c r="AH31" s="258">
        <v>74</v>
      </c>
      <c r="AI31" s="263">
        <v>84</v>
      </c>
      <c r="AJ31" s="257">
        <v>0</v>
      </c>
      <c r="AK31" s="261">
        <v>0</v>
      </c>
      <c r="AL31" s="258">
        <v>0</v>
      </c>
      <c r="AM31" s="260">
        <v>0</v>
      </c>
      <c r="AN31" s="261">
        <v>7</v>
      </c>
      <c r="AO31" s="261">
        <v>0</v>
      </c>
      <c r="AP31" s="261">
        <v>0</v>
      </c>
      <c r="AQ31" s="261">
        <v>15</v>
      </c>
      <c r="AR31" s="261">
        <v>0</v>
      </c>
      <c r="AS31" s="258">
        <v>22</v>
      </c>
      <c r="AT31" s="263">
        <v>22</v>
      </c>
      <c r="AU31" s="257">
        <v>0</v>
      </c>
      <c r="AV31" s="261">
        <v>0</v>
      </c>
      <c r="AW31" s="258">
        <v>0</v>
      </c>
      <c r="AX31" s="260">
        <v>0</v>
      </c>
      <c r="AY31" s="261">
        <v>9</v>
      </c>
      <c r="AZ31" s="261">
        <v>20</v>
      </c>
      <c r="BA31" s="261">
        <v>0</v>
      </c>
      <c r="BB31" s="261">
        <v>9</v>
      </c>
      <c r="BC31" s="261">
        <v>0</v>
      </c>
      <c r="BD31" s="262">
        <v>38</v>
      </c>
      <c r="BE31" s="263">
        <v>38</v>
      </c>
      <c r="BF31" s="257">
        <v>0</v>
      </c>
      <c r="BG31" s="261">
        <v>0</v>
      </c>
      <c r="BH31" s="258">
        <v>0</v>
      </c>
      <c r="BI31" s="260">
        <v>0</v>
      </c>
      <c r="BJ31" s="261">
        <v>23</v>
      </c>
      <c r="BK31" s="261">
        <v>0</v>
      </c>
      <c r="BL31" s="261">
        <v>13</v>
      </c>
      <c r="BM31" s="261">
        <v>0</v>
      </c>
      <c r="BN31" s="261">
        <v>0</v>
      </c>
      <c r="BO31" s="258">
        <v>36</v>
      </c>
      <c r="BP31" s="263">
        <v>36</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68" t="s">
        <v>30</v>
      </c>
      <c r="C32" s="257">
        <v>0</v>
      </c>
      <c r="D32" s="258">
        <v>0</v>
      </c>
      <c r="E32" s="259">
        <v>0</v>
      </c>
      <c r="F32" s="260">
        <v>0</v>
      </c>
      <c r="G32" s="261">
        <v>21</v>
      </c>
      <c r="H32" s="261">
        <v>9</v>
      </c>
      <c r="I32" s="261">
        <v>0</v>
      </c>
      <c r="J32" s="261">
        <v>48</v>
      </c>
      <c r="K32" s="261">
        <v>0</v>
      </c>
      <c r="L32" s="262">
        <v>78</v>
      </c>
      <c r="M32" s="263">
        <v>78</v>
      </c>
      <c r="N32" s="257">
        <v>0</v>
      </c>
      <c r="O32" s="261">
        <v>0</v>
      </c>
      <c r="P32" s="258">
        <v>0</v>
      </c>
      <c r="Q32" s="260">
        <v>0</v>
      </c>
      <c r="R32" s="261">
        <v>5</v>
      </c>
      <c r="S32" s="261">
        <v>0</v>
      </c>
      <c r="T32" s="261">
        <v>4</v>
      </c>
      <c r="U32" s="261">
        <v>0</v>
      </c>
      <c r="V32" s="261">
        <v>0</v>
      </c>
      <c r="W32" s="258">
        <v>9</v>
      </c>
      <c r="X32" s="263">
        <v>9</v>
      </c>
      <c r="Y32" s="257">
        <v>0</v>
      </c>
      <c r="Z32" s="261">
        <v>0</v>
      </c>
      <c r="AA32" s="258">
        <v>0</v>
      </c>
      <c r="AB32" s="260">
        <v>0</v>
      </c>
      <c r="AC32" s="261">
        <v>17</v>
      </c>
      <c r="AD32" s="261">
        <v>0</v>
      </c>
      <c r="AE32" s="261">
        <v>5</v>
      </c>
      <c r="AF32" s="261">
        <v>0</v>
      </c>
      <c r="AG32" s="261">
        <v>0</v>
      </c>
      <c r="AH32" s="258">
        <v>22</v>
      </c>
      <c r="AI32" s="263">
        <v>22</v>
      </c>
      <c r="AJ32" s="257">
        <v>0</v>
      </c>
      <c r="AK32" s="261">
        <v>0</v>
      </c>
      <c r="AL32" s="258">
        <v>0</v>
      </c>
      <c r="AM32" s="260">
        <v>0</v>
      </c>
      <c r="AN32" s="261">
        <v>0</v>
      </c>
      <c r="AO32" s="261">
        <v>14</v>
      </c>
      <c r="AP32" s="261">
        <v>0</v>
      </c>
      <c r="AQ32" s="261">
        <v>0</v>
      </c>
      <c r="AR32" s="261">
        <v>0</v>
      </c>
      <c r="AS32" s="258">
        <v>14</v>
      </c>
      <c r="AT32" s="263">
        <v>14</v>
      </c>
      <c r="AU32" s="257">
        <v>0</v>
      </c>
      <c r="AV32" s="261">
        <v>0</v>
      </c>
      <c r="AW32" s="258">
        <v>0</v>
      </c>
      <c r="AX32" s="260">
        <v>0</v>
      </c>
      <c r="AY32" s="261">
        <v>5</v>
      </c>
      <c r="AZ32" s="261">
        <v>8</v>
      </c>
      <c r="BA32" s="261">
        <v>0</v>
      </c>
      <c r="BB32" s="261">
        <v>0</v>
      </c>
      <c r="BC32" s="261">
        <v>0</v>
      </c>
      <c r="BD32" s="262">
        <v>13</v>
      </c>
      <c r="BE32" s="263">
        <v>13</v>
      </c>
      <c r="BF32" s="257">
        <v>0</v>
      </c>
      <c r="BG32" s="261">
        <v>0</v>
      </c>
      <c r="BH32" s="258">
        <v>0</v>
      </c>
      <c r="BI32" s="260">
        <v>0</v>
      </c>
      <c r="BJ32" s="261">
        <v>6</v>
      </c>
      <c r="BK32" s="261">
        <v>0</v>
      </c>
      <c r="BL32" s="261">
        <v>0</v>
      </c>
      <c r="BM32" s="261">
        <v>10</v>
      </c>
      <c r="BN32" s="261">
        <v>0</v>
      </c>
      <c r="BO32" s="258">
        <v>16</v>
      </c>
      <c r="BP32" s="263">
        <v>16</v>
      </c>
      <c r="BQ32" s="257">
        <v>0</v>
      </c>
      <c r="BR32" s="261">
        <v>0</v>
      </c>
      <c r="BS32" s="258">
        <v>0</v>
      </c>
      <c r="BT32" s="260">
        <v>0</v>
      </c>
      <c r="BU32" s="261">
        <v>0</v>
      </c>
      <c r="BV32" s="261">
        <v>0</v>
      </c>
      <c r="BW32" s="261">
        <v>0</v>
      </c>
      <c r="BX32" s="261">
        <v>6</v>
      </c>
      <c r="BY32" s="261">
        <v>0</v>
      </c>
      <c r="BZ32" s="258">
        <v>6</v>
      </c>
      <c r="CA32" s="263">
        <v>6</v>
      </c>
      <c r="CB32" s="257">
        <v>0</v>
      </c>
      <c r="CC32" s="261">
        <v>0</v>
      </c>
      <c r="CD32" s="258">
        <v>0</v>
      </c>
      <c r="CE32" s="260">
        <v>0</v>
      </c>
      <c r="CF32" s="261">
        <v>4</v>
      </c>
      <c r="CG32" s="261">
        <v>0</v>
      </c>
      <c r="CH32" s="261">
        <v>0</v>
      </c>
      <c r="CI32" s="261">
        <v>0</v>
      </c>
      <c r="CJ32" s="261">
        <v>0</v>
      </c>
      <c r="CK32" s="258">
        <v>4</v>
      </c>
      <c r="CL32" s="263">
        <v>4</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68" t="s">
        <v>31</v>
      </c>
      <c r="C33" s="257">
        <v>0</v>
      </c>
      <c r="D33" s="258">
        <v>0</v>
      </c>
      <c r="E33" s="259">
        <v>0</v>
      </c>
      <c r="F33" s="260">
        <v>0</v>
      </c>
      <c r="G33" s="261">
        <v>18</v>
      </c>
      <c r="H33" s="261">
        <v>0</v>
      </c>
      <c r="I33" s="261">
        <v>0</v>
      </c>
      <c r="J33" s="261">
        <v>0</v>
      </c>
      <c r="K33" s="261">
        <v>0</v>
      </c>
      <c r="L33" s="262">
        <v>18</v>
      </c>
      <c r="M33" s="263">
        <v>18</v>
      </c>
      <c r="N33" s="257">
        <v>0</v>
      </c>
      <c r="O33" s="261">
        <v>0</v>
      </c>
      <c r="P33" s="258">
        <v>0</v>
      </c>
      <c r="Q33" s="260">
        <v>0</v>
      </c>
      <c r="R33" s="261">
        <v>0</v>
      </c>
      <c r="S33" s="261">
        <v>0</v>
      </c>
      <c r="T33" s="261">
        <v>0</v>
      </c>
      <c r="U33" s="261">
        <v>0</v>
      </c>
      <c r="V33" s="261">
        <v>6</v>
      </c>
      <c r="W33" s="258">
        <v>6</v>
      </c>
      <c r="X33" s="263">
        <v>6</v>
      </c>
      <c r="Y33" s="257">
        <v>0</v>
      </c>
      <c r="Z33" s="261">
        <v>0</v>
      </c>
      <c r="AA33" s="258">
        <v>0</v>
      </c>
      <c r="AB33" s="260">
        <v>0</v>
      </c>
      <c r="AC33" s="261">
        <v>43</v>
      </c>
      <c r="AD33" s="261">
        <v>5</v>
      </c>
      <c r="AE33" s="261">
        <v>21</v>
      </c>
      <c r="AF33" s="261">
        <v>0</v>
      </c>
      <c r="AG33" s="261">
        <v>21</v>
      </c>
      <c r="AH33" s="258">
        <v>90</v>
      </c>
      <c r="AI33" s="263">
        <v>90</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3</v>
      </c>
      <c r="AZ33" s="261">
        <v>25</v>
      </c>
      <c r="BA33" s="261">
        <v>11</v>
      </c>
      <c r="BB33" s="261">
        <v>0</v>
      </c>
      <c r="BC33" s="261">
        <v>0</v>
      </c>
      <c r="BD33" s="262">
        <v>49</v>
      </c>
      <c r="BE33" s="263">
        <v>49</v>
      </c>
      <c r="BF33" s="257">
        <v>0</v>
      </c>
      <c r="BG33" s="261">
        <v>0</v>
      </c>
      <c r="BH33" s="258">
        <v>0</v>
      </c>
      <c r="BI33" s="260">
        <v>0</v>
      </c>
      <c r="BJ33" s="261">
        <v>4</v>
      </c>
      <c r="BK33" s="261">
        <v>12</v>
      </c>
      <c r="BL33" s="261">
        <v>0</v>
      </c>
      <c r="BM33" s="261">
        <v>0</v>
      </c>
      <c r="BN33" s="261">
        <v>0</v>
      </c>
      <c r="BO33" s="258">
        <v>16</v>
      </c>
      <c r="BP33" s="263">
        <v>16</v>
      </c>
      <c r="BQ33" s="257">
        <v>0</v>
      </c>
      <c r="BR33" s="261">
        <v>0</v>
      </c>
      <c r="BS33" s="258">
        <v>0</v>
      </c>
      <c r="BT33" s="260">
        <v>0</v>
      </c>
      <c r="BU33" s="261">
        <v>0</v>
      </c>
      <c r="BV33" s="261">
        <v>0</v>
      </c>
      <c r="BW33" s="261">
        <v>0</v>
      </c>
      <c r="BX33" s="261">
        <v>67</v>
      </c>
      <c r="BY33" s="261">
        <v>2</v>
      </c>
      <c r="BZ33" s="258">
        <v>69</v>
      </c>
      <c r="CA33" s="263">
        <v>69</v>
      </c>
      <c r="CB33" s="257">
        <v>0</v>
      </c>
      <c r="CC33" s="261">
        <v>0</v>
      </c>
      <c r="CD33" s="258">
        <v>0</v>
      </c>
      <c r="CE33" s="260">
        <v>0</v>
      </c>
      <c r="CF33" s="261">
        <v>0</v>
      </c>
      <c r="CG33" s="261">
        <v>0</v>
      </c>
      <c r="CH33" s="261">
        <v>0</v>
      </c>
      <c r="CI33" s="261">
        <v>0</v>
      </c>
      <c r="CJ33" s="261">
        <v>3</v>
      </c>
      <c r="CK33" s="258">
        <v>3</v>
      </c>
      <c r="CL33" s="263">
        <v>3</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68" t="s">
        <v>32</v>
      </c>
      <c r="C34" s="257">
        <v>0</v>
      </c>
      <c r="D34" s="258">
        <v>0</v>
      </c>
      <c r="E34" s="259">
        <v>0</v>
      </c>
      <c r="F34" s="260">
        <v>0</v>
      </c>
      <c r="G34" s="261">
        <v>8</v>
      </c>
      <c r="H34" s="261">
        <v>25</v>
      </c>
      <c r="I34" s="261">
        <v>0</v>
      </c>
      <c r="J34" s="261">
        <v>28</v>
      </c>
      <c r="K34" s="261">
        <v>0</v>
      </c>
      <c r="L34" s="262">
        <v>61</v>
      </c>
      <c r="M34" s="263">
        <v>6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1</v>
      </c>
      <c r="AD34" s="261">
        <v>11</v>
      </c>
      <c r="AE34" s="261">
        <v>0</v>
      </c>
      <c r="AF34" s="261">
        <v>0</v>
      </c>
      <c r="AG34" s="261">
        <v>17</v>
      </c>
      <c r="AH34" s="258">
        <v>39</v>
      </c>
      <c r="AI34" s="263">
        <v>39</v>
      </c>
      <c r="AJ34" s="257">
        <v>0</v>
      </c>
      <c r="AK34" s="261">
        <v>0</v>
      </c>
      <c r="AL34" s="258">
        <v>0</v>
      </c>
      <c r="AM34" s="260">
        <v>0</v>
      </c>
      <c r="AN34" s="261">
        <v>0</v>
      </c>
      <c r="AO34" s="261">
        <v>15</v>
      </c>
      <c r="AP34" s="261">
        <v>0</v>
      </c>
      <c r="AQ34" s="261">
        <v>6</v>
      </c>
      <c r="AR34" s="261">
        <v>0</v>
      </c>
      <c r="AS34" s="258">
        <v>21</v>
      </c>
      <c r="AT34" s="263">
        <v>21</v>
      </c>
      <c r="AU34" s="257">
        <v>0</v>
      </c>
      <c r="AV34" s="261">
        <v>0</v>
      </c>
      <c r="AW34" s="258">
        <v>0</v>
      </c>
      <c r="AX34" s="260">
        <v>0</v>
      </c>
      <c r="AY34" s="261">
        <v>29</v>
      </c>
      <c r="AZ34" s="261">
        <v>39</v>
      </c>
      <c r="BA34" s="261">
        <v>0</v>
      </c>
      <c r="BB34" s="261">
        <v>14</v>
      </c>
      <c r="BC34" s="261">
        <v>0</v>
      </c>
      <c r="BD34" s="262">
        <v>82</v>
      </c>
      <c r="BE34" s="263">
        <v>82</v>
      </c>
      <c r="BF34" s="257">
        <v>0</v>
      </c>
      <c r="BG34" s="261">
        <v>0</v>
      </c>
      <c r="BH34" s="258">
        <v>0</v>
      </c>
      <c r="BI34" s="260">
        <v>0</v>
      </c>
      <c r="BJ34" s="261">
        <v>0</v>
      </c>
      <c r="BK34" s="261">
        <v>12</v>
      </c>
      <c r="BL34" s="261">
        <v>0</v>
      </c>
      <c r="BM34" s="261">
        <v>8</v>
      </c>
      <c r="BN34" s="261">
        <v>5</v>
      </c>
      <c r="BO34" s="258">
        <v>25</v>
      </c>
      <c r="BP34" s="263">
        <v>25</v>
      </c>
      <c r="BQ34" s="257">
        <v>0</v>
      </c>
      <c r="BR34" s="261">
        <v>4</v>
      </c>
      <c r="BS34" s="258">
        <v>4</v>
      </c>
      <c r="BT34" s="260">
        <v>0</v>
      </c>
      <c r="BU34" s="261">
        <v>0</v>
      </c>
      <c r="BV34" s="261">
        <v>3</v>
      </c>
      <c r="BW34" s="261">
        <v>0</v>
      </c>
      <c r="BX34" s="261">
        <v>7</v>
      </c>
      <c r="BY34" s="261">
        <v>2</v>
      </c>
      <c r="BZ34" s="258">
        <v>12</v>
      </c>
      <c r="CA34" s="263">
        <v>16</v>
      </c>
      <c r="CB34" s="257">
        <v>0</v>
      </c>
      <c r="CC34" s="261">
        <v>0</v>
      </c>
      <c r="CD34" s="258">
        <v>0</v>
      </c>
      <c r="CE34" s="260">
        <v>0</v>
      </c>
      <c r="CF34" s="261">
        <v>0</v>
      </c>
      <c r="CG34" s="261">
        <v>0</v>
      </c>
      <c r="CH34" s="261">
        <v>0</v>
      </c>
      <c r="CI34" s="261">
        <v>0</v>
      </c>
      <c r="CJ34" s="261">
        <v>21</v>
      </c>
      <c r="CK34" s="258">
        <v>21</v>
      </c>
      <c r="CL34" s="263">
        <v>21</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68" t="s">
        <v>33</v>
      </c>
      <c r="C35" s="257">
        <v>0</v>
      </c>
      <c r="D35" s="258">
        <v>0</v>
      </c>
      <c r="E35" s="259">
        <v>0</v>
      </c>
      <c r="F35" s="260">
        <v>0</v>
      </c>
      <c r="G35" s="261">
        <v>28</v>
      </c>
      <c r="H35" s="261">
        <v>0</v>
      </c>
      <c r="I35" s="261">
        <v>0</v>
      </c>
      <c r="J35" s="261">
        <v>0</v>
      </c>
      <c r="K35" s="261">
        <v>94</v>
      </c>
      <c r="L35" s="262">
        <v>122</v>
      </c>
      <c r="M35" s="263">
        <v>12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4</v>
      </c>
      <c r="AE35" s="261">
        <v>0</v>
      </c>
      <c r="AF35" s="261">
        <v>0</v>
      </c>
      <c r="AG35" s="261">
        <v>3</v>
      </c>
      <c r="AH35" s="258">
        <v>7</v>
      </c>
      <c r="AI35" s="263">
        <v>7</v>
      </c>
      <c r="AJ35" s="257">
        <v>0</v>
      </c>
      <c r="AK35" s="261">
        <v>15</v>
      </c>
      <c r="AL35" s="258">
        <v>15</v>
      </c>
      <c r="AM35" s="260">
        <v>0</v>
      </c>
      <c r="AN35" s="261">
        <v>21</v>
      </c>
      <c r="AO35" s="261">
        <v>21</v>
      </c>
      <c r="AP35" s="261">
        <v>12</v>
      </c>
      <c r="AQ35" s="261">
        <v>21</v>
      </c>
      <c r="AR35" s="261">
        <v>0</v>
      </c>
      <c r="AS35" s="258">
        <v>75</v>
      </c>
      <c r="AT35" s="263">
        <v>90</v>
      </c>
      <c r="AU35" s="257">
        <v>0</v>
      </c>
      <c r="AV35" s="261">
        <v>0</v>
      </c>
      <c r="AW35" s="258">
        <v>0</v>
      </c>
      <c r="AX35" s="260">
        <v>0</v>
      </c>
      <c r="AY35" s="261">
        <v>13</v>
      </c>
      <c r="AZ35" s="261">
        <v>0</v>
      </c>
      <c r="BA35" s="261">
        <v>0</v>
      </c>
      <c r="BB35" s="261">
        <v>0</v>
      </c>
      <c r="BC35" s="261">
        <v>11</v>
      </c>
      <c r="BD35" s="262">
        <v>24</v>
      </c>
      <c r="BE35" s="263">
        <v>24</v>
      </c>
      <c r="BF35" s="257">
        <v>0</v>
      </c>
      <c r="BG35" s="261">
        <v>0</v>
      </c>
      <c r="BH35" s="258">
        <v>0</v>
      </c>
      <c r="BI35" s="260">
        <v>0</v>
      </c>
      <c r="BJ35" s="261">
        <v>8</v>
      </c>
      <c r="BK35" s="261">
        <v>0</v>
      </c>
      <c r="BL35" s="261">
        <v>2</v>
      </c>
      <c r="BM35" s="261">
        <v>0</v>
      </c>
      <c r="BN35" s="261">
        <v>0</v>
      </c>
      <c r="BO35" s="258">
        <v>10</v>
      </c>
      <c r="BP35" s="263">
        <v>10</v>
      </c>
      <c r="BQ35" s="257">
        <v>0</v>
      </c>
      <c r="BR35" s="261">
        <v>0</v>
      </c>
      <c r="BS35" s="258">
        <v>0</v>
      </c>
      <c r="BT35" s="260">
        <v>0</v>
      </c>
      <c r="BU35" s="261">
        <v>0</v>
      </c>
      <c r="BV35" s="261">
        <v>0</v>
      </c>
      <c r="BW35" s="261">
        <v>3</v>
      </c>
      <c r="BX35" s="261">
        <v>2</v>
      </c>
      <c r="BY35" s="261">
        <v>0</v>
      </c>
      <c r="BZ35" s="258">
        <v>5</v>
      </c>
      <c r="CA35" s="263">
        <v>5</v>
      </c>
      <c r="CB35" s="257">
        <v>0</v>
      </c>
      <c r="CC35" s="261">
        <v>0</v>
      </c>
      <c r="CD35" s="258">
        <v>0</v>
      </c>
      <c r="CE35" s="260">
        <v>0</v>
      </c>
      <c r="CF35" s="261">
        <v>11</v>
      </c>
      <c r="CG35" s="261">
        <v>0</v>
      </c>
      <c r="CH35" s="261">
        <v>0</v>
      </c>
      <c r="CI35" s="261">
        <v>0</v>
      </c>
      <c r="CJ35" s="261">
        <v>0</v>
      </c>
      <c r="CK35" s="258">
        <v>11</v>
      </c>
      <c r="CL35" s="263">
        <v>11</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68" t="s">
        <v>34</v>
      </c>
      <c r="C36" s="257">
        <v>0</v>
      </c>
      <c r="D36" s="258">
        <v>0</v>
      </c>
      <c r="E36" s="259">
        <v>0</v>
      </c>
      <c r="F36" s="260">
        <v>0</v>
      </c>
      <c r="G36" s="261">
        <v>13</v>
      </c>
      <c r="H36" s="261">
        <v>0</v>
      </c>
      <c r="I36" s="261">
        <v>0</v>
      </c>
      <c r="J36" s="261">
        <v>0</v>
      </c>
      <c r="K36" s="261">
        <v>0</v>
      </c>
      <c r="L36" s="262">
        <v>13</v>
      </c>
      <c r="M36" s="263">
        <v>13</v>
      </c>
      <c r="N36" s="257">
        <v>0</v>
      </c>
      <c r="O36" s="261">
        <v>0</v>
      </c>
      <c r="P36" s="258">
        <v>0</v>
      </c>
      <c r="Q36" s="260">
        <v>0</v>
      </c>
      <c r="R36" s="261">
        <v>0</v>
      </c>
      <c r="S36" s="261">
        <v>0</v>
      </c>
      <c r="T36" s="261">
        <v>3</v>
      </c>
      <c r="U36" s="261">
        <v>0</v>
      </c>
      <c r="V36" s="261">
        <v>0</v>
      </c>
      <c r="W36" s="258">
        <v>3</v>
      </c>
      <c r="X36" s="263">
        <v>3</v>
      </c>
      <c r="Y36" s="257">
        <v>0</v>
      </c>
      <c r="Z36" s="261">
        <v>19</v>
      </c>
      <c r="AA36" s="258">
        <v>19</v>
      </c>
      <c r="AB36" s="260">
        <v>0</v>
      </c>
      <c r="AC36" s="261">
        <v>0</v>
      </c>
      <c r="AD36" s="261">
        <v>0</v>
      </c>
      <c r="AE36" s="261">
        <v>0</v>
      </c>
      <c r="AF36" s="261">
        <v>0</v>
      </c>
      <c r="AG36" s="261">
        <v>0</v>
      </c>
      <c r="AH36" s="258">
        <v>0</v>
      </c>
      <c r="AI36" s="263">
        <v>19</v>
      </c>
      <c r="AJ36" s="257">
        <v>0</v>
      </c>
      <c r="AK36" s="261">
        <v>0</v>
      </c>
      <c r="AL36" s="258">
        <v>0</v>
      </c>
      <c r="AM36" s="260">
        <v>0</v>
      </c>
      <c r="AN36" s="261">
        <v>0</v>
      </c>
      <c r="AO36" s="261">
        <v>18</v>
      </c>
      <c r="AP36" s="261">
        <v>0</v>
      </c>
      <c r="AQ36" s="261">
        <v>0</v>
      </c>
      <c r="AR36" s="261">
        <v>0</v>
      </c>
      <c r="AS36" s="258">
        <v>18</v>
      </c>
      <c r="AT36" s="263">
        <v>18</v>
      </c>
      <c r="AU36" s="257">
        <v>0</v>
      </c>
      <c r="AV36" s="261">
        <v>0</v>
      </c>
      <c r="AW36" s="258">
        <v>0</v>
      </c>
      <c r="AX36" s="260">
        <v>0</v>
      </c>
      <c r="AY36" s="261">
        <v>0</v>
      </c>
      <c r="AZ36" s="261">
        <v>17</v>
      </c>
      <c r="BA36" s="261">
        <v>25</v>
      </c>
      <c r="BB36" s="261">
        <v>0</v>
      </c>
      <c r="BC36" s="261">
        <v>0</v>
      </c>
      <c r="BD36" s="262">
        <v>42</v>
      </c>
      <c r="BE36" s="263">
        <v>42</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68" t="s">
        <v>35</v>
      </c>
      <c r="C37" s="257">
        <v>0</v>
      </c>
      <c r="D37" s="258">
        <v>0</v>
      </c>
      <c r="E37" s="259">
        <v>0</v>
      </c>
      <c r="F37" s="260">
        <v>0</v>
      </c>
      <c r="G37" s="261">
        <v>67</v>
      </c>
      <c r="H37" s="261">
        <v>30</v>
      </c>
      <c r="I37" s="261">
        <v>11</v>
      </c>
      <c r="J37" s="261">
        <v>14</v>
      </c>
      <c r="K37" s="261">
        <v>0</v>
      </c>
      <c r="L37" s="262">
        <v>122</v>
      </c>
      <c r="M37" s="263">
        <v>122</v>
      </c>
      <c r="N37" s="257">
        <v>0</v>
      </c>
      <c r="O37" s="261">
        <v>0</v>
      </c>
      <c r="P37" s="258">
        <v>0</v>
      </c>
      <c r="Q37" s="260">
        <v>0</v>
      </c>
      <c r="R37" s="261">
        <v>0</v>
      </c>
      <c r="S37" s="261">
        <v>0</v>
      </c>
      <c r="T37" s="261">
        <v>0</v>
      </c>
      <c r="U37" s="261">
        <v>0</v>
      </c>
      <c r="V37" s="261">
        <v>0</v>
      </c>
      <c r="W37" s="258">
        <v>0</v>
      </c>
      <c r="X37" s="263">
        <v>0</v>
      </c>
      <c r="Y37" s="257">
        <v>0</v>
      </c>
      <c r="Z37" s="261">
        <v>7</v>
      </c>
      <c r="AA37" s="258">
        <v>7</v>
      </c>
      <c r="AB37" s="260">
        <v>0</v>
      </c>
      <c r="AC37" s="261">
        <v>12</v>
      </c>
      <c r="AD37" s="261">
        <v>29</v>
      </c>
      <c r="AE37" s="261">
        <v>9</v>
      </c>
      <c r="AF37" s="261">
        <v>37</v>
      </c>
      <c r="AG37" s="261">
        <v>2</v>
      </c>
      <c r="AH37" s="258">
        <v>89</v>
      </c>
      <c r="AI37" s="263">
        <v>96</v>
      </c>
      <c r="AJ37" s="257">
        <v>4</v>
      </c>
      <c r="AK37" s="261">
        <v>15</v>
      </c>
      <c r="AL37" s="258">
        <v>19</v>
      </c>
      <c r="AM37" s="260">
        <v>0</v>
      </c>
      <c r="AN37" s="261">
        <v>129</v>
      </c>
      <c r="AO37" s="261">
        <v>0</v>
      </c>
      <c r="AP37" s="261">
        <v>0</v>
      </c>
      <c r="AQ37" s="261">
        <v>27</v>
      </c>
      <c r="AR37" s="261">
        <v>0</v>
      </c>
      <c r="AS37" s="258">
        <v>156</v>
      </c>
      <c r="AT37" s="263">
        <v>175</v>
      </c>
      <c r="AU37" s="257">
        <v>0</v>
      </c>
      <c r="AV37" s="261">
        <v>0</v>
      </c>
      <c r="AW37" s="258">
        <v>0</v>
      </c>
      <c r="AX37" s="260">
        <v>0</v>
      </c>
      <c r="AY37" s="261">
        <v>19</v>
      </c>
      <c r="AZ37" s="261">
        <v>17</v>
      </c>
      <c r="BA37" s="261">
        <v>3</v>
      </c>
      <c r="BB37" s="261">
        <v>6</v>
      </c>
      <c r="BC37" s="261">
        <v>8</v>
      </c>
      <c r="BD37" s="262">
        <v>53</v>
      </c>
      <c r="BE37" s="263">
        <v>53</v>
      </c>
      <c r="BF37" s="257">
        <v>0</v>
      </c>
      <c r="BG37" s="261">
        <v>0</v>
      </c>
      <c r="BH37" s="258">
        <v>0</v>
      </c>
      <c r="BI37" s="260">
        <v>0</v>
      </c>
      <c r="BJ37" s="261">
        <v>19</v>
      </c>
      <c r="BK37" s="261">
        <v>10</v>
      </c>
      <c r="BL37" s="261">
        <v>0</v>
      </c>
      <c r="BM37" s="261">
        <v>9</v>
      </c>
      <c r="BN37" s="261">
        <v>0</v>
      </c>
      <c r="BO37" s="258">
        <v>38</v>
      </c>
      <c r="BP37" s="263">
        <v>38</v>
      </c>
      <c r="BQ37" s="257">
        <v>0</v>
      </c>
      <c r="BR37" s="261">
        <v>0</v>
      </c>
      <c r="BS37" s="258">
        <v>0</v>
      </c>
      <c r="BT37" s="260">
        <v>0</v>
      </c>
      <c r="BU37" s="261">
        <v>0</v>
      </c>
      <c r="BV37" s="261">
        <v>0</v>
      </c>
      <c r="BW37" s="261">
        <v>0</v>
      </c>
      <c r="BX37" s="261">
        <v>0</v>
      </c>
      <c r="BY37" s="261">
        <v>10</v>
      </c>
      <c r="BZ37" s="258">
        <v>10</v>
      </c>
      <c r="CA37" s="263">
        <v>10</v>
      </c>
      <c r="CB37" s="257">
        <v>0</v>
      </c>
      <c r="CC37" s="261">
        <v>0</v>
      </c>
      <c r="CD37" s="258">
        <v>0</v>
      </c>
      <c r="CE37" s="260">
        <v>0</v>
      </c>
      <c r="CF37" s="261">
        <v>0</v>
      </c>
      <c r="CG37" s="261">
        <v>0</v>
      </c>
      <c r="CH37" s="261">
        <v>0</v>
      </c>
      <c r="CI37" s="261">
        <v>3</v>
      </c>
      <c r="CJ37" s="261">
        <v>0</v>
      </c>
      <c r="CK37" s="258">
        <v>3</v>
      </c>
      <c r="CL37" s="263">
        <v>3</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68" t="s">
        <v>36</v>
      </c>
      <c r="C38" s="257">
        <v>0</v>
      </c>
      <c r="D38" s="258">
        <v>0</v>
      </c>
      <c r="E38" s="259">
        <v>0</v>
      </c>
      <c r="F38" s="260">
        <v>0</v>
      </c>
      <c r="G38" s="261">
        <v>13</v>
      </c>
      <c r="H38" s="261">
        <v>9</v>
      </c>
      <c r="I38" s="261">
        <v>0</v>
      </c>
      <c r="J38" s="261">
        <v>90</v>
      </c>
      <c r="K38" s="261">
        <v>120</v>
      </c>
      <c r="L38" s="262">
        <v>232</v>
      </c>
      <c r="M38" s="263">
        <v>232</v>
      </c>
      <c r="N38" s="257">
        <v>0</v>
      </c>
      <c r="O38" s="261">
        <v>0</v>
      </c>
      <c r="P38" s="258">
        <v>0</v>
      </c>
      <c r="Q38" s="260">
        <v>0</v>
      </c>
      <c r="R38" s="261">
        <v>0</v>
      </c>
      <c r="S38" s="261">
        <v>0</v>
      </c>
      <c r="T38" s="261">
        <v>0</v>
      </c>
      <c r="U38" s="261">
        <v>0</v>
      </c>
      <c r="V38" s="261">
        <v>0</v>
      </c>
      <c r="W38" s="258">
        <v>0</v>
      </c>
      <c r="X38" s="263">
        <v>0</v>
      </c>
      <c r="Y38" s="257">
        <v>4</v>
      </c>
      <c r="Z38" s="261">
        <v>10</v>
      </c>
      <c r="AA38" s="258">
        <v>14</v>
      </c>
      <c r="AB38" s="260">
        <v>0</v>
      </c>
      <c r="AC38" s="261">
        <v>9</v>
      </c>
      <c r="AD38" s="261">
        <v>4</v>
      </c>
      <c r="AE38" s="261">
        <v>0</v>
      </c>
      <c r="AF38" s="261">
        <v>1</v>
      </c>
      <c r="AG38" s="261">
        <v>10</v>
      </c>
      <c r="AH38" s="258">
        <v>24</v>
      </c>
      <c r="AI38" s="263">
        <v>38</v>
      </c>
      <c r="AJ38" s="257">
        <v>0</v>
      </c>
      <c r="AK38" s="261">
        <v>0</v>
      </c>
      <c r="AL38" s="258">
        <v>0</v>
      </c>
      <c r="AM38" s="260">
        <v>0</v>
      </c>
      <c r="AN38" s="261">
        <v>14</v>
      </c>
      <c r="AO38" s="261">
        <v>0</v>
      </c>
      <c r="AP38" s="261">
        <v>0</v>
      </c>
      <c r="AQ38" s="261">
        <v>0</v>
      </c>
      <c r="AR38" s="261">
        <v>0</v>
      </c>
      <c r="AS38" s="258">
        <v>14</v>
      </c>
      <c r="AT38" s="263">
        <v>14</v>
      </c>
      <c r="AU38" s="257">
        <v>0</v>
      </c>
      <c r="AV38" s="261">
        <v>0</v>
      </c>
      <c r="AW38" s="258">
        <v>0</v>
      </c>
      <c r="AX38" s="260">
        <v>0</v>
      </c>
      <c r="AY38" s="261">
        <v>4</v>
      </c>
      <c r="AZ38" s="261">
        <v>36</v>
      </c>
      <c r="BA38" s="261">
        <v>0</v>
      </c>
      <c r="BB38" s="261">
        <v>11</v>
      </c>
      <c r="BC38" s="261">
        <v>0</v>
      </c>
      <c r="BD38" s="262">
        <v>51</v>
      </c>
      <c r="BE38" s="263">
        <v>51</v>
      </c>
      <c r="BF38" s="257">
        <v>0</v>
      </c>
      <c r="BG38" s="261">
        <v>0</v>
      </c>
      <c r="BH38" s="258">
        <v>0</v>
      </c>
      <c r="BI38" s="260">
        <v>0</v>
      </c>
      <c r="BJ38" s="261">
        <v>3</v>
      </c>
      <c r="BK38" s="261">
        <v>0</v>
      </c>
      <c r="BL38" s="261">
        <v>0</v>
      </c>
      <c r="BM38" s="261">
        <v>0</v>
      </c>
      <c r="BN38" s="261">
        <v>0</v>
      </c>
      <c r="BO38" s="258">
        <v>3</v>
      </c>
      <c r="BP38" s="263">
        <v>3</v>
      </c>
      <c r="BQ38" s="257">
        <v>0</v>
      </c>
      <c r="BR38" s="261">
        <v>0</v>
      </c>
      <c r="BS38" s="258">
        <v>0</v>
      </c>
      <c r="BT38" s="260">
        <v>0</v>
      </c>
      <c r="BU38" s="261">
        <v>0</v>
      </c>
      <c r="BV38" s="261">
        <v>23</v>
      </c>
      <c r="BW38" s="261">
        <v>0</v>
      </c>
      <c r="BX38" s="261">
        <v>0</v>
      </c>
      <c r="BY38" s="261">
        <v>0</v>
      </c>
      <c r="BZ38" s="258">
        <v>23</v>
      </c>
      <c r="CA38" s="263">
        <v>23</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69" t="s">
        <v>37</v>
      </c>
      <c r="C39" s="264">
        <v>0</v>
      </c>
      <c r="D39" s="265">
        <v>0</v>
      </c>
      <c r="E39" s="266">
        <v>0</v>
      </c>
      <c r="F39" s="267">
        <v>0</v>
      </c>
      <c r="G39" s="268">
        <v>0</v>
      </c>
      <c r="H39" s="268">
        <v>0</v>
      </c>
      <c r="I39" s="268">
        <v>0</v>
      </c>
      <c r="J39" s="268">
        <v>0</v>
      </c>
      <c r="K39" s="268">
        <v>22</v>
      </c>
      <c r="L39" s="269">
        <v>22</v>
      </c>
      <c r="M39" s="270">
        <v>22</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27</v>
      </c>
      <c r="AG39" s="268">
        <v>4</v>
      </c>
      <c r="AH39" s="265">
        <v>31</v>
      </c>
      <c r="AI39" s="270">
        <v>3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3</v>
      </c>
      <c r="BC39" s="268">
        <v>0</v>
      </c>
      <c r="BD39" s="269">
        <v>3</v>
      </c>
      <c r="BE39" s="270">
        <v>3</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4</v>
      </c>
      <c r="CK39" s="265">
        <v>4</v>
      </c>
      <c r="CL39" s="270">
        <v>4</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7</v>
      </c>
      <c r="F1" s="17"/>
      <c r="H1" s="539">
        <f>第１表!F2</f>
        <v>6</v>
      </c>
      <c r="I1" s="539"/>
      <c r="J1" s="235">
        <f>第１表!G2</f>
        <v>1</v>
      </c>
      <c r="K1" s="569">
        <f>IF(J1&lt;3,J1-2+12,J1-2)</f>
        <v>11</v>
      </c>
      <c r="L1" s="569"/>
    </row>
    <row r="2" spans="2:35" ht="24" customHeight="1" thickBot="1" x14ac:dyDescent="0.25">
      <c r="J2" s="5"/>
      <c r="K2" s="5"/>
      <c r="L2" s="5"/>
      <c r="M2" s="5"/>
      <c r="N2" s="5"/>
      <c r="O2" s="5"/>
      <c r="P2" s="25"/>
      <c r="Q2" s="25"/>
      <c r="R2" s="25"/>
    </row>
    <row r="3" spans="2:35" ht="21" customHeight="1" thickBot="1" x14ac:dyDescent="0.25">
      <c r="B3" s="21"/>
      <c r="C3" s="570" t="s">
        <v>53</v>
      </c>
      <c r="D3" s="571"/>
      <c r="E3" s="571"/>
      <c r="F3" s="571"/>
      <c r="G3" s="571"/>
      <c r="H3" s="571"/>
      <c r="I3" s="571"/>
      <c r="J3" s="571"/>
      <c r="K3" s="571"/>
      <c r="L3" s="571"/>
      <c r="M3" s="572"/>
      <c r="N3" s="570" t="s">
        <v>54</v>
      </c>
      <c r="O3" s="571"/>
      <c r="P3" s="571"/>
      <c r="Q3" s="571"/>
      <c r="R3" s="571"/>
      <c r="S3" s="571"/>
      <c r="T3" s="571"/>
      <c r="U3" s="571"/>
      <c r="V3" s="571"/>
      <c r="W3" s="571"/>
      <c r="X3" s="572"/>
      <c r="Y3" s="570" t="s">
        <v>55</v>
      </c>
      <c r="Z3" s="571"/>
      <c r="AA3" s="571"/>
      <c r="AB3" s="571"/>
      <c r="AC3" s="571"/>
      <c r="AD3" s="571"/>
      <c r="AE3" s="571"/>
      <c r="AF3" s="571"/>
      <c r="AG3" s="571"/>
      <c r="AH3" s="571"/>
      <c r="AI3" s="572"/>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66" t="s">
        <v>4</v>
      </c>
      <c r="C5" s="81">
        <v>180</v>
      </c>
      <c r="D5" s="82">
        <v>321</v>
      </c>
      <c r="E5" s="83">
        <v>501</v>
      </c>
      <c r="F5" s="84">
        <v>0</v>
      </c>
      <c r="G5" s="82">
        <v>19051</v>
      </c>
      <c r="H5" s="82">
        <v>19550</v>
      </c>
      <c r="I5" s="82">
        <v>13064</v>
      </c>
      <c r="J5" s="82">
        <v>8225</v>
      </c>
      <c r="K5" s="82">
        <v>5190</v>
      </c>
      <c r="L5" s="83">
        <v>65080</v>
      </c>
      <c r="M5" s="85">
        <v>65581</v>
      </c>
      <c r="N5" s="86">
        <v>0</v>
      </c>
      <c r="O5" s="82">
        <v>3</v>
      </c>
      <c r="P5" s="83">
        <v>3</v>
      </c>
      <c r="Q5" s="84">
        <v>0</v>
      </c>
      <c r="R5" s="82">
        <v>213</v>
      </c>
      <c r="S5" s="82">
        <v>366</v>
      </c>
      <c r="T5" s="82">
        <v>240</v>
      </c>
      <c r="U5" s="82">
        <v>164</v>
      </c>
      <c r="V5" s="82">
        <v>163</v>
      </c>
      <c r="W5" s="83">
        <v>1146</v>
      </c>
      <c r="X5" s="85">
        <v>1149</v>
      </c>
      <c r="Y5" s="86">
        <v>180</v>
      </c>
      <c r="Z5" s="82">
        <v>324</v>
      </c>
      <c r="AA5" s="83">
        <v>504</v>
      </c>
      <c r="AB5" s="84">
        <v>0</v>
      </c>
      <c r="AC5" s="82">
        <v>19264</v>
      </c>
      <c r="AD5" s="82">
        <v>19916</v>
      </c>
      <c r="AE5" s="82">
        <v>13304</v>
      </c>
      <c r="AF5" s="82">
        <v>8389</v>
      </c>
      <c r="AG5" s="82">
        <v>5353</v>
      </c>
      <c r="AH5" s="83">
        <v>66226</v>
      </c>
      <c r="AI5" s="85">
        <v>66730</v>
      </c>
    </row>
    <row r="6" spans="2:35" ht="21" customHeight="1" x14ac:dyDescent="0.2">
      <c r="B6" s="467" t="s">
        <v>5</v>
      </c>
      <c r="C6" s="87">
        <v>77</v>
      </c>
      <c r="D6" s="88">
        <v>123</v>
      </c>
      <c r="E6" s="89">
        <v>200</v>
      </c>
      <c r="F6" s="90">
        <v>0</v>
      </c>
      <c r="G6" s="88">
        <v>7209</v>
      </c>
      <c r="H6" s="88">
        <v>9262</v>
      </c>
      <c r="I6" s="88">
        <v>5841</v>
      </c>
      <c r="J6" s="88">
        <v>3678</v>
      </c>
      <c r="K6" s="88">
        <v>2410</v>
      </c>
      <c r="L6" s="89">
        <v>28400</v>
      </c>
      <c r="M6" s="91">
        <v>28600</v>
      </c>
      <c r="N6" s="92">
        <v>0</v>
      </c>
      <c r="O6" s="88">
        <v>0</v>
      </c>
      <c r="P6" s="89">
        <v>0</v>
      </c>
      <c r="Q6" s="90">
        <v>0</v>
      </c>
      <c r="R6" s="88">
        <v>72</v>
      </c>
      <c r="S6" s="88">
        <v>182</v>
      </c>
      <c r="T6" s="88">
        <v>125</v>
      </c>
      <c r="U6" s="88">
        <v>85</v>
      </c>
      <c r="V6" s="88">
        <v>78</v>
      </c>
      <c r="W6" s="89">
        <v>542</v>
      </c>
      <c r="X6" s="91">
        <v>542</v>
      </c>
      <c r="Y6" s="92">
        <v>77</v>
      </c>
      <c r="Z6" s="88">
        <v>123</v>
      </c>
      <c r="AA6" s="89">
        <v>200</v>
      </c>
      <c r="AB6" s="90">
        <v>0</v>
      </c>
      <c r="AC6" s="88">
        <v>7281</v>
      </c>
      <c r="AD6" s="88">
        <v>9444</v>
      </c>
      <c r="AE6" s="88">
        <v>5966</v>
      </c>
      <c r="AF6" s="88">
        <v>3763</v>
      </c>
      <c r="AG6" s="88">
        <v>2488</v>
      </c>
      <c r="AH6" s="89">
        <v>28942</v>
      </c>
      <c r="AI6" s="91">
        <v>29142</v>
      </c>
    </row>
    <row r="7" spans="2:35" ht="21" customHeight="1" x14ac:dyDescent="0.2">
      <c r="B7" s="468" t="s">
        <v>6</v>
      </c>
      <c r="C7" s="87">
        <v>24</v>
      </c>
      <c r="D7" s="88">
        <v>42</v>
      </c>
      <c r="E7" s="89">
        <v>66</v>
      </c>
      <c r="F7" s="90">
        <v>0</v>
      </c>
      <c r="G7" s="88">
        <v>2910</v>
      </c>
      <c r="H7" s="88">
        <v>2642</v>
      </c>
      <c r="I7" s="88">
        <v>1921</v>
      </c>
      <c r="J7" s="88">
        <v>1351</v>
      </c>
      <c r="K7" s="88">
        <v>923</v>
      </c>
      <c r="L7" s="89">
        <v>9747</v>
      </c>
      <c r="M7" s="91">
        <v>9813</v>
      </c>
      <c r="N7" s="92">
        <v>0</v>
      </c>
      <c r="O7" s="88">
        <v>0</v>
      </c>
      <c r="P7" s="89">
        <v>0</v>
      </c>
      <c r="Q7" s="90">
        <v>0</v>
      </c>
      <c r="R7" s="88">
        <v>27</v>
      </c>
      <c r="S7" s="88">
        <v>32</v>
      </c>
      <c r="T7" s="88">
        <v>24</v>
      </c>
      <c r="U7" s="88">
        <v>23</v>
      </c>
      <c r="V7" s="88">
        <v>31</v>
      </c>
      <c r="W7" s="89">
        <v>137</v>
      </c>
      <c r="X7" s="91">
        <v>137</v>
      </c>
      <c r="Y7" s="92">
        <v>24</v>
      </c>
      <c r="Z7" s="88">
        <v>42</v>
      </c>
      <c r="AA7" s="89">
        <v>66</v>
      </c>
      <c r="AB7" s="90">
        <v>0</v>
      </c>
      <c r="AC7" s="88">
        <v>2937</v>
      </c>
      <c r="AD7" s="88">
        <v>2674</v>
      </c>
      <c r="AE7" s="88">
        <v>1945</v>
      </c>
      <c r="AF7" s="88">
        <v>1374</v>
      </c>
      <c r="AG7" s="88">
        <v>954</v>
      </c>
      <c r="AH7" s="89">
        <v>9884</v>
      </c>
      <c r="AI7" s="91">
        <v>9950</v>
      </c>
    </row>
    <row r="8" spans="2:35" ht="21" customHeight="1" x14ac:dyDescent="0.2">
      <c r="B8" s="468" t="s">
        <v>14</v>
      </c>
      <c r="C8" s="87">
        <v>18</v>
      </c>
      <c r="D8" s="88">
        <v>32</v>
      </c>
      <c r="E8" s="89">
        <v>50</v>
      </c>
      <c r="F8" s="90">
        <v>0</v>
      </c>
      <c r="G8" s="88">
        <v>1464</v>
      </c>
      <c r="H8" s="88">
        <v>1666</v>
      </c>
      <c r="I8" s="88">
        <v>1125</v>
      </c>
      <c r="J8" s="88">
        <v>649</v>
      </c>
      <c r="K8" s="88">
        <v>369</v>
      </c>
      <c r="L8" s="89">
        <v>5273</v>
      </c>
      <c r="M8" s="91">
        <v>5323</v>
      </c>
      <c r="N8" s="92">
        <v>0</v>
      </c>
      <c r="O8" s="88">
        <v>0</v>
      </c>
      <c r="P8" s="89">
        <v>0</v>
      </c>
      <c r="Q8" s="90">
        <v>0</v>
      </c>
      <c r="R8" s="88">
        <v>13</v>
      </c>
      <c r="S8" s="88">
        <v>33</v>
      </c>
      <c r="T8" s="88">
        <v>22</v>
      </c>
      <c r="U8" s="88">
        <v>10</v>
      </c>
      <c r="V8" s="88">
        <v>10</v>
      </c>
      <c r="W8" s="89">
        <v>88</v>
      </c>
      <c r="X8" s="91">
        <v>88</v>
      </c>
      <c r="Y8" s="92">
        <v>18</v>
      </c>
      <c r="Z8" s="88">
        <v>32</v>
      </c>
      <c r="AA8" s="89">
        <v>50</v>
      </c>
      <c r="AB8" s="90">
        <v>0</v>
      </c>
      <c r="AC8" s="88">
        <v>1477</v>
      </c>
      <c r="AD8" s="88">
        <v>1699</v>
      </c>
      <c r="AE8" s="88">
        <v>1147</v>
      </c>
      <c r="AF8" s="88">
        <v>659</v>
      </c>
      <c r="AG8" s="88">
        <v>379</v>
      </c>
      <c r="AH8" s="89">
        <v>5361</v>
      </c>
      <c r="AI8" s="91">
        <v>5411</v>
      </c>
    </row>
    <row r="9" spans="2:35" ht="21" customHeight="1" x14ac:dyDescent="0.2">
      <c r="B9" s="468" t="s">
        <v>7</v>
      </c>
      <c r="C9" s="87">
        <v>2</v>
      </c>
      <c r="D9" s="88">
        <v>4</v>
      </c>
      <c r="E9" s="89">
        <v>6</v>
      </c>
      <c r="F9" s="90">
        <v>0</v>
      </c>
      <c r="G9" s="88">
        <v>1421</v>
      </c>
      <c r="H9" s="88">
        <v>954</v>
      </c>
      <c r="I9" s="88">
        <v>548</v>
      </c>
      <c r="J9" s="88">
        <v>318</v>
      </c>
      <c r="K9" s="88">
        <v>166</v>
      </c>
      <c r="L9" s="89">
        <v>3407</v>
      </c>
      <c r="M9" s="91">
        <v>3413</v>
      </c>
      <c r="N9" s="92">
        <v>0</v>
      </c>
      <c r="O9" s="88">
        <v>0</v>
      </c>
      <c r="P9" s="89">
        <v>0</v>
      </c>
      <c r="Q9" s="90">
        <v>0</v>
      </c>
      <c r="R9" s="88">
        <v>18</v>
      </c>
      <c r="S9" s="88">
        <v>20</v>
      </c>
      <c r="T9" s="88">
        <v>12</v>
      </c>
      <c r="U9" s="88">
        <v>6</v>
      </c>
      <c r="V9" s="88">
        <v>6</v>
      </c>
      <c r="W9" s="89">
        <v>62</v>
      </c>
      <c r="X9" s="91">
        <v>62</v>
      </c>
      <c r="Y9" s="92">
        <v>2</v>
      </c>
      <c r="Z9" s="88">
        <v>4</v>
      </c>
      <c r="AA9" s="89">
        <v>6</v>
      </c>
      <c r="AB9" s="90">
        <v>0</v>
      </c>
      <c r="AC9" s="88">
        <v>1439</v>
      </c>
      <c r="AD9" s="88">
        <v>974</v>
      </c>
      <c r="AE9" s="88">
        <v>560</v>
      </c>
      <c r="AF9" s="88">
        <v>324</v>
      </c>
      <c r="AG9" s="88">
        <v>172</v>
      </c>
      <c r="AH9" s="89">
        <v>3469</v>
      </c>
      <c r="AI9" s="91">
        <v>3475</v>
      </c>
    </row>
    <row r="10" spans="2:35" ht="21" customHeight="1" x14ac:dyDescent="0.2">
      <c r="B10" s="468" t="s">
        <v>8</v>
      </c>
      <c r="C10" s="87">
        <v>10</v>
      </c>
      <c r="D10" s="88">
        <v>14</v>
      </c>
      <c r="E10" s="89">
        <v>24</v>
      </c>
      <c r="F10" s="90">
        <v>0</v>
      </c>
      <c r="G10" s="88">
        <v>766</v>
      </c>
      <c r="H10" s="88">
        <v>658</v>
      </c>
      <c r="I10" s="88">
        <v>396</v>
      </c>
      <c r="J10" s="88">
        <v>253</v>
      </c>
      <c r="K10" s="88">
        <v>129</v>
      </c>
      <c r="L10" s="89">
        <v>2202</v>
      </c>
      <c r="M10" s="91">
        <v>2226</v>
      </c>
      <c r="N10" s="92">
        <v>0</v>
      </c>
      <c r="O10" s="88">
        <v>0</v>
      </c>
      <c r="P10" s="89">
        <v>0</v>
      </c>
      <c r="Q10" s="90">
        <v>0</v>
      </c>
      <c r="R10" s="88">
        <v>15</v>
      </c>
      <c r="S10" s="88">
        <v>26</v>
      </c>
      <c r="T10" s="88">
        <v>7</v>
      </c>
      <c r="U10" s="88">
        <v>6</v>
      </c>
      <c r="V10" s="88">
        <v>3</v>
      </c>
      <c r="W10" s="89">
        <v>57</v>
      </c>
      <c r="X10" s="91">
        <v>57</v>
      </c>
      <c r="Y10" s="92">
        <v>10</v>
      </c>
      <c r="Z10" s="88">
        <v>14</v>
      </c>
      <c r="AA10" s="89">
        <v>24</v>
      </c>
      <c r="AB10" s="90">
        <v>0</v>
      </c>
      <c r="AC10" s="88">
        <v>781</v>
      </c>
      <c r="AD10" s="88">
        <v>684</v>
      </c>
      <c r="AE10" s="88">
        <v>403</v>
      </c>
      <c r="AF10" s="88">
        <v>259</v>
      </c>
      <c r="AG10" s="88">
        <v>132</v>
      </c>
      <c r="AH10" s="89">
        <v>2259</v>
      </c>
      <c r="AI10" s="91">
        <v>2283</v>
      </c>
    </row>
    <row r="11" spans="2:35" ht="21" customHeight="1" x14ac:dyDescent="0.2">
      <c r="B11" s="468" t="s">
        <v>9</v>
      </c>
      <c r="C11" s="87">
        <v>7</v>
      </c>
      <c r="D11" s="88">
        <v>7</v>
      </c>
      <c r="E11" s="89">
        <v>14</v>
      </c>
      <c r="F11" s="90">
        <v>0</v>
      </c>
      <c r="G11" s="88">
        <v>527</v>
      </c>
      <c r="H11" s="88">
        <v>361</v>
      </c>
      <c r="I11" s="88">
        <v>303</v>
      </c>
      <c r="J11" s="88">
        <v>199</v>
      </c>
      <c r="K11" s="88">
        <v>97</v>
      </c>
      <c r="L11" s="89">
        <v>1487</v>
      </c>
      <c r="M11" s="91">
        <v>1501</v>
      </c>
      <c r="N11" s="92">
        <v>0</v>
      </c>
      <c r="O11" s="88">
        <v>0</v>
      </c>
      <c r="P11" s="89">
        <v>0</v>
      </c>
      <c r="Q11" s="90">
        <v>0</v>
      </c>
      <c r="R11" s="88">
        <v>11</v>
      </c>
      <c r="S11" s="88">
        <v>13</v>
      </c>
      <c r="T11" s="88">
        <v>6</v>
      </c>
      <c r="U11" s="88">
        <v>5</v>
      </c>
      <c r="V11" s="88">
        <v>2</v>
      </c>
      <c r="W11" s="89">
        <v>37</v>
      </c>
      <c r="X11" s="91">
        <v>37</v>
      </c>
      <c r="Y11" s="92">
        <v>7</v>
      </c>
      <c r="Z11" s="88">
        <v>7</v>
      </c>
      <c r="AA11" s="89">
        <v>14</v>
      </c>
      <c r="AB11" s="90">
        <v>0</v>
      </c>
      <c r="AC11" s="88">
        <v>538</v>
      </c>
      <c r="AD11" s="88">
        <v>374</v>
      </c>
      <c r="AE11" s="88">
        <v>309</v>
      </c>
      <c r="AF11" s="88">
        <v>204</v>
      </c>
      <c r="AG11" s="88">
        <v>99</v>
      </c>
      <c r="AH11" s="89">
        <v>1524</v>
      </c>
      <c r="AI11" s="91">
        <v>1538</v>
      </c>
    </row>
    <row r="12" spans="2:35" ht="21" customHeight="1" x14ac:dyDescent="0.2">
      <c r="B12" s="468" t="s">
        <v>10</v>
      </c>
      <c r="C12" s="87">
        <v>15</v>
      </c>
      <c r="D12" s="88">
        <v>22</v>
      </c>
      <c r="E12" s="89">
        <v>37</v>
      </c>
      <c r="F12" s="90">
        <v>0</v>
      </c>
      <c r="G12" s="88">
        <v>831</v>
      </c>
      <c r="H12" s="88">
        <v>540</v>
      </c>
      <c r="I12" s="88">
        <v>433</v>
      </c>
      <c r="J12" s="88">
        <v>334</v>
      </c>
      <c r="K12" s="88">
        <v>255</v>
      </c>
      <c r="L12" s="89">
        <v>2393</v>
      </c>
      <c r="M12" s="91">
        <v>2430</v>
      </c>
      <c r="N12" s="92">
        <v>0</v>
      </c>
      <c r="O12" s="88">
        <v>1</v>
      </c>
      <c r="P12" s="89">
        <v>1</v>
      </c>
      <c r="Q12" s="90">
        <v>0</v>
      </c>
      <c r="R12" s="88">
        <v>13</v>
      </c>
      <c r="S12" s="88">
        <v>6</v>
      </c>
      <c r="T12" s="88">
        <v>7</v>
      </c>
      <c r="U12" s="88">
        <v>5</v>
      </c>
      <c r="V12" s="88">
        <v>7</v>
      </c>
      <c r="W12" s="89">
        <v>38</v>
      </c>
      <c r="X12" s="91">
        <v>39</v>
      </c>
      <c r="Y12" s="92">
        <v>15</v>
      </c>
      <c r="Z12" s="88">
        <v>23</v>
      </c>
      <c r="AA12" s="89">
        <v>38</v>
      </c>
      <c r="AB12" s="90">
        <v>0</v>
      </c>
      <c r="AC12" s="88">
        <v>844</v>
      </c>
      <c r="AD12" s="88">
        <v>546</v>
      </c>
      <c r="AE12" s="88">
        <v>440</v>
      </c>
      <c r="AF12" s="88">
        <v>339</v>
      </c>
      <c r="AG12" s="88">
        <v>262</v>
      </c>
      <c r="AH12" s="89">
        <v>2431</v>
      </c>
      <c r="AI12" s="91">
        <v>2469</v>
      </c>
    </row>
    <row r="13" spans="2:35" ht="21" customHeight="1" x14ac:dyDescent="0.2">
      <c r="B13" s="468" t="s">
        <v>11</v>
      </c>
      <c r="C13" s="87">
        <v>1</v>
      </c>
      <c r="D13" s="88">
        <v>7</v>
      </c>
      <c r="E13" s="89">
        <v>8</v>
      </c>
      <c r="F13" s="90">
        <v>0</v>
      </c>
      <c r="G13" s="88">
        <v>640</v>
      </c>
      <c r="H13" s="88">
        <v>398</v>
      </c>
      <c r="I13" s="88">
        <v>291</v>
      </c>
      <c r="J13" s="88">
        <v>165</v>
      </c>
      <c r="K13" s="88">
        <v>71</v>
      </c>
      <c r="L13" s="89">
        <v>1565</v>
      </c>
      <c r="M13" s="91">
        <v>1573</v>
      </c>
      <c r="N13" s="92">
        <v>0</v>
      </c>
      <c r="O13" s="88">
        <v>1</v>
      </c>
      <c r="P13" s="89">
        <v>1</v>
      </c>
      <c r="Q13" s="90">
        <v>0</v>
      </c>
      <c r="R13" s="88">
        <v>10</v>
      </c>
      <c r="S13" s="88">
        <v>5</v>
      </c>
      <c r="T13" s="88">
        <v>4</v>
      </c>
      <c r="U13" s="88">
        <v>4</v>
      </c>
      <c r="V13" s="88">
        <v>2</v>
      </c>
      <c r="W13" s="89">
        <v>25</v>
      </c>
      <c r="X13" s="91">
        <v>26</v>
      </c>
      <c r="Y13" s="92">
        <v>1</v>
      </c>
      <c r="Z13" s="88">
        <v>8</v>
      </c>
      <c r="AA13" s="89">
        <v>9</v>
      </c>
      <c r="AB13" s="90">
        <v>0</v>
      </c>
      <c r="AC13" s="88">
        <v>650</v>
      </c>
      <c r="AD13" s="88">
        <v>403</v>
      </c>
      <c r="AE13" s="88">
        <v>295</v>
      </c>
      <c r="AF13" s="88">
        <v>169</v>
      </c>
      <c r="AG13" s="88">
        <v>73</v>
      </c>
      <c r="AH13" s="89">
        <v>1590</v>
      </c>
      <c r="AI13" s="91">
        <v>1599</v>
      </c>
    </row>
    <row r="14" spans="2:35" ht="21" customHeight="1" x14ac:dyDescent="0.2">
      <c r="B14" s="468" t="s">
        <v>12</v>
      </c>
      <c r="C14" s="87">
        <v>0</v>
      </c>
      <c r="D14" s="88">
        <v>0</v>
      </c>
      <c r="E14" s="89">
        <v>0</v>
      </c>
      <c r="F14" s="90">
        <v>0</v>
      </c>
      <c r="G14" s="88">
        <v>452</v>
      </c>
      <c r="H14" s="88">
        <v>366</v>
      </c>
      <c r="I14" s="88">
        <v>277</v>
      </c>
      <c r="J14" s="88">
        <v>169</v>
      </c>
      <c r="K14" s="88">
        <v>125</v>
      </c>
      <c r="L14" s="89">
        <v>1389</v>
      </c>
      <c r="M14" s="91">
        <v>1389</v>
      </c>
      <c r="N14" s="92">
        <v>0</v>
      </c>
      <c r="O14" s="88">
        <v>0</v>
      </c>
      <c r="P14" s="89">
        <v>0</v>
      </c>
      <c r="Q14" s="90">
        <v>0</v>
      </c>
      <c r="R14" s="88">
        <v>4</v>
      </c>
      <c r="S14" s="88">
        <v>5</v>
      </c>
      <c r="T14" s="88">
        <v>2</v>
      </c>
      <c r="U14" s="88">
        <v>0</v>
      </c>
      <c r="V14" s="88">
        <v>2</v>
      </c>
      <c r="W14" s="89">
        <v>13</v>
      </c>
      <c r="X14" s="91">
        <v>13</v>
      </c>
      <c r="Y14" s="92">
        <v>0</v>
      </c>
      <c r="Z14" s="88">
        <v>0</v>
      </c>
      <c r="AA14" s="89">
        <v>0</v>
      </c>
      <c r="AB14" s="90">
        <v>0</v>
      </c>
      <c r="AC14" s="88">
        <v>456</v>
      </c>
      <c r="AD14" s="88">
        <v>371</v>
      </c>
      <c r="AE14" s="88">
        <v>279</v>
      </c>
      <c r="AF14" s="88">
        <v>169</v>
      </c>
      <c r="AG14" s="88">
        <v>127</v>
      </c>
      <c r="AH14" s="89">
        <v>1402</v>
      </c>
      <c r="AI14" s="91">
        <v>1402</v>
      </c>
    </row>
    <row r="15" spans="2:35" ht="21" customHeight="1" x14ac:dyDescent="0.2">
      <c r="B15" s="468" t="s">
        <v>13</v>
      </c>
      <c r="C15" s="87">
        <v>3</v>
      </c>
      <c r="D15" s="88">
        <v>4</v>
      </c>
      <c r="E15" s="89">
        <v>7</v>
      </c>
      <c r="F15" s="90">
        <v>0</v>
      </c>
      <c r="G15" s="88">
        <v>174</v>
      </c>
      <c r="H15" s="88">
        <v>182</v>
      </c>
      <c r="I15" s="88">
        <v>104</v>
      </c>
      <c r="J15" s="88">
        <v>62</v>
      </c>
      <c r="K15" s="88">
        <v>30</v>
      </c>
      <c r="L15" s="89">
        <v>552</v>
      </c>
      <c r="M15" s="91">
        <v>559</v>
      </c>
      <c r="N15" s="92">
        <v>0</v>
      </c>
      <c r="O15" s="88">
        <v>0</v>
      </c>
      <c r="P15" s="89">
        <v>0</v>
      </c>
      <c r="Q15" s="90">
        <v>0</v>
      </c>
      <c r="R15" s="88">
        <v>1</v>
      </c>
      <c r="S15" s="88">
        <v>2</v>
      </c>
      <c r="T15" s="88">
        <v>3</v>
      </c>
      <c r="U15" s="88">
        <v>0</v>
      </c>
      <c r="V15" s="88">
        <v>0</v>
      </c>
      <c r="W15" s="89">
        <v>6</v>
      </c>
      <c r="X15" s="91">
        <v>6</v>
      </c>
      <c r="Y15" s="92">
        <v>3</v>
      </c>
      <c r="Z15" s="88">
        <v>4</v>
      </c>
      <c r="AA15" s="89">
        <v>7</v>
      </c>
      <c r="AB15" s="90">
        <v>0</v>
      </c>
      <c r="AC15" s="88">
        <v>175</v>
      </c>
      <c r="AD15" s="88">
        <v>184</v>
      </c>
      <c r="AE15" s="88">
        <v>107</v>
      </c>
      <c r="AF15" s="88">
        <v>62</v>
      </c>
      <c r="AG15" s="88">
        <v>30</v>
      </c>
      <c r="AH15" s="89">
        <v>558</v>
      </c>
      <c r="AI15" s="91">
        <v>565</v>
      </c>
    </row>
    <row r="16" spans="2:35" ht="21" customHeight="1" x14ac:dyDescent="0.2">
      <c r="B16" s="468" t="s">
        <v>15</v>
      </c>
      <c r="C16" s="87">
        <v>3</v>
      </c>
      <c r="D16" s="88">
        <v>16</v>
      </c>
      <c r="E16" s="89">
        <v>19</v>
      </c>
      <c r="F16" s="90">
        <v>0</v>
      </c>
      <c r="G16" s="88">
        <v>227</v>
      </c>
      <c r="H16" s="88">
        <v>250</v>
      </c>
      <c r="I16" s="88">
        <v>152</v>
      </c>
      <c r="J16" s="88">
        <v>83</v>
      </c>
      <c r="K16" s="88">
        <v>52</v>
      </c>
      <c r="L16" s="89">
        <v>764</v>
      </c>
      <c r="M16" s="91">
        <v>783</v>
      </c>
      <c r="N16" s="92">
        <v>0</v>
      </c>
      <c r="O16" s="88">
        <v>1</v>
      </c>
      <c r="P16" s="89">
        <v>1</v>
      </c>
      <c r="Q16" s="90">
        <v>0</v>
      </c>
      <c r="R16" s="88">
        <v>3</v>
      </c>
      <c r="S16" s="88">
        <v>3</v>
      </c>
      <c r="T16" s="88">
        <v>1</v>
      </c>
      <c r="U16" s="88">
        <v>2</v>
      </c>
      <c r="V16" s="88">
        <v>2</v>
      </c>
      <c r="W16" s="89">
        <v>11</v>
      </c>
      <c r="X16" s="91">
        <v>12</v>
      </c>
      <c r="Y16" s="92">
        <v>3</v>
      </c>
      <c r="Z16" s="88">
        <v>17</v>
      </c>
      <c r="AA16" s="89">
        <v>20</v>
      </c>
      <c r="AB16" s="90">
        <v>0</v>
      </c>
      <c r="AC16" s="88">
        <v>230</v>
      </c>
      <c r="AD16" s="88">
        <v>253</v>
      </c>
      <c r="AE16" s="88">
        <v>153</v>
      </c>
      <c r="AF16" s="88">
        <v>85</v>
      </c>
      <c r="AG16" s="88">
        <v>54</v>
      </c>
      <c r="AH16" s="89">
        <v>775</v>
      </c>
      <c r="AI16" s="91">
        <v>795</v>
      </c>
    </row>
    <row r="17" spans="2:35" ht="21" customHeight="1" x14ac:dyDescent="0.2">
      <c r="B17" s="468" t="s">
        <v>16</v>
      </c>
      <c r="C17" s="87">
        <v>2</v>
      </c>
      <c r="D17" s="88">
        <v>4</v>
      </c>
      <c r="E17" s="89">
        <v>6</v>
      </c>
      <c r="F17" s="90">
        <v>0</v>
      </c>
      <c r="G17" s="88">
        <v>173</v>
      </c>
      <c r="H17" s="88">
        <v>246</v>
      </c>
      <c r="I17" s="88">
        <v>175</v>
      </c>
      <c r="J17" s="88">
        <v>111</v>
      </c>
      <c r="K17" s="88">
        <v>83</v>
      </c>
      <c r="L17" s="89">
        <v>788</v>
      </c>
      <c r="M17" s="91">
        <v>794</v>
      </c>
      <c r="N17" s="92">
        <v>0</v>
      </c>
      <c r="O17" s="88">
        <v>0</v>
      </c>
      <c r="P17" s="89">
        <v>0</v>
      </c>
      <c r="Q17" s="90">
        <v>0</v>
      </c>
      <c r="R17" s="88">
        <v>3</v>
      </c>
      <c r="S17" s="88">
        <v>3</v>
      </c>
      <c r="T17" s="88">
        <v>5</v>
      </c>
      <c r="U17" s="88">
        <v>4</v>
      </c>
      <c r="V17" s="88">
        <v>1</v>
      </c>
      <c r="W17" s="89">
        <v>16</v>
      </c>
      <c r="X17" s="91">
        <v>16</v>
      </c>
      <c r="Y17" s="92">
        <v>2</v>
      </c>
      <c r="Z17" s="88">
        <v>4</v>
      </c>
      <c r="AA17" s="89">
        <v>6</v>
      </c>
      <c r="AB17" s="90">
        <v>0</v>
      </c>
      <c r="AC17" s="88">
        <v>176</v>
      </c>
      <c r="AD17" s="88">
        <v>249</v>
      </c>
      <c r="AE17" s="88">
        <v>180</v>
      </c>
      <c r="AF17" s="88">
        <v>115</v>
      </c>
      <c r="AG17" s="88">
        <v>84</v>
      </c>
      <c r="AH17" s="89">
        <v>804</v>
      </c>
      <c r="AI17" s="91">
        <v>810</v>
      </c>
    </row>
    <row r="18" spans="2:35" ht="21" customHeight="1" x14ac:dyDescent="0.2">
      <c r="B18" s="468" t="s">
        <v>17</v>
      </c>
      <c r="C18" s="87">
        <v>1</v>
      </c>
      <c r="D18" s="88">
        <v>4</v>
      </c>
      <c r="E18" s="89">
        <v>5</v>
      </c>
      <c r="F18" s="90">
        <v>0</v>
      </c>
      <c r="G18" s="88">
        <v>325</v>
      </c>
      <c r="H18" s="88">
        <v>424</v>
      </c>
      <c r="I18" s="88">
        <v>299</v>
      </c>
      <c r="J18" s="88">
        <v>205</v>
      </c>
      <c r="K18" s="88">
        <v>114</v>
      </c>
      <c r="L18" s="89">
        <v>1367</v>
      </c>
      <c r="M18" s="91">
        <v>1372</v>
      </c>
      <c r="N18" s="92">
        <v>0</v>
      </c>
      <c r="O18" s="88">
        <v>0</v>
      </c>
      <c r="P18" s="89">
        <v>0</v>
      </c>
      <c r="Q18" s="90">
        <v>0</v>
      </c>
      <c r="R18" s="88">
        <v>4</v>
      </c>
      <c r="S18" s="88">
        <v>14</v>
      </c>
      <c r="T18" s="88">
        <v>7</v>
      </c>
      <c r="U18" s="88">
        <v>6</v>
      </c>
      <c r="V18" s="88">
        <v>6</v>
      </c>
      <c r="W18" s="89">
        <v>37</v>
      </c>
      <c r="X18" s="91">
        <v>37</v>
      </c>
      <c r="Y18" s="92">
        <v>1</v>
      </c>
      <c r="Z18" s="88">
        <v>4</v>
      </c>
      <c r="AA18" s="89">
        <v>5</v>
      </c>
      <c r="AB18" s="90">
        <v>0</v>
      </c>
      <c r="AC18" s="88">
        <v>329</v>
      </c>
      <c r="AD18" s="88">
        <v>438</v>
      </c>
      <c r="AE18" s="88">
        <v>306</v>
      </c>
      <c r="AF18" s="88">
        <v>211</v>
      </c>
      <c r="AG18" s="88">
        <v>120</v>
      </c>
      <c r="AH18" s="89">
        <v>1404</v>
      </c>
      <c r="AI18" s="91">
        <v>1409</v>
      </c>
    </row>
    <row r="19" spans="2:35" ht="21" customHeight="1" x14ac:dyDescent="0.2">
      <c r="B19" s="468" t="s">
        <v>18</v>
      </c>
      <c r="C19" s="87">
        <v>6</v>
      </c>
      <c r="D19" s="88">
        <v>18</v>
      </c>
      <c r="E19" s="89">
        <v>24</v>
      </c>
      <c r="F19" s="90">
        <v>0</v>
      </c>
      <c r="G19" s="88">
        <v>418</v>
      </c>
      <c r="H19" s="88">
        <v>342</v>
      </c>
      <c r="I19" s="88">
        <v>291</v>
      </c>
      <c r="J19" s="88">
        <v>161</v>
      </c>
      <c r="K19" s="88">
        <v>83</v>
      </c>
      <c r="L19" s="89">
        <v>1295</v>
      </c>
      <c r="M19" s="91">
        <v>1319</v>
      </c>
      <c r="N19" s="92">
        <v>0</v>
      </c>
      <c r="O19" s="88">
        <v>0</v>
      </c>
      <c r="P19" s="89">
        <v>0</v>
      </c>
      <c r="Q19" s="90">
        <v>0</v>
      </c>
      <c r="R19" s="88">
        <v>3</v>
      </c>
      <c r="S19" s="88">
        <v>7</v>
      </c>
      <c r="T19" s="88">
        <v>1</v>
      </c>
      <c r="U19" s="88">
        <v>4</v>
      </c>
      <c r="V19" s="88">
        <v>5</v>
      </c>
      <c r="W19" s="89">
        <v>20</v>
      </c>
      <c r="X19" s="91">
        <v>20</v>
      </c>
      <c r="Y19" s="92">
        <v>6</v>
      </c>
      <c r="Z19" s="88">
        <v>18</v>
      </c>
      <c r="AA19" s="89">
        <v>24</v>
      </c>
      <c r="AB19" s="90">
        <v>0</v>
      </c>
      <c r="AC19" s="88">
        <v>421</v>
      </c>
      <c r="AD19" s="88">
        <v>349</v>
      </c>
      <c r="AE19" s="88">
        <v>292</v>
      </c>
      <c r="AF19" s="88">
        <v>165</v>
      </c>
      <c r="AG19" s="88">
        <v>88</v>
      </c>
      <c r="AH19" s="89">
        <v>1315</v>
      </c>
      <c r="AI19" s="91">
        <v>1339</v>
      </c>
    </row>
    <row r="20" spans="2:35" ht="21" customHeight="1" x14ac:dyDescent="0.2">
      <c r="B20" s="468" t="s">
        <v>19</v>
      </c>
      <c r="C20" s="87">
        <v>0</v>
      </c>
      <c r="D20" s="88">
        <v>1</v>
      </c>
      <c r="E20" s="89">
        <v>1</v>
      </c>
      <c r="F20" s="90">
        <v>0</v>
      </c>
      <c r="G20" s="88">
        <v>184</v>
      </c>
      <c r="H20" s="88">
        <v>201</v>
      </c>
      <c r="I20" s="88">
        <v>136</v>
      </c>
      <c r="J20" s="88">
        <v>64</v>
      </c>
      <c r="K20" s="88">
        <v>63</v>
      </c>
      <c r="L20" s="89">
        <v>648</v>
      </c>
      <c r="M20" s="91">
        <v>649</v>
      </c>
      <c r="N20" s="92">
        <v>0</v>
      </c>
      <c r="O20" s="88">
        <v>0</v>
      </c>
      <c r="P20" s="89">
        <v>0</v>
      </c>
      <c r="Q20" s="90">
        <v>0</v>
      </c>
      <c r="R20" s="88">
        <v>1</v>
      </c>
      <c r="S20" s="88">
        <v>2</v>
      </c>
      <c r="T20" s="88">
        <v>2</v>
      </c>
      <c r="U20" s="88">
        <v>2</v>
      </c>
      <c r="V20" s="88">
        <v>1</v>
      </c>
      <c r="W20" s="89">
        <v>8</v>
      </c>
      <c r="X20" s="91">
        <v>8</v>
      </c>
      <c r="Y20" s="92">
        <v>0</v>
      </c>
      <c r="Z20" s="88">
        <v>1</v>
      </c>
      <c r="AA20" s="89">
        <v>1</v>
      </c>
      <c r="AB20" s="90">
        <v>0</v>
      </c>
      <c r="AC20" s="88">
        <v>185</v>
      </c>
      <c r="AD20" s="88">
        <v>203</v>
      </c>
      <c r="AE20" s="88">
        <v>138</v>
      </c>
      <c r="AF20" s="88">
        <v>66</v>
      </c>
      <c r="AG20" s="88">
        <v>64</v>
      </c>
      <c r="AH20" s="89">
        <v>656</v>
      </c>
      <c r="AI20" s="91">
        <v>657</v>
      </c>
    </row>
    <row r="21" spans="2:35" ht="21" customHeight="1" x14ac:dyDescent="0.2">
      <c r="B21" s="468" t="s">
        <v>20</v>
      </c>
      <c r="C21" s="87">
        <v>0</v>
      </c>
      <c r="D21" s="88">
        <v>1</v>
      </c>
      <c r="E21" s="89">
        <v>1</v>
      </c>
      <c r="F21" s="90">
        <v>0</v>
      </c>
      <c r="G21" s="88">
        <v>202</v>
      </c>
      <c r="H21" s="88">
        <v>135</v>
      </c>
      <c r="I21" s="88">
        <v>102</v>
      </c>
      <c r="J21" s="88">
        <v>37</v>
      </c>
      <c r="K21" s="88">
        <v>27</v>
      </c>
      <c r="L21" s="89">
        <v>503</v>
      </c>
      <c r="M21" s="91">
        <v>504</v>
      </c>
      <c r="N21" s="92">
        <v>0</v>
      </c>
      <c r="O21" s="88">
        <v>0</v>
      </c>
      <c r="P21" s="89">
        <v>0</v>
      </c>
      <c r="Q21" s="90">
        <v>0</v>
      </c>
      <c r="R21" s="88">
        <v>5</v>
      </c>
      <c r="S21" s="88">
        <v>3</v>
      </c>
      <c r="T21" s="88">
        <v>2</v>
      </c>
      <c r="U21" s="88">
        <v>0</v>
      </c>
      <c r="V21" s="88">
        <v>1</v>
      </c>
      <c r="W21" s="89">
        <v>11</v>
      </c>
      <c r="X21" s="91">
        <v>11</v>
      </c>
      <c r="Y21" s="92">
        <v>0</v>
      </c>
      <c r="Z21" s="88">
        <v>1</v>
      </c>
      <c r="AA21" s="89">
        <v>1</v>
      </c>
      <c r="AB21" s="90">
        <v>0</v>
      </c>
      <c r="AC21" s="88">
        <v>207</v>
      </c>
      <c r="AD21" s="88">
        <v>138</v>
      </c>
      <c r="AE21" s="88">
        <v>104</v>
      </c>
      <c r="AF21" s="88">
        <v>37</v>
      </c>
      <c r="AG21" s="88">
        <v>28</v>
      </c>
      <c r="AH21" s="89">
        <v>514</v>
      </c>
      <c r="AI21" s="91">
        <v>515</v>
      </c>
    </row>
    <row r="22" spans="2:35" ht="21" customHeight="1" x14ac:dyDescent="0.2">
      <c r="B22" s="468" t="s">
        <v>21</v>
      </c>
      <c r="C22" s="87">
        <v>0</v>
      </c>
      <c r="D22" s="88">
        <v>0</v>
      </c>
      <c r="E22" s="89">
        <v>0</v>
      </c>
      <c r="F22" s="90">
        <v>0</v>
      </c>
      <c r="G22" s="88">
        <v>230</v>
      </c>
      <c r="H22" s="88">
        <v>235</v>
      </c>
      <c r="I22" s="88">
        <v>150</v>
      </c>
      <c r="J22" s="88">
        <v>62</v>
      </c>
      <c r="K22" s="88">
        <v>36</v>
      </c>
      <c r="L22" s="89">
        <v>713</v>
      </c>
      <c r="M22" s="91">
        <v>713</v>
      </c>
      <c r="N22" s="92">
        <v>0</v>
      </c>
      <c r="O22" s="88">
        <v>0</v>
      </c>
      <c r="P22" s="89">
        <v>0</v>
      </c>
      <c r="Q22" s="90">
        <v>0</v>
      </c>
      <c r="R22" s="88">
        <v>2</v>
      </c>
      <c r="S22" s="88">
        <v>4</v>
      </c>
      <c r="T22" s="88">
        <v>3</v>
      </c>
      <c r="U22" s="88">
        <v>0</v>
      </c>
      <c r="V22" s="88">
        <v>2</v>
      </c>
      <c r="W22" s="89">
        <v>11</v>
      </c>
      <c r="X22" s="91">
        <v>11</v>
      </c>
      <c r="Y22" s="92">
        <v>0</v>
      </c>
      <c r="Z22" s="88">
        <v>0</v>
      </c>
      <c r="AA22" s="89">
        <v>0</v>
      </c>
      <c r="AB22" s="90">
        <v>0</v>
      </c>
      <c r="AC22" s="88">
        <v>232</v>
      </c>
      <c r="AD22" s="88">
        <v>239</v>
      </c>
      <c r="AE22" s="88">
        <v>153</v>
      </c>
      <c r="AF22" s="88">
        <v>62</v>
      </c>
      <c r="AG22" s="88">
        <v>38</v>
      </c>
      <c r="AH22" s="89">
        <v>724</v>
      </c>
      <c r="AI22" s="91">
        <v>724</v>
      </c>
    </row>
    <row r="23" spans="2:35" ht="21" customHeight="1" x14ac:dyDescent="0.2">
      <c r="B23" s="468" t="s">
        <v>22</v>
      </c>
      <c r="C23" s="87">
        <v>3</v>
      </c>
      <c r="D23" s="88">
        <v>3</v>
      </c>
      <c r="E23" s="89">
        <v>6</v>
      </c>
      <c r="F23" s="90">
        <v>0</v>
      </c>
      <c r="G23" s="88">
        <v>142</v>
      </c>
      <c r="H23" s="88">
        <v>148</v>
      </c>
      <c r="I23" s="88">
        <v>83</v>
      </c>
      <c r="J23" s="88">
        <v>67</v>
      </c>
      <c r="K23" s="88">
        <v>26</v>
      </c>
      <c r="L23" s="89">
        <v>466</v>
      </c>
      <c r="M23" s="91">
        <v>472</v>
      </c>
      <c r="N23" s="92">
        <v>0</v>
      </c>
      <c r="O23" s="88">
        <v>0</v>
      </c>
      <c r="P23" s="89">
        <v>0</v>
      </c>
      <c r="Q23" s="90">
        <v>0</v>
      </c>
      <c r="R23" s="88">
        <v>2</v>
      </c>
      <c r="S23" s="88">
        <v>1</v>
      </c>
      <c r="T23" s="88">
        <v>1</v>
      </c>
      <c r="U23" s="88">
        <v>0</v>
      </c>
      <c r="V23" s="88">
        <v>0</v>
      </c>
      <c r="W23" s="89">
        <v>4</v>
      </c>
      <c r="X23" s="91">
        <v>4</v>
      </c>
      <c r="Y23" s="92">
        <v>3</v>
      </c>
      <c r="Z23" s="88">
        <v>3</v>
      </c>
      <c r="AA23" s="89">
        <v>6</v>
      </c>
      <c r="AB23" s="90">
        <v>0</v>
      </c>
      <c r="AC23" s="88">
        <v>144</v>
      </c>
      <c r="AD23" s="88">
        <v>149</v>
      </c>
      <c r="AE23" s="88">
        <v>84</v>
      </c>
      <c r="AF23" s="88">
        <v>67</v>
      </c>
      <c r="AG23" s="88">
        <v>26</v>
      </c>
      <c r="AH23" s="89">
        <v>470</v>
      </c>
      <c r="AI23" s="91">
        <v>476</v>
      </c>
    </row>
    <row r="24" spans="2:35" ht="21" customHeight="1" x14ac:dyDescent="0.2">
      <c r="B24" s="468" t="s">
        <v>23</v>
      </c>
      <c r="C24" s="87">
        <v>0</v>
      </c>
      <c r="D24" s="88">
        <v>0</v>
      </c>
      <c r="E24" s="89">
        <v>0</v>
      </c>
      <c r="F24" s="90">
        <v>0</v>
      </c>
      <c r="G24" s="88">
        <v>106</v>
      </c>
      <c r="H24" s="88">
        <v>74</v>
      </c>
      <c r="I24" s="88">
        <v>53</v>
      </c>
      <c r="J24" s="88">
        <v>40</v>
      </c>
      <c r="K24" s="88">
        <v>11</v>
      </c>
      <c r="L24" s="89">
        <v>284</v>
      </c>
      <c r="M24" s="91">
        <v>284</v>
      </c>
      <c r="N24" s="92">
        <v>0</v>
      </c>
      <c r="O24" s="88">
        <v>0</v>
      </c>
      <c r="P24" s="89">
        <v>0</v>
      </c>
      <c r="Q24" s="90">
        <v>0</v>
      </c>
      <c r="R24" s="88">
        <v>1</v>
      </c>
      <c r="S24" s="88">
        <v>1</v>
      </c>
      <c r="T24" s="88">
        <v>1</v>
      </c>
      <c r="U24" s="88">
        <v>0</v>
      </c>
      <c r="V24" s="88">
        <v>0</v>
      </c>
      <c r="W24" s="89">
        <v>3</v>
      </c>
      <c r="X24" s="91">
        <v>3</v>
      </c>
      <c r="Y24" s="92">
        <v>0</v>
      </c>
      <c r="Z24" s="88">
        <v>0</v>
      </c>
      <c r="AA24" s="89">
        <v>0</v>
      </c>
      <c r="AB24" s="90">
        <v>0</v>
      </c>
      <c r="AC24" s="88">
        <v>107</v>
      </c>
      <c r="AD24" s="88">
        <v>75</v>
      </c>
      <c r="AE24" s="88">
        <v>54</v>
      </c>
      <c r="AF24" s="88">
        <v>40</v>
      </c>
      <c r="AG24" s="88">
        <v>11</v>
      </c>
      <c r="AH24" s="89">
        <v>287</v>
      </c>
      <c r="AI24" s="91">
        <v>287</v>
      </c>
    </row>
    <row r="25" spans="2:35" ht="21" customHeight="1" x14ac:dyDescent="0.2">
      <c r="B25" s="468" t="s">
        <v>24</v>
      </c>
      <c r="C25" s="87">
        <v>1</v>
      </c>
      <c r="D25" s="88">
        <v>3</v>
      </c>
      <c r="E25" s="89">
        <v>4</v>
      </c>
      <c r="F25" s="90">
        <v>0</v>
      </c>
      <c r="G25" s="88">
        <v>47</v>
      </c>
      <c r="H25" s="88">
        <v>40</v>
      </c>
      <c r="I25" s="88">
        <v>31</v>
      </c>
      <c r="J25" s="88">
        <v>23</v>
      </c>
      <c r="K25" s="88">
        <v>9</v>
      </c>
      <c r="L25" s="89">
        <v>150</v>
      </c>
      <c r="M25" s="91">
        <v>154</v>
      </c>
      <c r="N25" s="92">
        <v>0</v>
      </c>
      <c r="O25" s="88">
        <v>0</v>
      </c>
      <c r="P25" s="89">
        <v>0</v>
      </c>
      <c r="Q25" s="90">
        <v>0</v>
      </c>
      <c r="R25" s="88">
        <v>0</v>
      </c>
      <c r="S25" s="88">
        <v>1</v>
      </c>
      <c r="T25" s="88">
        <v>0</v>
      </c>
      <c r="U25" s="88">
        <v>1</v>
      </c>
      <c r="V25" s="88">
        <v>0</v>
      </c>
      <c r="W25" s="89">
        <v>2</v>
      </c>
      <c r="X25" s="91">
        <v>2</v>
      </c>
      <c r="Y25" s="92">
        <v>1</v>
      </c>
      <c r="Z25" s="88">
        <v>3</v>
      </c>
      <c r="AA25" s="89">
        <v>4</v>
      </c>
      <c r="AB25" s="90">
        <v>0</v>
      </c>
      <c r="AC25" s="88">
        <v>47</v>
      </c>
      <c r="AD25" s="88">
        <v>41</v>
      </c>
      <c r="AE25" s="88">
        <v>31</v>
      </c>
      <c r="AF25" s="88">
        <v>24</v>
      </c>
      <c r="AG25" s="88">
        <v>9</v>
      </c>
      <c r="AH25" s="89">
        <v>152</v>
      </c>
      <c r="AI25" s="91">
        <v>156</v>
      </c>
    </row>
    <row r="26" spans="2:35" ht="21" customHeight="1" x14ac:dyDescent="0.2">
      <c r="B26" s="468" t="s">
        <v>25</v>
      </c>
      <c r="C26" s="87">
        <v>2</v>
      </c>
      <c r="D26" s="88">
        <v>1</v>
      </c>
      <c r="E26" s="89">
        <v>3</v>
      </c>
      <c r="F26" s="90">
        <v>0</v>
      </c>
      <c r="G26" s="88">
        <v>98</v>
      </c>
      <c r="H26" s="88">
        <v>48</v>
      </c>
      <c r="I26" s="88">
        <v>27</v>
      </c>
      <c r="J26" s="88">
        <v>14</v>
      </c>
      <c r="K26" s="88">
        <v>3</v>
      </c>
      <c r="L26" s="89">
        <v>190</v>
      </c>
      <c r="M26" s="91">
        <v>193</v>
      </c>
      <c r="N26" s="92">
        <v>0</v>
      </c>
      <c r="O26" s="88">
        <v>0</v>
      </c>
      <c r="P26" s="89">
        <v>0</v>
      </c>
      <c r="Q26" s="90">
        <v>0</v>
      </c>
      <c r="R26" s="88">
        <v>1</v>
      </c>
      <c r="S26" s="88">
        <v>0</v>
      </c>
      <c r="T26" s="88">
        <v>2</v>
      </c>
      <c r="U26" s="88">
        <v>0</v>
      </c>
      <c r="V26" s="88">
        <v>0</v>
      </c>
      <c r="W26" s="89">
        <v>3</v>
      </c>
      <c r="X26" s="91">
        <v>3</v>
      </c>
      <c r="Y26" s="92">
        <v>2</v>
      </c>
      <c r="Z26" s="88">
        <v>1</v>
      </c>
      <c r="AA26" s="89">
        <v>3</v>
      </c>
      <c r="AB26" s="90">
        <v>0</v>
      </c>
      <c r="AC26" s="88">
        <v>99</v>
      </c>
      <c r="AD26" s="88">
        <v>48</v>
      </c>
      <c r="AE26" s="88">
        <v>29</v>
      </c>
      <c r="AF26" s="88">
        <v>14</v>
      </c>
      <c r="AG26" s="88">
        <v>3</v>
      </c>
      <c r="AH26" s="89">
        <v>193</v>
      </c>
      <c r="AI26" s="91">
        <v>196</v>
      </c>
    </row>
    <row r="27" spans="2:35" ht="21" customHeight="1" x14ac:dyDescent="0.2">
      <c r="B27" s="468" t="s">
        <v>26</v>
      </c>
      <c r="C27" s="87">
        <v>0</v>
      </c>
      <c r="D27" s="88">
        <v>1</v>
      </c>
      <c r="E27" s="89">
        <v>1</v>
      </c>
      <c r="F27" s="90">
        <v>0</v>
      </c>
      <c r="G27" s="88">
        <v>63</v>
      </c>
      <c r="H27" s="88">
        <v>65</v>
      </c>
      <c r="I27" s="88">
        <v>56</v>
      </c>
      <c r="J27" s="88">
        <v>24</v>
      </c>
      <c r="K27" s="88">
        <v>10</v>
      </c>
      <c r="L27" s="89">
        <v>218</v>
      </c>
      <c r="M27" s="91">
        <v>219</v>
      </c>
      <c r="N27" s="92">
        <v>0</v>
      </c>
      <c r="O27" s="88">
        <v>0</v>
      </c>
      <c r="P27" s="89">
        <v>0</v>
      </c>
      <c r="Q27" s="90">
        <v>0</v>
      </c>
      <c r="R27" s="88">
        <v>0</v>
      </c>
      <c r="S27" s="88">
        <v>0</v>
      </c>
      <c r="T27" s="88">
        <v>0</v>
      </c>
      <c r="U27" s="88">
        <v>0</v>
      </c>
      <c r="V27" s="88">
        <v>1</v>
      </c>
      <c r="W27" s="89">
        <v>1</v>
      </c>
      <c r="X27" s="91">
        <v>1</v>
      </c>
      <c r="Y27" s="92">
        <v>0</v>
      </c>
      <c r="Z27" s="88">
        <v>1</v>
      </c>
      <c r="AA27" s="89">
        <v>1</v>
      </c>
      <c r="AB27" s="90">
        <v>0</v>
      </c>
      <c r="AC27" s="88">
        <v>63</v>
      </c>
      <c r="AD27" s="88">
        <v>65</v>
      </c>
      <c r="AE27" s="88">
        <v>56</v>
      </c>
      <c r="AF27" s="88">
        <v>24</v>
      </c>
      <c r="AG27" s="88">
        <v>11</v>
      </c>
      <c r="AH27" s="89">
        <v>219</v>
      </c>
      <c r="AI27" s="91">
        <v>220</v>
      </c>
    </row>
    <row r="28" spans="2:35" ht="21" customHeight="1" x14ac:dyDescent="0.2">
      <c r="B28" s="468" t="s">
        <v>27</v>
      </c>
      <c r="C28" s="87">
        <v>0</v>
      </c>
      <c r="D28" s="88">
        <v>0</v>
      </c>
      <c r="E28" s="89">
        <v>0</v>
      </c>
      <c r="F28" s="90">
        <v>0</v>
      </c>
      <c r="G28" s="88">
        <v>52</v>
      </c>
      <c r="H28" s="88">
        <v>26</v>
      </c>
      <c r="I28" s="88">
        <v>30</v>
      </c>
      <c r="J28" s="88">
        <v>21</v>
      </c>
      <c r="K28" s="88">
        <v>16</v>
      </c>
      <c r="L28" s="89">
        <v>145</v>
      </c>
      <c r="M28" s="91">
        <v>145</v>
      </c>
      <c r="N28" s="92">
        <v>0</v>
      </c>
      <c r="O28" s="88">
        <v>0</v>
      </c>
      <c r="P28" s="89">
        <v>0</v>
      </c>
      <c r="Q28" s="90">
        <v>0</v>
      </c>
      <c r="R28" s="88">
        <v>1</v>
      </c>
      <c r="S28" s="88">
        <v>0</v>
      </c>
      <c r="T28" s="88">
        <v>1</v>
      </c>
      <c r="U28" s="88">
        <v>0</v>
      </c>
      <c r="V28" s="88">
        <v>0</v>
      </c>
      <c r="W28" s="89">
        <v>2</v>
      </c>
      <c r="X28" s="91">
        <v>2</v>
      </c>
      <c r="Y28" s="92">
        <v>0</v>
      </c>
      <c r="Z28" s="88">
        <v>0</v>
      </c>
      <c r="AA28" s="89">
        <v>0</v>
      </c>
      <c r="AB28" s="90">
        <v>0</v>
      </c>
      <c r="AC28" s="88">
        <v>53</v>
      </c>
      <c r="AD28" s="88">
        <v>26</v>
      </c>
      <c r="AE28" s="88">
        <v>31</v>
      </c>
      <c r="AF28" s="88">
        <v>21</v>
      </c>
      <c r="AG28" s="88">
        <v>16</v>
      </c>
      <c r="AH28" s="89">
        <v>147</v>
      </c>
      <c r="AI28" s="91">
        <v>147</v>
      </c>
    </row>
    <row r="29" spans="2:35" ht="21" customHeight="1" x14ac:dyDescent="0.2">
      <c r="B29" s="468" t="s">
        <v>28</v>
      </c>
      <c r="C29" s="87">
        <v>0</v>
      </c>
      <c r="D29" s="88">
        <v>0</v>
      </c>
      <c r="E29" s="89">
        <v>0</v>
      </c>
      <c r="F29" s="90">
        <v>0</v>
      </c>
      <c r="G29" s="88">
        <v>26</v>
      </c>
      <c r="H29" s="88">
        <v>19</v>
      </c>
      <c r="I29" s="88">
        <v>4</v>
      </c>
      <c r="J29" s="88">
        <v>7</v>
      </c>
      <c r="K29" s="88">
        <v>4</v>
      </c>
      <c r="L29" s="89">
        <v>60</v>
      </c>
      <c r="M29" s="91">
        <v>60</v>
      </c>
      <c r="N29" s="92">
        <v>0</v>
      </c>
      <c r="O29" s="88">
        <v>0</v>
      </c>
      <c r="P29" s="89">
        <v>0</v>
      </c>
      <c r="Q29" s="90">
        <v>0</v>
      </c>
      <c r="R29" s="88">
        <v>0</v>
      </c>
      <c r="S29" s="88">
        <v>1</v>
      </c>
      <c r="T29" s="88">
        <v>0</v>
      </c>
      <c r="U29" s="88">
        <v>0</v>
      </c>
      <c r="V29" s="88">
        <v>1</v>
      </c>
      <c r="W29" s="89">
        <v>2</v>
      </c>
      <c r="X29" s="91">
        <v>2</v>
      </c>
      <c r="Y29" s="92">
        <v>0</v>
      </c>
      <c r="Z29" s="88">
        <v>0</v>
      </c>
      <c r="AA29" s="89">
        <v>0</v>
      </c>
      <c r="AB29" s="90">
        <v>0</v>
      </c>
      <c r="AC29" s="88">
        <v>26</v>
      </c>
      <c r="AD29" s="88">
        <v>20</v>
      </c>
      <c r="AE29" s="88">
        <v>4</v>
      </c>
      <c r="AF29" s="88">
        <v>7</v>
      </c>
      <c r="AG29" s="88">
        <v>5</v>
      </c>
      <c r="AH29" s="89">
        <v>62</v>
      </c>
      <c r="AI29" s="91">
        <v>62</v>
      </c>
    </row>
    <row r="30" spans="2:35" ht="21" customHeight="1" x14ac:dyDescent="0.2">
      <c r="B30" s="468" t="s">
        <v>29</v>
      </c>
      <c r="C30" s="87">
        <v>0</v>
      </c>
      <c r="D30" s="88">
        <v>2</v>
      </c>
      <c r="E30" s="89">
        <v>2</v>
      </c>
      <c r="F30" s="90">
        <v>0</v>
      </c>
      <c r="G30" s="88">
        <v>32</v>
      </c>
      <c r="H30" s="88">
        <v>27</v>
      </c>
      <c r="I30" s="88">
        <v>35</v>
      </c>
      <c r="J30" s="88">
        <v>20</v>
      </c>
      <c r="K30" s="88">
        <v>8</v>
      </c>
      <c r="L30" s="89">
        <v>122</v>
      </c>
      <c r="M30" s="91">
        <v>124</v>
      </c>
      <c r="N30" s="92">
        <v>0</v>
      </c>
      <c r="O30" s="88">
        <v>0</v>
      </c>
      <c r="P30" s="89">
        <v>0</v>
      </c>
      <c r="Q30" s="90">
        <v>0</v>
      </c>
      <c r="R30" s="88">
        <v>1</v>
      </c>
      <c r="S30" s="88">
        <v>0</v>
      </c>
      <c r="T30" s="88">
        <v>0</v>
      </c>
      <c r="U30" s="88">
        <v>0</v>
      </c>
      <c r="V30" s="88">
        <v>0</v>
      </c>
      <c r="W30" s="89">
        <v>1</v>
      </c>
      <c r="X30" s="91">
        <v>1</v>
      </c>
      <c r="Y30" s="92">
        <v>0</v>
      </c>
      <c r="Z30" s="88">
        <v>2</v>
      </c>
      <c r="AA30" s="89">
        <v>2</v>
      </c>
      <c r="AB30" s="90">
        <v>0</v>
      </c>
      <c r="AC30" s="88">
        <v>33</v>
      </c>
      <c r="AD30" s="88">
        <v>27</v>
      </c>
      <c r="AE30" s="88">
        <v>35</v>
      </c>
      <c r="AF30" s="88">
        <v>20</v>
      </c>
      <c r="AG30" s="88">
        <v>8</v>
      </c>
      <c r="AH30" s="89">
        <v>123</v>
      </c>
      <c r="AI30" s="91">
        <v>125</v>
      </c>
    </row>
    <row r="31" spans="2:35" ht="21" customHeight="1" x14ac:dyDescent="0.2">
      <c r="B31" s="468" t="s">
        <v>30</v>
      </c>
      <c r="C31" s="87">
        <v>0</v>
      </c>
      <c r="D31" s="88">
        <v>0</v>
      </c>
      <c r="E31" s="89">
        <v>0</v>
      </c>
      <c r="F31" s="90">
        <v>0</v>
      </c>
      <c r="G31" s="88">
        <v>31</v>
      </c>
      <c r="H31" s="88">
        <v>18</v>
      </c>
      <c r="I31" s="88">
        <v>16</v>
      </c>
      <c r="J31" s="88">
        <v>10</v>
      </c>
      <c r="K31" s="88">
        <v>2</v>
      </c>
      <c r="L31" s="89">
        <v>77</v>
      </c>
      <c r="M31" s="91">
        <v>77</v>
      </c>
      <c r="N31" s="92">
        <v>0</v>
      </c>
      <c r="O31" s="88">
        <v>0</v>
      </c>
      <c r="P31" s="89">
        <v>0</v>
      </c>
      <c r="Q31" s="90">
        <v>0</v>
      </c>
      <c r="R31" s="88">
        <v>1</v>
      </c>
      <c r="S31" s="88">
        <v>0</v>
      </c>
      <c r="T31" s="88">
        <v>0</v>
      </c>
      <c r="U31" s="88">
        <v>0</v>
      </c>
      <c r="V31" s="88">
        <v>1</v>
      </c>
      <c r="W31" s="89">
        <v>2</v>
      </c>
      <c r="X31" s="91">
        <v>2</v>
      </c>
      <c r="Y31" s="92">
        <v>0</v>
      </c>
      <c r="Z31" s="88">
        <v>0</v>
      </c>
      <c r="AA31" s="89">
        <v>0</v>
      </c>
      <c r="AB31" s="90">
        <v>0</v>
      </c>
      <c r="AC31" s="88">
        <v>32</v>
      </c>
      <c r="AD31" s="88">
        <v>18</v>
      </c>
      <c r="AE31" s="88">
        <v>16</v>
      </c>
      <c r="AF31" s="88">
        <v>10</v>
      </c>
      <c r="AG31" s="88">
        <v>3</v>
      </c>
      <c r="AH31" s="89">
        <v>79</v>
      </c>
      <c r="AI31" s="91">
        <v>79</v>
      </c>
    </row>
    <row r="32" spans="2:35" ht="21" customHeight="1" x14ac:dyDescent="0.2">
      <c r="B32" s="468" t="s">
        <v>31</v>
      </c>
      <c r="C32" s="87">
        <v>0</v>
      </c>
      <c r="D32" s="88">
        <v>1</v>
      </c>
      <c r="E32" s="89">
        <v>1</v>
      </c>
      <c r="F32" s="90">
        <v>0</v>
      </c>
      <c r="G32" s="88">
        <v>40</v>
      </c>
      <c r="H32" s="88">
        <v>32</v>
      </c>
      <c r="I32" s="88">
        <v>24</v>
      </c>
      <c r="J32" s="88">
        <v>16</v>
      </c>
      <c r="K32" s="88">
        <v>7</v>
      </c>
      <c r="L32" s="89">
        <v>119</v>
      </c>
      <c r="M32" s="91">
        <v>120</v>
      </c>
      <c r="N32" s="92">
        <v>0</v>
      </c>
      <c r="O32" s="88">
        <v>0</v>
      </c>
      <c r="P32" s="89">
        <v>0</v>
      </c>
      <c r="Q32" s="90">
        <v>0</v>
      </c>
      <c r="R32" s="88">
        <v>0</v>
      </c>
      <c r="S32" s="88">
        <v>0</v>
      </c>
      <c r="T32" s="88">
        <v>0</v>
      </c>
      <c r="U32" s="88">
        <v>0</v>
      </c>
      <c r="V32" s="88">
        <v>0</v>
      </c>
      <c r="W32" s="89">
        <v>0</v>
      </c>
      <c r="X32" s="91">
        <v>0</v>
      </c>
      <c r="Y32" s="92">
        <v>0</v>
      </c>
      <c r="Z32" s="88">
        <v>1</v>
      </c>
      <c r="AA32" s="89">
        <v>1</v>
      </c>
      <c r="AB32" s="90">
        <v>0</v>
      </c>
      <c r="AC32" s="88">
        <v>40</v>
      </c>
      <c r="AD32" s="88">
        <v>32</v>
      </c>
      <c r="AE32" s="88">
        <v>24</v>
      </c>
      <c r="AF32" s="88">
        <v>16</v>
      </c>
      <c r="AG32" s="88">
        <v>7</v>
      </c>
      <c r="AH32" s="89">
        <v>119</v>
      </c>
      <c r="AI32" s="91">
        <v>120</v>
      </c>
    </row>
    <row r="33" spans="2:35" ht="21" customHeight="1" x14ac:dyDescent="0.2">
      <c r="B33" s="468" t="s">
        <v>32</v>
      </c>
      <c r="C33" s="87">
        <v>0</v>
      </c>
      <c r="D33" s="88">
        <v>3</v>
      </c>
      <c r="E33" s="89">
        <v>3</v>
      </c>
      <c r="F33" s="90">
        <v>0</v>
      </c>
      <c r="G33" s="88">
        <v>62</v>
      </c>
      <c r="H33" s="88">
        <v>35</v>
      </c>
      <c r="I33" s="88">
        <v>29</v>
      </c>
      <c r="J33" s="88">
        <v>20</v>
      </c>
      <c r="K33" s="88">
        <v>14</v>
      </c>
      <c r="L33" s="89">
        <v>160</v>
      </c>
      <c r="M33" s="91">
        <v>163</v>
      </c>
      <c r="N33" s="92">
        <v>0</v>
      </c>
      <c r="O33" s="88">
        <v>0</v>
      </c>
      <c r="P33" s="89">
        <v>0</v>
      </c>
      <c r="Q33" s="90">
        <v>0</v>
      </c>
      <c r="R33" s="88">
        <v>0</v>
      </c>
      <c r="S33" s="88">
        <v>1</v>
      </c>
      <c r="T33" s="88">
        <v>1</v>
      </c>
      <c r="U33" s="88">
        <v>0</v>
      </c>
      <c r="V33" s="88">
        <v>0</v>
      </c>
      <c r="W33" s="89">
        <v>2</v>
      </c>
      <c r="X33" s="91">
        <v>2</v>
      </c>
      <c r="Y33" s="92">
        <v>0</v>
      </c>
      <c r="Z33" s="88">
        <v>3</v>
      </c>
      <c r="AA33" s="89">
        <v>3</v>
      </c>
      <c r="AB33" s="90">
        <v>0</v>
      </c>
      <c r="AC33" s="88">
        <v>62</v>
      </c>
      <c r="AD33" s="88">
        <v>36</v>
      </c>
      <c r="AE33" s="88">
        <v>30</v>
      </c>
      <c r="AF33" s="88">
        <v>20</v>
      </c>
      <c r="AG33" s="88">
        <v>14</v>
      </c>
      <c r="AH33" s="89">
        <v>162</v>
      </c>
      <c r="AI33" s="91">
        <v>165</v>
      </c>
    </row>
    <row r="34" spans="2:35" ht="21" customHeight="1" x14ac:dyDescent="0.2">
      <c r="B34" s="468" t="s">
        <v>33</v>
      </c>
      <c r="C34" s="87">
        <v>0</v>
      </c>
      <c r="D34" s="88">
        <v>1</v>
      </c>
      <c r="E34" s="89">
        <v>1</v>
      </c>
      <c r="F34" s="90">
        <v>0</v>
      </c>
      <c r="G34" s="88">
        <v>31</v>
      </c>
      <c r="H34" s="88">
        <v>21</v>
      </c>
      <c r="I34" s="88">
        <v>22</v>
      </c>
      <c r="J34" s="88">
        <v>4</v>
      </c>
      <c r="K34" s="88">
        <v>9</v>
      </c>
      <c r="L34" s="89">
        <v>87</v>
      </c>
      <c r="M34" s="91">
        <v>88</v>
      </c>
      <c r="N34" s="92">
        <v>0</v>
      </c>
      <c r="O34" s="88">
        <v>0</v>
      </c>
      <c r="P34" s="89">
        <v>0</v>
      </c>
      <c r="Q34" s="90">
        <v>0</v>
      </c>
      <c r="R34" s="88">
        <v>0</v>
      </c>
      <c r="S34" s="88">
        <v>0</v>
      </c>
      <c r="T34" s="88">
        <v>0</v>
      </c>
      <c r="U34" s="88">
        <v>0</v>
      </c>
      <c r="V34" s="88">
        <v>0</v>
      </c>
      <c r="W34" s="89">
        <v>0</v>
      </c>
      <c r="X34" s="91">
        <v>0</v>
      </c>
      <c r="Y34" s="92">
        <v>0</v>
      </c>
      <c r="Z34" s="88">
        <v>1</v>
      </c>
      <c r="AA34" s="89">
        <v>1</v>
      </c>
      <c r="AB34" s="90">
        <v>0</v>
      </c>
      <c r="AC34" s="88">
        <v>31</v>
      </c>
      <c r="AD34" s="88">
        <v>21</v>
      </c>
      <c r="AE34" s="88">
        <v>22</v>
      </c>
      <c r="AF34" s="88">
        <v>4</v>
      </c>
      <c r="AG34" s="88">
        <v>9</v>
      </c>
      <c r="AH34" s="89">
        <v>87</v>
      </c>
      <c r="AI34" s="91">
        <v>88</v>
      </c>
    </row>
    <row r="35" spans="2:35" ht="21" customHeight="1" x14ac:dyDescent="0.2">
      <c r="B35" s="468" t="s">
        <v>34</v>
      </c>
      <c r="C35" s="87">
        <v>1</v>
      </c>
      <c r="D35" s="88">
        <v>1</v>
      </c>
      <c r="E35" s="89">
        <v>2</v>
      </c>
      <c r="F35" s="90">
        <v>0</v>
      </c>
      <c r="G35" s="88">
        <v>28</v>
      </c>
      <c r="H35" s="88">
        <v>20</v>
      </c>
      <c r="I35" s="88">
        <v>15</v>
      </c>
      <c r="J35" s="88">
        <v>4</v>
      </c>
      <c r="K35" s="88">
        <v>2</v>
      </c>
      <c r="L35" s="89">
        <v>69</v>
      </c>
      <c r="M35" s="91">
        <v>71</v>
      </c>
      <c r="N35" s="92">
        <v>0</v>
      </c>
      <c r="O35" s="88">
        <v>0</v>
      </c>
      <c r="P35" s="89">
        <v>0</v>
      </c>
      <c r="Q35" s="90">
        <v>0</v>
      </c>
      <c r="R35" s="88">
        <v>0</v>
      </c>
      <c r="S35" s="88">
        <v>0</v>
      </c>
      <c r="T35" s="88">
        <v>0</v>
      </c>
      <c r="U35" s="88">
        <v>1</v>
      </c>
      <c r="V35" s="88">
        <v>0</v>
      </c>
      <c r="W35" s="89">
        <v>1</v>
      </c>
      <c r="X35" s="91">
        <v>1</v>
      </c>
      <c r="Y35" s="92">
        <v>1</v>
      </c>
      <c r="Z35" s="88">
        <v>1</v>
      </c>
      <c r="AA35" s="89">
        <v>2</v>
      </c>
      <c r="AB35" s="90">
        <v>0</v>
      </c>
      <c r="AC35" s="88">
        <v>28</v>
      </c>
      <c r="AD35" s="88">
        <v>20</v>
      </c>
      <c r="AE35" s="88">
        <v>15</v>
      </c>
      <c r="AF35" s="88">
        <v>5</v>
      </c>
      <c r="AG35" s="88">
        <v>2</v>
      </c>
      <c r="AH35" s="89">
        <v>70</v>
      </c>
      <c r="AI35" s="91">
        <v>72</v>
      </c>
    </row>
    <row r="36" spans="2:35" ht="21" customHeight="1" x14ac:dyDescent="0.2">
      <c r="B36" s="468" t="s">
        <v>35</v>
      </c>
      <c r="C36" s="87">
        <v>4</v>
      </c>
      <c r="D36" s="88">
        <v>3</v>
      </c>
      <c r="E36" s="89">
        <v>7</v>
      </c>
      <c r="F36" s="90">
        <v>0</v>
      </c>
      <c r="G36" s="88">
        <v>42</v>
      </c>
      <c r="H36" s="88">
        <v>36</v>
      </c>
      <c r="I36" s="88">
        <v>37</v>
      </c>
      <c r="J36" s="88">
        <v>24</v>
      </c>
      <c r="K36" s="88">
        <v>10</v>
      </c>
      <c r="L36" s="89">
        <v>149</v>
      </c>
      <c r="M36" s="91">
        <v>156</v>
      </c>
      <c r="N36" s="92">
        <v>0</v>
      </c>
      <c r="O36" s="88">
        <v>0</v>
      </c>
      <c r="P36" s="89">
        <v>0</v>
      </c>
      <c r="Q36" s="90">
        <v>0</v>
      </c>
      <c r="R36" s="88">
        <v>0</v>
      </c>
      <c r="S36" s="88">
        <v>1</v>
      </c>
      <c r="T36" s="88">
        <v>0</v>
      </c>
      <c r="U36" s="88">
        <v>0</v>
      </c>
      <c r="V36" s="88">
        <v>0</v>
      </c>
      <c r="W36" s="89">
        <v>1</v>
      </c>
      <c r="X36" s="91">
        <v>1</v>
      </c>
      <c r="Y36" s="92">
        <v>4</v>
      </c>
      <c r="Z36" s="88">
        <v>3</v>
      </c>
      <c r="AA36" s="89">
        <v>7</v>
      </c>
      <c r="AB36" s="90">
        <v>0</v>
      </c>
      <c r="AC36" s="88">
        <v>42</v>
      </c>
      <c r="AD36" s="88">
        <v>37</v>
      </c>
      <c r="AE36" s="88">
        <v>37</v>
      </c>
      <c r="AF36" s="88">
        <v>24</v>
      </c>
      <c r="AG36" s="88">
        <v>10</v>
      </c>
      <c r="AH36" s="89">
        <v>150</v>
      </c>
      <c r="AI36" s="91">
        <v>157</v>
      </c>
    </row>
    <row r="37" spans="2:35" ht="21" customHeight="1" x14ac:dyDescent="0.2">
      <c r="B37" s="468" t="s">
        <v>36</v>
      </c>
      <c r="C37" s="87">
        <v>0</v>
      </c>
      <c r="D37" s="88">
        <v>3</v>
      </c>
      <c r="E37" s="89">
        <v>3</v>
      </c>
      <c r="F37" s="90">
        <v>0</v>
      </c>
      <c r="G37" s="88">
        <v>82</v>
      </c>
      <c r="H37" s="88">
        <v>72</v>
      </c>
      <c r="I37" s="88">
        <v>50</v>
      </c>
      <c r="J37" s="88">
        <v>24</v>
      </c>
      <c r="K37" s="88">
        <v>22</v>
      </c>
      <c r="L37" s="89">
        <v>250</v>
      </c>
      <c r="M37" s="91">
        <v>253</v>
      </c>
      <c r="N37" s="92">
        <v>0</v>
      </c>
      <c r="O37" s="88">
        <v>0</v>
      </c>
      <c r="P37" s="89">
        <v>0</v>
      </c>
      <c r="Q37" s="90">
        <v>0</v>
      </c>
      <c r="R37" s="88">
        <v>1</v>
      </c>
      <c r="S37" s="88">
        <v>0</v>
      </c>
      <c r="T37" s="88">
        <v>1</v>
      </c>
      <c r="U37" s="88">
        <v>0</v>
      </c>
      <c r="V37" s="88">
        <v>1</v>
      </c>
      <c r="W37" s="89">
        <v>3</v>
      </c>
      <c r="X37" s="91">
        <v>3</v>
      </c>
      <c r="Y37" s="92">
        <v>0</v>
      </c>
      <c r="Z37" s="88">
        <v>3</v>
      </c>
      <c r="AA37" s="89">
        <v>3</v>
      </c>
      <c r="AB37" s="90">
        <v>0</v>
      </c>
      <c r="AC37" s="88">
        <v>83</v>
      </c>
      <c r="AD37" s="88">
        <v>72</v>
      </c>
      <c r="AE37" s="88">
        <v>51</v>
      </c>
      <c r="AF37" s="88">
        <v>24</v>
      </c>
      <c r="AG37" s="88">
        <v>23</v>
      </c>
      <c r="AH37" s="89">
        <v>253</v>
      </c>
      <c r="AI37" s="91">
        <v>256</v>
      </c>
    </row>
    <row r="38" spans="2:35" ht="21" customHeight="1" thickBot="1" x14ac:dyDescent="0.25">
      <c r="B38" s="469" t="s">
        <v>37</v>
      </c>
      <c r="C38" s="93">
        <v>0</v>
      </c>
      <c r="D38" s="94">
        <v>0</v>
      </c>
      <c r="E38" s="95">
        <v>0</v>
      </c>
      <c r="F38" s="96">
        <v>0</v>
      </c>
      <c r="G38" s="94">
        <v>16</v>
      </c>
      <c r="H38" s="94">
        <v>7</v>
      </c>
      <c r="I38" s="94">
        <v>8</v>
      </c>
      <c r="J38" s="94">
        <v>6</v>
      </c>
      <c r="K38" s="94">
        <v>4</v>
      </c>
      <c r="L38" s="95">
        <v>41</v>
      </c>
      <c r="M38" s="97">
        <v>41</v>
      </c>
      <c r="N38" s="98">
        <v>0</v>
      </c>
      <c r="O38" s="94">
        <v>0</v>
      </c>
      <c r="P38" s="95">
        <v>0</v>
      </c>
      <c r="Q38" s="96">
        <v>0</v>
      </c>
      <c r="R38" s="94">
        <v>0</v>
      </c>
      <c r="S38" s="94">
        <v>0</v>
      </c>
      <c r="T38" s="94">
        <v>0</v>
      </c>
      <c r="U38" s="94">
        <v>0</v>
      </c>
      <c r="V38" s="94">
        <v>0</v>
      </c>
      <c r="W38" s="95">
        <v>0</v>
      </c>
      <c r="X38" s="97">
        <v>0</v>
      </c>
      <c r="Y38" s="98">
        <v>0</v>
      </c>
      <c r="Z38" s="94">
        <v>0</v>
      </c>
      <c r="AA38" s="95">
        <v>0</v>
      </c>
      <c r="AB38" s="96">
        <v>0</v>
      </c>
      <c r="AC38" s="94">
        <v>16</v>
      </c>
      <c r="AD38" s="94">
        <v>7</v>
      </c>
      <c r="AE38" s="94">
        <v>8</v>
      </c>
      <c r="AF38" s="94">
        <v>6</v>
      </c>
      <c r="AG38" s="94">
        <v>4</v>
      </c>
      <c r="AH38" s="95">
        <v>41</v>
      </c>
      <c r="AI38" s="97">
        <v>41</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39">
        <f>第１表!F2</f>
        <v>6</v>
      </c>
      <c r="J1" s="539"/>
      <c r="K1" s="235">
        <f>第１表!G2</f>
        <v>1</v>
      </c>
      <c r="L1" s="543">
        <f>IF(K1&lt;3,K1+12-2,K1-2)</f>
        <v>11</v>
      </c>
      <c r="M1" s="543"/>
    </row>
    <row r="2" spans="1:101" s="272" customFormat="1" ht="24" customHeight="1" thickBot="1" x14ac:dyDescent="0.25">
      <c r="A2" s="39"/>
      <c r="B2" s="271" t="s">
        <v>131</v>
      </c>
    </row>
    <row r="3" spans="1:101" ht="21" customHeight="1" thickBot="1" x14ac:dyDescent="0.25">
      <c r="B3" s="556"/>
      <c r="C3" s="547" t="s">
        <v>114</v>
      </c>
      <c r="D3" s="548"/>
      <c r="E3" s="548"/>
      <c r="F3" s="548"/>
      <c r="G3" s="548"/>
      <c r="H3" s="548"/>
      <c r="I3" s="548"/>
      <c r="J3" s="548"/>
      <c r="K3" s="548"/>
      <c r="L3" s="548"/>
      <c r="M3" s="549"/>
      <c r="N3" s="547" t="s">
        <v>115</v>
      </c>
      <c r="O3" s="548"/>
      <c r="P3" s="548"/>
      <c r="Q3" s="548"/>
      <c r="R3" s="548"/>
      <c r="S3" s="548"/>
      <c r="T3" s="548"/>
      <c r="U3" s="548"/>
      <c r="V3" s="548"/>
      <c r="W3" s="548"/>
      <c r="X3" s="549"/>
      <c r="Y3" s="547" t="s">
        <v>140</v>
      </c>
      <c r="Z3" s="548"/>
      <c r="AA3" s="548"/>
      <c r="AB3" s="548"/>
      <c r="AC3" s="548"/>
      <c r="AD3" s="548"/>
      <c r="AE3" s="548"/>
      <c r="AF3" s="548"/>
      <c r="AG3" s="548"/>
      <c r="AH3" s="548"/>
      <c r="AI3" s="549"/>
      <c r="AJ3" s="547" t="s">
        <v>90</v>
      </c>
      <c r="AK3" s="548"/>
      <c r="AL3" s="548"/>
      <c r="AM3" s="548"/>
      <c r="AN3" s="548"/>
      <c r="AO3" s="548"/>
      <c r="AP3" s="548"/>
      <c r="AQ3" s="548"/>
      <c r="AR3" s="548"/>
      <c r="AS3" s="548"/>
      <c r="AT3" s="549"/>
      <c r="AU3" s="560" t="s">
        <v>89</v>
      </c>
      <c r="AV3" s="561"/>
      <c r="AW3" s="561"/>
      <c r="AX3" s="561"/>
      <c r="AY3" s="561"/>
      <c r="AZ3" s="561"/>
      <c r="BA3" s="561"/>
      <c r="BB3" s="561"/>
      <c r="BC3" s="561"/>
      <c r="BD3" s="561"/>
      <c r="BE3" s="562"/>
      <c r="BF3" s="560" t="s">
        <v>91</v>
      </c>
      <c r="BG3" s="561"/>
      <c r="BH3" s="561"/>
      <c r="BI3" s="561"/>
      <c r="BJ3" s="561"/>
      <c r="BK3" s="561"/>
      <c r="BL3" s="561"/>
      <c r="BM3" s="561"/>
      <c r="BN3" s="561"/>
      <c r="BO3" s="561"/>
      <c r="BP3" s="562"/>
      <c r="BQ3" s="560" t="s">
        <v>92</v>
      </c>
      <c r="BR3" s="561"/>
      <c r="BS3" s="561"/>
      <c r="BT3" s="561"/>
      <c r="BU3" s="561"/>
      <c r="BV3" s="561"/>
      <c r="BW3" s="561"/>
      <c r="BX3" s="561"/>
      <c r="BY3" s="561"/>
      <c r="BZ3" s="561"/>
      <c r="CA3" s="562"/>
      <c r="CB3" s="560" t="s">
        <v>93</v>
      </c>
      <c r="CC3" s="561"/>
      <c r="CD3" s="561"/>
      <c r="CE3" s="561"/>
      <c r="CF3" s="561"/>
      <c r="CG3" s="561"/>
      <c r="CH3" s="561"/>
      <c r="CI3" s="561"/>
      <c r="CJ3" s="561"/>
      <c r="CK3" s="561"/>
      <c r="CL3" s="562"/>
      <c r="CM3" s="561" t="s">
        <v>139</v>
      </c>
      <c r="CN3" s="561"/>
      <c r="CO3" s="561"/>
      <c r="CP3" s="561"/>
      <c r="CQ3" s="561"/>
      <c r="CR3" s="561"/>
      <c r="CS3" s="561"/>
      <c r="CT3" s="561"/>
      <c r="CU3" s="561"/>
      <c r="CV3" s="561"/>
      <c r="CW3" s="562"/>
    </row>
    <row r="4" spans="1:101"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78" t="s">
        <v>61</v>
      </c>
      <c r="AV4" s="576"/>
      <c r="AW4" s="577"/>
      <c r="AX4" s="575" t="s">
        <v>62</v>
      </c>
      <c r="AY4" s="576"/>
      <c r="AZ4" s="576"/>
      <c r="BA4" s="576"/>
      <c r="BB4" s="576"/>
      <c r="BC4" s="576"/>
      <c r="BD4" s="577"/>
      <c r="BE4" s="573" t="s">
        <v>52</v>
      </c>
      <c r="BF4" s="578" t="s">
        <v>61</v>
      </c>
      <c r="BG4" s="576"/>
      <c r="BH4" s="577"/>
      <c r="BI4" s="575" t="s">
        <v>62</v>
      </c>
      <c r="BJ4" s="576"/>
      <c r="BK4" s="576"/>
      <c r="BL4" s="576"/>
      <c r="BM4" s="576"/>
      <c r="BN4" s="576"/>
      <c r="BO4" s="577"/>
      <c r="BP4" s="573" t="s">
        <v>52</v>
      </c>
      <c r="BQ4" s="578" t="s">
        <v>61</v>
      </c>
      <c r="BR4" s="576"/>
      <c r="BS4" s="577"/>
      <c r="BT4" s="575" t="s">
        <v>62</v>
      </c>
      <c r="BU4" s="576"/>
      <c r="BV4" s="576"/>
      <c r="BW4" s="576"/>
      <c r="BX4" s="576"/>
      <c r="BY4" s="576"/>
      <c r="BZ4" s="577"/>
      <c r="CA4" s="573" t="s">
        <v>52</v>
      </c>
      <c r="CB4" s="578" t="s">
        <v>61</v>
      </c>
      <c r="CC4" s="576"/>
      <c r="CD4" s="577"/>
      <c r="CE4" s="575" t="s">
        <v>62</v>
      </c>
      <c r="CF4" s="576"/>
      <c r="CG4" s="576"/>
      <c r="CH4" s="576"/>
      <c r="CI4" s="576"/>
      <c r="CJ4" s="576"/>
      <c r="CK4" s="577"/>
      <c r="CL4" s="573" t="s">
        <v>52</v>
      </c>
      <c r="CM4" s="578" t="s">
        <v>61</v>
      </c>
      <c r="CN4" s="576"/>
      <c r="CO4" s="577"/>
      <c r="CP4" s="575" t="s">
        <v>62</v>
      </c>
      <c r="CQ4" s="576"/>
      <c r="CR4" s="576"/>
      <c r="CS4" s="576"/>
      <c r="CT4" s="576"/>
      <c r="CU4" s="576"/>
      <c r="CV4" s="577"/>
      <c r="CW4" s="573" t="s">
        <v>52</v>
      </c>
    </row>
    <row r="5" spans="1:101" ht="30" customHeight="1" thickBot="1" x14ac:dyDescent="0.25">
      <c r="B5" s="558"/>
      <c r="C5" s="244" t="s">
        <v>43</v>
      </c>
      <c r="D5" s="246" t="s">
        <v>44</v>
      </c>
      <c r="E5" s="247" t="s">
        <v>45</v>
      </c>
      <c r="F5" s="248" t="s">
        <v>83</v>
      </c>
      <c r="G5" s="243" t="s">
        <v>47</v>
      </c>
      <c r="H5" s="243" t="s">
        <v>48</v>
      </c>
      <c r="I5" s="243" t="s">
        <v>49</v>
      </c>
      <c r="J5" s="243" t="s">
        <v>50</v>
      </c>
      <c r="K5" s="243" t="s">
        <v>51</v>
      </c>
      <c r="L5" s="249" t="s">
        <v>45</v>
      </c>
      <c r="M5" s="554"/>
      <c r="N5" s="244" t="s">
        <v>43</v>
      </c>
      <c r="O5" s="243" t="s">
        <v>44</v>
      </c>
      <c r="P5" s="246" t="s">
        <v>45</v>
      </c>
      <c r="Q5" s="248" t="s">
        <v>83</v>
      </c>
      <c r="R5" s="243" t="s">
        <v>47</v>
      </c>
      <c r="S5" s="243" t="s">
        <v>48</v>
      </c>
      <c r="T5" s="243" t="s">
        <v>49</v>
      </c>
      <c r="U5" s="243" t="s">
        <v>50</v>
      </c>
      <c r="V5" s="243" t="s">
        <v>51</v>
      </c>
      <c r="W5" s="246" t="s">
        <v>45</v>
      </c>
      <c r="X5" s="554"/>
      <c r="Y5" s="244" t="s">
        <v>43</v>
      </c>
      <c r="Z5" s="243" t="s">
        <v>44</v>
      </c>
      <c r="AA5" s="246" t="s">
        <v>45</v>
      </c>
      <c r="AB5" s="248" t="s">
        <v>83</v>
      </c>
      <c r="AC5" s="243" t="s">
        <v>47</v>
      </c>
      <c r="AD5" s="243" t="s">
        <v>48</v>
      </c>
      <c r="AE5" s="243" t="s">
        <v>49</v>
      </c>
      <c r="AF5" s="243" t="s">
        <v>50</v>
      </c>
      <c r="AG5" s="243" t="s">
        <v>51</v>
      </c>
      <c r="AH5" s="246" t="s">
        <v>45</v>
      </c>
      <c r="AI5" s="554"/>
      <c r="AJ5" s="316" t="s">
        <v>43</v>
      </c>
      <c r="AK5" s="243" t="s">
        <v>44</v>
      </c>
      <c r="AL5" s="246" t="s">
        <v>45</v>
      </c>
      <c r="AM5" s="248" t="s">
        <v>83</v>
      </c>
      <c r="AN5" s="243" t="s">
        <v>47</v>
      </c>
      <c r="AO5" s="243" t="s">
        <v>48</v>
      </c>
      <c r="AP5" s="243" t="s">
        <v>49</v>
      </c>
      <c r="AQ5" s="243" t="s">
        <v>50</v>
      </c>
      <c r="AR5" s="243" t="s">
        <v>51</v>
      </c>
      <c r="AS5" s="246" t="s">
        <v>45</v>
      </c>
      <c r="AT5" s="554"/>
      <c r="AU5" s="316" t="s">
        <v>43</v>
      </c>
      <c r="AV5" s="243" t="s">
        <v>44</v>
      </c>
      <c r="AW5" s="246" t="s">
        <v>45</v>
      </c>
      <c r="AX5" s="248" t="s">
        <v>83</v>
      </c>
      <c r="AY5" s="243" t="s">
        <v>47</v>
      </c>
      <c r="AZ5" s="243" t="s">
        <v>48</v>
      </c>
      <c r="BA5" s="243" t="s">
        <v>49</v>
      </c>
      <c r="BB5" s="243" t="s">
        <v>50</v>
      </c>
      <c r="BC5" s="243" t="s">
        <v>51</v>
      </c>
      <c r="BD5" s="246" t="s">
        <v>45</v>
      </c>
      <c r="BE5" s="574"/>
      <c r="BF5" s="316" t="s">
        <v>43</v>
      </c>
      <c r="BG5" s="243" t="s">
        <v>44</v>
      </c>
      <c r="BH5" s="246" t="s">
        <v>45</v>
      </c>
      <c r="BI5" s="248" t="s">
        <v>83</v>
      </c>
      <c r="BJ5" s="243" t="s">
        <v>47</v>
      </c>
      <c r="BK5" s="243" t="s">
        <v>48</v>
      </c>
      <c r="BL5" s="243" t="s">
        <v>49</v>
      </c>
      <c r="BM5" s="243" t="s">
        <v>50</v>
      </c>
      <c r="BN5" s="243" t="s">
        <v>51</v>
      </c>
      <c r="BO5" s="246" t="s">
        <v>45</v>
      </c>
      <c r="BP5" s="574"/>
      <c r="BQ5" s="316" t="s">
        <v>43</v>
      </c>
      <c r="BR5" s="243" t="s">
        <v>44</v>
      </c>
      <c r="BS5" s="246" t="s">
        <v>45</v>
      </c>
      <c r="BT5" s="248" t="s">
        <v>83</v>
      </c>
      <c r="BU5" s="243" t="s">
        <v>47</v>
      </c>
      <c r="BV5" s="243" t="s">
        <v>48</v>
      </c>
      <c r="BW5" s="243" t="s">
        <v>49</v>
      </c>
      <c r="BX5" s="243" t="s">
        <v>50</v>
      </c>
      <c r="BY5" s="243" t="s">
        <v>51</v>
      </c>
      <c r="BZ5" s="246" t="s">
        <v>45</v>
      </c>
      <c r="CA5" s="574"/>
      <c r="CB5" s="316" t="s">
        <v>43</v>
      </c>
      <c r="CC5" s="243" t="s">
        <v>44</v>
      </c>
      <c r="CD5" s="246" t="s">
        <v>45</v>
      </c>
      <c r="CE5" s="248" t="s">
        <v>83</v>
      </c>
      <c r="CF5" s="243" t="s">
        <v>47</v>
      </c>
      <c r="CG5" s="243" t="s">
        <v>48</v>
      </c>
      <c r="CH5" s="243" t="s">
        <v>49</v>
      </c>
      <c r="CI5" s="243" t="s">
        <v>50</v>
      </c>
      <c r="CJ5" s="243" t="s">
        <v>51</v>
      </c>
      <c r="CK5" s="246" t="s">
        <v>45</v>
      </c>
      <c r="CL5" s="574"/>
      <c r="CM5" s="316" t="s">
        <v>43</v>
      </c>
      <c r="CN5" s="243" t="s">
        <v>44</v>
      </c>
      <c r="CO5" s="246" t="s">
        <v>45</v>
      </c>
      <c r="CP5" s="248" t="s">
        <v>83</v>
      </c>
      <c r="CQ5" s="243" t="s">
        <v>47</v>
      </c>
      <c r="CR5" s="243" t="s">
        <v>48</v>
      </c>
      <c r="CS5" s="243" t="s">
        <v>49</v>
      </c>
      <c r="CT5" s="243" t="s">
        <v>50</v>
      </c>
      <c r="CU5" s="243" t="s">
        <v>51</v>
      </c>
      <c r="CV5" s="246" t="s">
        <v>45</v>
      </c>
      <c r="CW5" s="574"/>
    </row>
    <row r="6" spans="1:101" ht="21" customHeight="1" x14ac:dyDescent="0.2">
      <c r="B6" s="466" t="s">
        <v>4</v>
      </c>
      <c r="C6" s="250">
        <v>0</v>
      </c>
      <c r="D6" s="251">
        <v>0</v>
      </c>
      <c r="E6" s="252">
        <v>0</v>
      </c>
      <c r="F6" s="253">
        <v>0</v>
      </c>
      <c r="G6" s="254">
        <v>317</v>
      </c>
      <c r="H6" s="254">
        <v>415</v>
      </c>
      <c r="I6" s="254">
        <v>352</v>
      </c>
      <c r="J6" s="254">
        <v>425</v>
      </c>
      <c r="K6" s="254">
        <v>376</v>
      </c>
      <c r="L6" s="255">
        <v>1885</v>
      </c>
      <c r="M6" s="256">
        <v>1885</v>
      </c>
      <c r="N6" s="250">
        <v>0</v>
      </c>
      <c r="O6" s="254">
        <v>0</v>
      </c>
      <c r="P6" s="251">
        <v>0</v>
      </c>
      <c r="Q6" s="253">
        <v>0</v>
      </c>
      <c r="R6" s="254">
        <v>189</v>
      </c>
      <c r="S6" s="254">
        <v>538</v>
      </c>
      <c r="T6" s="254">
        <v>472</v>
      </c>
      <c r="U6" s="254">
        <v>446</v>
      </c>
      <c r="V6" s="254">
        <v>393</v>
      </c>
      <c r="W6" s="251">
        <v>2038</v>
      </c>
      <c r="X6" s="256">
        <v>2038</v>
      </c>
      <c r="Y6" s="250">
        <v>0</v>
      </c>
      <c r="Z6" s="254">
        <v>0</v>
      </c>
      <c r="AA6" s="251">
        <v>0</v>
      </c>
      <c r="AB6" s="253">
        <v>0</v>
      </c>
      <c r="AC6" s="254">
        <v>13964</v>
      </c>
      <c r="AD6" s="254">
        <v>13009</v>
      </c>
      <c r="AE6" s="254">
        <v>6094</v>
      </c>
      <c r="AF6" s="254">
        <v>2942</v>
      </c>
      <c r="AG6" s="254">
        <v>1371</v>
      </c>
      <c r="AH6" s="251">
        <v>37380</v>
      </c>
      <c r="AI6" s="256">
        <v>37380</v>
      </c>
      <c r="AJ6" s="250">
        <v>6</v>
      </c>
      <c r="AK6" s="254">
        <v>7</v>
      </c>
      <c r="AL6" s="251">
        <v>13</v>
      </c>
      <c r="AM6" s="253">
        <v>0</v>
      </c>
      <c r="AN6" s="254">
        <v>794</v>
      </c>
      <c r="AO6" s="254">
        <v>993</v>
      </c>
      <c r="AP6" s="254">
        <v>1061</v>
      </c>
      <c r="AQ6" s="254">
        <v>614</v>
      </c>
      <c r="AR6" s="254">
        <v>445</v>
      </c>
      <c r="AS6" s="251">
        <v>3907</v>
      </c>
      <c r="AT6" s="256">
        <v>3920</v>
      </c>
      <c r="AU6" s="250">
        <v>175</v>
      </c>
      <c r="AV6" s="254">
        <v>276</v>
      </c>
      <c r="AW6" s="251">
        <v>451</v>
      </c>
      <c r="AX6" s="253">
        <v>0</v>
      </c>
      <c r="AY6" s="254">
        <v>1495</v>
      </c>
      <c r="AZ6" s="254">
        <v>1608</v>
      </c>
      <c r="BA6" s="254">
        <v>1396</v>
      </c>
      <c r="BB6" s="254">
        <v>936</v>
      </c>
      <c r="BC6" s="254">
        <v>541</v>
      </c>
      <c r="BD6" s="251">
        <v>5976</v>
      </c>
      <c r="BE6" s="256">
        <v>6427</v>
      </c>
      <c r="BF6" s="250">
        <v>0</v>
      </c>
      <c r="BG6" s="254">
        <v>39</v>
      </c>
      <c r="BH6" s="251">
        <v>39</v>
      </c>
      <c r="BI6" s="253">
        <v>0</v>
      </c>
      <c r="BJ6" s="254">
        <v>2472</v>
      </c>
      <c r="BK6" s="254">
        <v>3207</v>
      </c>
      <c r="BL6" s="254">
        <v>3620</v>
      </c>
      <c r="BM6" s="254">
        <v>2424</v>
      </c>
      <c r="BN6" s="254">
        <v>1609</v>
      </c>
      <c r="BO6" s="255">
        <v>13332</v>
      </c>
      <c r="BP6" s="256">
        <v>13371</v>
      </c>
      <c r="BQ6" s="250">
        <v>0</v>
      </c>
      <c r="BR6" s="254">
        <v>0</v>
      </c>
      <c r="BS6" s="251">
        <v>0</v>
      </c>
      <c r="BT6" s="253">
        <v>0</v>
      </c>
      <c r="BU6" s="254">
        <v>45</v>
      </c>
      <c r="BV6" s="254">
        <v>46</v>
      </c>
      <c r="BW6" s="254">
        <v>69</v>
      </c>
      <c r="BX6" s="254">
        <v>65</v>
      </c>
      <c r="BY6" s="254">
        <v>57</v>
      </c>
      <c r="BZ6" s="251">
        <v>282</v>
      </c>
      <c r="CA6" s="256">
        <v>282</v>
      </c>
      <c r="CB6" s="250">
        <v>0</v>
      </c>
      <c r="CC6" s="254">
        <v>0</v>
      </c>
      <c r="CD6" s="251">
        <v>0</v>
      </c>
      <c r="CE6" s="253">
        <v>0</v>
      </c>
      <c r="CF6" s="254">
        <v>6</v>
      </c>
      <c r="CG6" s="254">
        <v>27</v>
      </c>
      <c r="CH6" s="254">
        <v>215</v>
      </c>
      <c r="CI6" s="254">
        <v>332</v>
      </c>
      <c r="CJ6" s="254">
        <v>243</v>
      </c>
      <c r="CK6" s="251">
        <v>823</v>
      </c>
      <c r="CL6" s="256">
        <v>823</v>
      </c>
      <c r="CM6" s="250">
        <v>0</v>
      </c>
      <c r="CN6" s="254">
        <v>0</v>
      </c>
      <c r="CO6" s="251">
        <v>0</v>
      </c>
      <c r="CP6" s="253">
        <v>0</v>
      </c>
      <c r="CQ6" s="254">
        <v>193</v>
      </c>
      <c r="CR6" s="254">
        <v>326</v>
      </c>
      <c r="CS6" s="254">
        <v>289</v>
      </c>
      <c r="CT6" s="254">
        <v>385</v>
      </c>
      <c r="CU6" s="254">
        <v>458</v>
      </c>
      <c r="CV6" s="251">
        <v>1651</v>
      </c>
      <c r="CW6" s="256">
        <v>1651</v>
      </c>
    </row>
    <row r="7" spans="1:101" ht="21" customHeight="1" x14ac:dyDescent="0.2">
      <c r="B7" s="467" t="s">
        <v>5</v>
      </c>
      <c r="C7" s="257">
        <v>0</v>
      </c>
      <c r="D7" s="258">
        <v>0</v>
      </c>
      <c r="E7" s="259">
        <v>0</v>
      </c>
      <c r="F7" s="260">
        <v>0</v>
      </c>
      <c r="G7" s="261">
        <v>126</v>
      </c>
      <c r="H7" s="261">
        <v>198</v>
      </c>
      <c r="I7" s="261">
        <v>172</v>
      </c>
      <c r="J7" s="261">
        <v>196</v>
      </c>
      <c r="K7" s="261">
        <v>170</v>
      </c>
      <c r="L7" s="262">
        <v>862</v>
      </c>
      <c r="M7" s="263">
        <v>862</v>
      </c>
      <c r="N7" s="257">
        <v>0</v>
      </c>
      <c r="O7" s="261">
        <v>0</v>
      </c>
      <c r="P7" s="258">
        <v>0</v>
      </c>
      <c r="Q7" s="260">
        <v>0</v>
      </c>
      <c r="R7" s="261">
        <v>95</v>
      </c>
      <c r="S7" s="261">
        <v>396</v>
      </c>
      <c r="T7" s="261">
        <v>352</v>
      </c>
      <c r="U7" s="261">
        <v>329</v>
      </c>
      <c r="V7" s="261">
        <v>292</v>
      </c>
      <c r="W7" s="258">
        <v>1464</v>
      </c>
      <c r="X7" s="263">
        <v>1464</v>
      </c>
      <c r="Y7" s="257">
        <v>0</v>
      </c>
      <c r="Z7" s="261">
        <v>0</v>
      </c>
      <c r="AA7" s="258">
        <v>0</v>
      </c>
      <c r="AB7" s="260">
        <v>0</v>
      </c>
      <c r="AC7" s="261">
        <v>5047</v>
      </c>
      <c r="AD7" s="261">
        <v>6340</v>
      </c>
      <c r="AE7" s="261">
        <v>2836</v>
      </c>
      <c r="AF7" s="261">
        <v>1365</v>
      </c>
      <c r="AG7" s="261">
        <v>641</v>
      </c>
      <c r="AH7" s="258">
        <v>16229</v>
      </c>
      <c r="AI7" s="263">
        <v>16229</v>
      </c>
      <c r="AJ7" s="257">
        <v>3</v>
      </c>
      <c r="AK7" s="261">
        <v>3</v>
      </c>
      <c r="AL7" s="258">
        <v>6</v>
      </c>
      <c r="AM7" s="260">
        <v>0</v>
      </c>
      <c r="AN7" s="261">
        <v>406</v>
      </c>
      <c r="AO7" s="261">
        <v>513</v>
      </c>
      <c r="AP7" s="261">
        <v>538</v>
      </c>
      <c r="AQ7" s="261">
        <v>346</v>
      </c>
      <c r="AR7" s="261">
        <v>243</v>
      </c>
      <c r="AS7" s="258">
        <v>2046</v>
      </c>
      <c r="AT7" s="263">
        <v>2052</v>
      </c>
      <c r="AU7" s="257">
        <v>74</v>
      </c>
      <c r="AV7" s="261">
        <v>106</v>
      </c>
      <c r="AW7" s="258">
        <v>180</v>
      </c>
      <c r="AX7" s="260">
        <v>0</v>
      </c>
      <c r="AY7" s="261">
        <v>573</v>
      </c>
      <c r="AZ7" s="261">
        <v>712</v>
      </c>
      <c r="BA7" s="261">
        <v>573</v>
      </c>
      <c r="BB7" s="261">
        <v>441</v>
      </c>
      <c r="BC7" s="261">
        <v>266</v>
      </c>
      <c r="BD7" s="258">
        <v>2565</v>
      </c>
      <c r="BE7" s="263">
        <v>2745</v>
      </c>
      <c r="BF7" s="257">
        <v>0</v>
      </c>
      <c r="BG7" s="261">
        <v>13</v>
      </c>
      <c r="BH7" s="258">
        <v>13</v>
      </c>
      <c r="BI7" s="260">
        <v>0</v>
      </c>
      <c r="BJ7" s="261">
        <v>1109</v>
      </c>
      <c r="BK7" s="261">
        <v>1368</v>
      </c>
      <c r="BL7" s="261">
        <v>1561</v>
      </c>
      <c r="BM7" s="261">
        <v>1053</v>
      </c>
      <c r="BN7" s="261">
        <v>731</v>
      </c>
      <c r="BO7" s="262">
        <v>5822</v>
      </c>
      <c r="BP7" s="263">
        <v>5835</v>
      </c>
      <c r="BQ7" s="257">
        <v>0</v>
      </c>
      <c r="BR7" s="261">
        <v>0</v>
      </c>
      <c r="BS7" s="258">
        <v>0</v>
      </c>
      <c r="BT7" s="260">
        <v>0</v>
      </c>
      <c r="BU7" s="261">
        <v>0</v>
      </c>
      <c r="BV7" s="261">
        <v>2</v>
      </c>
      <c r="BW7" s="261">
        <v>5</v>
      </c>
      <c r="BX7" s="261">
        <v>0</v>
      </c>
      <c r="BY7" s="261">
        <v>5</v>
      </c>
      <c r="BZ7" s="258">
        <v>12</v>
      </c>
      <c r="CA7" s="263">
        <v>12</v>
      </c>
      <c r="CB7" s="257">
        <v>0</v>
      </c>
      <c r="CC7" s="261">
        <v>0</v>
      </c>
      <c r="CD7" s="258">
        <v>0</v>
      </c>
      <c r="CE7" s="260">
        <v>0</v>
      </c>
      <c r="CF7" s="261">
        <v>3</v>
      </c>
      <c r="CG7" s="261">
        <v>10</v>
      </c>
      <c r="CH7" s="261">
        <v>25</v>
      </c>
      <c r="CI7" s="261">
        <v>37</v>
      </c>
      <c r="CJ7" s="261">
        <v>39</v>
      </c>
      <c r="CK7" s="258">
        <v>114</v>
      </c>
      <c r="CL7" s="263">
        <v>114</v>
      </c>
      <c r="CM7" s="257">
        <v>0</v>
      </c>
      <c r="CN7" s="261">
        <v>0</v>
      </c>
      <c r="CO7" s="258">
        <v>0</v>
      </c>
      <c r="CP7" s="260">
        <v>0</v>
      </c>
      <c r="CQ7" s="261">
        <v>23</v>
      </c>
      <c r="CR7" s="261">
        <v>75</v>
      </c>
      <c r="CS7" s="261">
        <v>68</v>
      </c>
      <c r="CT7" s="261">
        <v>105</v>
      </c>
      <c r="CU7" s="261">
        <v>166</v>
      </c>
      <c r="CV7" s="258">
        <v>437</v>
      </c>
      <c r="CW7" s="263">
        <v>437</v>
      </c>
    </row>
    <row r="8" spans="1:101" ht="21" customHeight="1" x14ac:dyDescent="0.2">
      <c r="B8" s="468" t="s">
        <v>6</v>
      </c>
      <c r="C8" s="257">
        <v>0</v>
      </c>
      <c r="D8" s="258">
        <v>0</v>
      </c>
      <c r="E8" s="259">
        <v>0</v>
      </c>
      <c r="F8" s="260">
        <v>0</v>
      </c>
      <c r="G8" s="261">
        <v>74</v>
      </c>
      <c r="H8" s="261">
        <v>68</v>
      </c>
      <c r="I8" s="261">
        <v>72</v>
      </c>
      <c r="J8" s="261">
        <v>108</v>
      </c>
      <c r="K8" s="261">
        <v>102</v>
      </c>
      <c r="L8" s="262">
        <v>424</v>
      </c>
      <c r="M8" s="263">
        <v>424</v>
      </c>
      <c r="N8" s="257">
        <v>0</v>
      </c>
      <c r="O8" s="261">
        <v>0</v>
      </c>
      <c r="P8" s="258">
        <v>0</v>
      </c>
      <c r="Q8" s="260">
        <v>0</v>
      </c>
      <c r="R8" s="261">
        <v>69</v>
      </c>
      <c r="S8" s="261">
        <v>119</v>
      </c>
      <c r="T8" s="261">
        <v>95</v>
      </c>
      <c r="U8" s="261">
        <v>92</v>
      </c>
      <c r="V8" s="261">
        <v>88</v>
      </c>
      <c r="W8" s="258">
        <v>463</v>
      </c>
      <c r="X8" s="263">
        <v>463</v>
      </c>
      <c r="Y8" s="257">
        <v>0</v>
      </c>
      <c r="Z8" s="261">
        <v>0</v>
      </c>
      <c r="AA8" s="258">
        <v>0</v>
      </c>
      <c r="AB8" s="260">
        <v>0</v>
      </c>
      <c r="AC8" s="261">
        <v>1933</v>
      </c>
      <c r="AD8" s="261">
        <v>1409</v>
      </c>
      <c r="AE8" s="261">
        <v>740</v>
      </c>
      <c r="AF8" s="261">
        <v>418</v>
      </c>
      <c r="AG8" s="261">
        <v>210</v>
      </c>
      <c r="AH8" s="258">
        <v>4710</v>
      </c>
      <c r="AI8" s="263">
        <v>4710</v>
      </c>
      <c r="AJ8" s="257">
        <v>2</v>
      </c>
      <c r="AK8" s="261">
        <v>1</v>
      </c>
      <c r="AL8" s="258">
        <v>3</v>
      </c>
      <c r="AM8" s="260">
        <v>0</v>
      </c>
      <c r="AN8" s="261">
        <v>165</v>
      </c>
      <c r="AO8" s="261">
        <v>221</v>
      </c>
      <c r="AP8" s="261">
        <v>237</v>
      </c>
      <c r="AQ8" s="261">
        <v>128</v>
      </c>
      <c r="AR8" s="261">
        <v>98</v>
      </c>
      <c r="AS8" s="258">
        <v>849</v>
      </c>
      <c r="AT8" s="263">
        <v>852</v>
      </c>
      <c r="AU8" s="257">
        <v>23</v>
      </c>
      <c r="AV8" s="261">
        <v>33</v>
      </c>
      <c r="AW8" s="258">
        <v>56</v>
      </c>
      <c r="AX8" s="260">
        <v>0</v>
      </c>
      <c r="AY8" s="261">
        <v>243</v>
      </c>
      <c r="AZ8" s="261">
        <v>233</v>
      </c>
      <c r="BA8" s="261">
        <v>194</v>
      </c>
      <c r="BB8" s="261">
        <v>122</v>
      </c>
      <c r="BC8" s="261">
        <v>73</v>
      </c>
      <c r="BD8" s="258">
        <v>865</v>
      </c>
      <c r="BE8" s="263">
        <v>921</v>
      </c>
      <c r="BF8" s="257">
        <v>0</v>
      </c>
      <c r="BG8" s="261">
        <v>5</v>
      </c>
      <c r="BH8" s="258">
        <v>5</v>
      </c>
      <c r="BI8" s="260">
        <v>0</v>
      </c>
      <c r="BJ8" s="261">
        <v>447</v>
      </c>
      <c r="BK8" s="261">
        <v>570</v>
      </c>
      <c r="BL8" s="261">
        <v>543</v>
      </c>
      <c r="BM8" s="261">
        <v>371</v>
      </c>
      <c r="BN8" s="261">
        <v>266</v>
      </c>
      <c r="BO8" s="262">
        <v>2197</v>
      </c>
      <c r="BP8" s="263">
        <v>2202</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2</v>
      </c>
      <c r="CG8" s="261">
        <v>6</v>
      </c>
      <c r="CH8" s="261">
        <v>73</v>
      </c>
      <c r="CI8" s="261">
        <v>93</v>
      </c>
      <c r="CJ8" s="261">
        <v>67</v>
      </c>
      <c r="CK8" s="258">
        <v>241</v>
      </c>
      <c r="CL8" s="263">
        <v>241</v>
      </c>
      <c r="CM8" s="257">
        <v>0</v>
      </c>
      <c r="CN8" s="261">
        <v>0</v>
      </c>
      <c r="CO8" s="258">
        <v>0</v>
      </c>
      <c r="CP8" s="260">
        <v>0</v>
      </c>
      <c r="CQ8" s="261">
        <v>73</v>
      </c>
      <c r="CR8" s="261">
        <v>90</v>
      </c>
      <c r="CS8" s="261">
        <v>61</v>
      </c>
      <c r="CT8" s="261">
        <v>93</v>
      </c>
      <c r="CU8" s="261">
        <v>109</v>
      </c>
      <c r="CV8" s="258">
        <v>426</v>
      </c>
      <c r="CW8" s="263">
        <v>426</v>
      </c>
    </row>
    <row r="9" spans="1:101" ht="21" customHeight="1" x14ac:dyDescent="0.2">
      <c r="B9" s="468" t="s">
        <v>14</v>
      </c>
      <c r="C9" s="257">
        <v>0</v>
      </c>
      <c r="D9" s="258">
        <v>0</v>
      </c>
      <c r="E9" s="259">
        <v>0</v>
      </c>
      <c r="F9" s="260">
        <v>0</v>
      </c>
      <c r="G9" s="261">
        <v>30</v>
      </c>
      <c r="H9" s="261">
        <v>35</v>
      </c>
      <c r="I9" s="261">
        <v>30</v>
      </c>
      <c r="J9" s="261">
        <v>34</v>
      </c>
      <c r="K9" s="261">
        <v>30</v>
      </c>
      <c r="L9" s="262">
        <v>159</v>
      </c>
      <c r="M9" s="263">
        <v>159</v>
      </c>
      <c r="N9" s="257">
        <v>0</v>
      </c>
      <c r="O9" s="261">
        <v>0</v>
      </c>
      <c r="P9" s="258">
        <v>0</v>
      </c>
      <c r="Q9" s="260">
        <v>0</v>
      </c>
      <c r="R9" s="261">
        <v>0</v>
      </c>
      <c r="S9" s="261">
        <v>0</v>
      </c>
      <c r="T9" s="261">
        <v>0</v>
      </c>
      <c r="U9" s="261">
        <v>0</v>
      </c>
      <c r="V9" s="261">
        <v>0</v>
      </c>
      <c r="W9" s="258">
        <v>0</v>
      </c>
      <c r="X9" s="263">
        <v>0</v>
      </c>
      <c r="Y9" s="257">
        <v>0</v>
      </c>
      <c r="Z9" s="261">
        <v>0</v>
      </c>
      <c r="AA9" s="258">
        <v>0</v>
      </c>
      <c r="AB9" s="260">
        <v>0</v>
      </c>
      <c r="AC9" s="261">
        <v>1115</v>
      </c>
      <c r="AD9" s="261">
        <v>1204</v>
      </c>
      <c r="AE9" s="261">
        <v>543</v>
      </c>
      <c r="AF9" s="261">
        <v>263</v>
      </c>
      <c r="AG9" s="261">
        <v>121</v>
      </c>
      <c r="AH9" s="258">
        <v>3246</v>
      </c>
      <c r="AI9" s="263">
        <v>3246</v>
      </c>
      <c r="AJ9" s="257">
        <v>0</v>
      </c>
      <c r="AK9" s="261">
        <v>0</v>
      </c>
      <c r="AL9" s="258">
        <v>0</v>
      </c>
      <c r="AM9" s="260">
        <v>0</v>
      </c>
      <c r="AN9" s="261">
        <v>20</v>
      </c>
      <c r="AO9" s="261">
        <v>26</v>
      </c>
      <c r="AP9" s="261">
        <v>43</v>
      </c>
      <c r="AQ9" s="261">
        <v>22</v>
      </c>
      <c r="AR9" s="261">
        <v>20</v>
      </c>
      <c r="AS9" s="258">
        <v>131</v>
      </c>
      <c r="AT9" s="263">
        <v>131</v>
      </c>
      <c r="AU9" s="257">
        <v>18</v>
      </c>
      <c r="AV9" s="261">
        <v>30</v>
      </c>
      <c r="AW9" s="258">
        <v>48</v>
      </c>
      <c r="AX9" s="260">
        <v>0</v>
      </c>
      <c r="AY9" s="261">
        <v>113</v>
      </c>
      <c r="AZ9" s="261">
        <v>142</v>
      </c>
      <c r="BA9" s="261">
        <v>124</v>
      </c>
      <c r="BB9" s="261">
        <v>74</v>
      </c>
      <c r="BC9" s="261">
        <v>23</v>
      </c>
      <c r="BD9" s="258">
        <v>476</v>
      </c>
      <c r="BE9" s="263">
        <v>524</v>
      </c>
      <c r="BF9" s="257">
        <v>0</v>
      </c>
      <c r="BG9" s="261">
        <v>2</v>
      </c>
      <c r="BH9" s="258">
        <v>2</v>
      </c>
      <c r="BI9" s="260">
        <v>0</v>
      </c>
      <c r="BJ9" s="261">
        <v>200</v>
      </c>
      <c r="BK9" s="261">
        <v>271</v>
      </c>
      <c r="BL9" s="261">
        <v>374</v>
      </c>
      <c r="BM9" s="261">
        <v>203</v>
      </c>
      <c r="BN9" s="261">
        <v>141</v>
      </c>
      <c r="BO9" s="262">
        <v>1189</v>
      </c>
      <c r="BP9" s="263">
        <v>1191</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11</v>
      </c>
      <c r="CI9" s="261">
        <v>30</v>
      </c>
      <c r="CJ9" s="261">
        <v>13</v>
      </c>
      <c r="CK9" s="258">
        <v>55</v>
      </c>
      <c r="CL9" s="263">
        <v>55</v>
      </c>
      <c r="CM9" s="257">
        <v>0</v>
      </c>
      <c r="CN9" s="261">
        <v>0</v>
      </c>
      <c r="CO9" s="258">
        <v>0</v>
      </c>
      <c r="CP9" s="260">
        <v>0</v>
      </c>
      <c r="CQ9" s="261">
        <v>9</v>
      </c>
      <c r="CR9" s="261">
        <v>28</v>
      </c>
      <c r="CS9" s="261">
        <v>27</v>
      </c>
      <c r="CT9" s="261">
        <v>36</v>
      </c>
      <c r="CU9" s="261">
        <v>39</v>
      </c>
      <c r="CV9" s="258">
        <v>139</v>
      </c>
      <c r="CW9" s="263">
        <v>139</v>
      </c>
    </row>
    <row r="10" spans="1:101" ht="21" customHeight="1" x14ac:dyDescent="0.2">
      <c r="B10" s="468" t="s">
        <v>7</v>
      </c>
      <c r="C10" s="257">
        <v>0</v>
      </c>
      <c r="D10" s="258">
        <v>0</v>
      </c>
      <c r="E10" s="259">
        <v>0</v>
      </c>
      <c r="F10" s="260">
        <v>0</v>
      </c>
      <c r="G10" s="261">
        <v>10</v>
      </c>
      <c r="H10" s="261">
        <v>10</v>
      </c>
      <c r="I10" s="261">
        <v>5</v>
      </c>
      <c r="J10" s="261">
        <v>10</v>
      </c>
      <c r="K10" s="261">
        <v>4</v>
      </c>
      <c r="L10" s="262">
        <v>39</v>
      </c>
      <c r="M10" s="263">
        <v>39</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72</v>
      </c>
      <c r="AD10" s="261">
        <v>688</v>
      </c>
      <c r="AE10" s="261">
        <v>275</v>
      </c>
      <c r="AF10" s="261">
        <v>119</v>
      </c>
      <c r="AG10" s="261">
        <v>56</v>
      </c>
      <c r="AH10" s="258">
        <v>2310</v>
      </c>
      <c r="AI10" s="263">
        <v>2310</v>
      </c>
      <c r="AJ10" s="257">
        <v>0</v>
      </c>
      <c r="AK10" s="261">
        <v>1</v>
      </c>
      <c r="AL10" s="258">
        <v>1</v>
      </c>
      <c r="AM10" s="260">
        <v>0</v>
      </c>
      <c r="AN10" s="261">
        <v>86</v>
      </c>
      <c r="AO10" s="261">
        <v>98</v>
      </c>
      <c r="AP10" s="261">
        <v>96</v>
      </c>
      <c r="AQ10" s="261">
        <v>44</v>
      </c>
      <c r="AR10" s="261">
        <v>15</v>
      </c>
      <c r="AS10" s="258">
        <v>339</v>
      </c>
      <c r="AT10" s="263">
        <v>340</v>
      </c>
      <c r="AU10" s="257">
        <v>2</v>
      </c>
      <c r="AV10" s="261">
        <v>2</v>
      </c>
      <c r="AW10" s="258">
        <v>4</v>
      </c>
      <c r="AX10" s="260">
        <v>0</v>
      </c>
      <c r="AY10" s="261">
        <v>50</v>
      </c>
      <c r="AZ10" s="261">
        <v>34</v>
      </c>
      <c r="BA10" s="261">
        <v>36</v>
      </c>
      <c r="BB10" s="261">
        <v>19</v>
      </c>
      <c r="BC10" s="261">
        <v>9</v>
      </c>
      <c r="BD10" s="258">
        <v>148</v>
      </c>
      <c r="BE10" s="263">
        <v>152</v>
      </c>
      <c r="BF10" s="257">
        <v>0</v>
      </c>
      <c r="BG10" s="261">
        <v>1</v>
      </c>
      <c r="BH10" s="258">
        <v>1</v>
      </c>
      <c r="BI10" s="260">
        <v>0</v>
      </c>
      <c r="BJ10" s="261">
        <v>118</v>
      </c>
      <c r="BK10" s="261">
        <v>150</v>
      </c>
      <c r="BL10" s="261">
        <v>149</v>
      </c>
      <c r="BM10" s="261">
        <v>128</v>
      </c>
      <c r="BN10" s="261">
        <v>67</v>
      </c>
      <c r="BO10" s="262">
        <v>612</v>
      </c>
      <c r="BP10" s="263">
        <v>613</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4</v>
      </c>
      <c r="CR10" s="261">
        <v>13</v>
      </c>
      <c r="CS10" s="261">
        <v>9</v>
      </c>
      <c r="CT10" s="261">
        <v>11</v>
      </c>
      <c r="CU10" s="261">
        <v>23</v>
      </c>
      <c r="CV10" s="258">
        <v>70</v>
      </c>
      <c r="CW10" s="263">
        <v>70</v>
      </c>
    </row>
    <row r="11" spans="1:101" ht="21" customHeight="1" x14ac:dyDescent="0.2">
      <c r="B11" s="468" t="s">
        <v>8</v>
      </c>
      <c r="C11" s="257">
        <v>0</v>
      </c>
      <c r="D11" s="258">
        <v>0</v>
      </c>
      <c r="E11" s="259">
        <v>0</v>
      </c>
      <c r="F11" s="260">
        <v>0</v>
      </c>
      <c r="G11" s="261">
        <v>7</v>
      </c>
      <c r="H11" s="261">
        <v>6</v>
      </c>
      <c r="I11" s="261">
        <v>1</v>
      </c>
      <c r="J11" s="261">
        <v>6</v>
      </c>
      <c r="K11" s="261">
        <v>1</v>
      </c>
      <c r="L11" s="262">
        <v>21</v>
      </c>
      <c r="M11" s="263">
        <v>2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627</v>
      </c>
      <c r="AD11" s="261">
        <v>546</v>
      </c>
      <c r="AE11" s="261">
        <v>226</v>
      </c>
      <c r="AF11" s="261">
        <v>103</v>
      </c>
      <c r="AG11" s="261">
        <v>59</v>
      </c>
      <c r="AH11" s="258">
        <v>1561</v>
      </c>
      <c r="AI11" s="263">
        <v>1561</v>
      </c>
      <c r="AJ11" s="257">
        <v>0</v>
      </c>
      <c r="AK11" s="261">
        <v>0</v>
      </c>
      <c r="AL11" s="258">
        <v>0</v>
      </c>
      <c r="AM11" s="260">
        <v>0</v>
      </c>
      <c r="AN11" s="261">
        <v>9</v>
      </c>
      <c r="AO11" s="261">
        <v>11</v>
      </c>
      <c r="AP11" s="261">
        <v>7</v>
      </c>
      <c r="AQ11" s="261">
        <v>9</v>
      </c>
      <c r="AR11" s="261">
        <v>7</v>
      </c>
      <c r="AS11" s="258">
        <v>43</v>
      </c>
      <c r="AT11" s="263">
        <v>43</v>
      </c>
      <c r="AU11" s="257">
        <v>10</v>
      </c>
      <c r="AV11" s="261">
        <v>14</v>
      </c>
      <c r="AW11" s="258">
        <v>24</v>
      </c>
      <c r="AX11" s="260">
        <v>0</v>
      </c>
      <c r="AY11" s="261">
        <v>68</v>
      </c>
      <c r="AZ11" s="261">
        <v>43</v>
      </c>
      <c r="BA11" s="261">
        <v>45</v>
      </c>
      <c r="BB11" s="261">
        <v>26</v>
      </c>
      <c r="BC11" s="261">
        <v>11</v>
      </c>
      <c r="BD11" s="258">
        <v>193</v>
      </c>
      <c r="BE11" s="263">
        <v>217</v>
      </c>
      <c r="BF11" s="257">
        <v>0</v>
      </c>
      <c r="BG11" s="261">
        <v>0</v>
      </c>
      <c r="BH11" s="258">
        <v>0</v>
      </c>
      <c r="BI11" s="260">
        <v>0</v>
      </c>
      <c r="BJ11" s="261">
        <v>58</v>
      </c>
      <c r="BK11" s="261">
        <v>63</v>
      </c>
      <c r="BL11" s="261">
        <v>86</v>
      </c>
      <c r="BM11" s="261">
        <v>69</v>
      </c>
      <c r="BN11" s="261">
        <v>33</v>
      </c>
      <c r="BO11" s="262">
        <v>309</v>
      </c>
      <c r="BP11" s="263">
        <v>309</v>
      </c>
      <c r="BQ11" s="257">
        <v>0</v>
      </c>
      <c r="BR11" s="261">
        <v>0</v>
      </c>
      <c r="BS11" s="258">
        <v>0</v>
      </c>
      <c r="BT11" s="260">
        <v>0</v>
      </c>
      <c r="BU11" s="261">
        <v>2</v>
      </c>
      <c r="BV11" s="261">
        <v>6</v>
      </c>
      <c r="BW11" s="261">
        <v>13</v>
      </c>
      <c r="BX11" s="261">
        <v>14</v>
      </c>
      <c r="BY11" s="261">
        <v>7</v>
      </c>
      <c r="BZ11" s="258">
        <v>42</v>
      </c>
      <c r="CA11" s="263">
        <v>42</v>
      </c>
      <c r="CB11" s="257">
        <v>0</v>
      </c>
      <c r="CC11" s="261">
        <v>0</v>
      </c>
      <c r="CD11" s="258">
        <v>0</v>
      </c>
      <c r="CE11" s="260">
        <v>0</v>
      </c>
      <c r="CF11" s="261">
        <v>0</v>
      </c>
      <c r="CG11" s="261">
        <v>1</v>
      </c>
      <c r="CH11" s="261">
        <v>9</v>
      </c>
      <c r="CI11" s="261">
        <v>23</v>
      </c>
      <c r="CJ11" s="261">
        <v>10</v>
      </c>
      <c r="CK11" s="258">
        <v>43</v>
      </c>
      <c r="CL11" s="263">
        <v>43</v>
      </c>
      <c r="CM11" s="257">
        <v>0</v>
      </c>
      <c r="CN11" s="261">
        <v>0</v>
      </c>
      <c r="CO11" s="258">
        <v>0</v>
      </c>
      <c r="CP11" s="260">
        <v>0</v>
      </c>
      <c r="CQ11" s="261">
        <v>13</v>
      </c>
      <c r="CR11" s="261">
        <v>11</v>
      </c>
      <c r="CS11" s="261">
        <v>17</v>
      </c>
      <c r="CT11" s="261">
        <v>12</v>
      </c>
      <c r="CU11" s="261">
        <v>5</v>
      </c>
      <c r="CV11" s="258">
        <v>58</v>
      </c>
      <c r="CW11" s="263">
        <v>58</v>
      </c>
    </row>
    <row r="12" spans="1:101" ht="21" customHeight="1" x14ac:dyDescent="0.2">
      <c r="B12" s="468" t="s">
        <v>9</v>
      </c>
      <c r="C12" s="257">
        <v>0</v>
      </c>
      <c r="D12" s="258">
        <v>0</v>
      </c>
      <c r="E12" s="259">
        <v>0</v>
      </c>
      <c r="F12" s="260">
        <v>0</v>
      </c>
      <c r="G12" s="261">
        <v>0</v>
      </c>
      <c r="H12" s="261">
        <v>5</v>
      </c>
      <c r="I12" s="261">
        <v>5</v>
      </c>
      <c r="J12" s="261">
        <v>9</v>
      </c>
      <c r="K12" s="261">
        <v>5</v>
      </c>
      <c r="L12" s="262">
        <v>24</v>
      </c>
      <c r="M12" s="263">
        <v>24</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74</v>
      </c>
      <c r="AD12" s="261">
        <v>261</v>
      </c>
      <c r="AE12" s="261">
        <v>177</v>
      </c>
      <c r="AF12" s="261">
        <v>94</v>
      </c>
      <c r="AG12" s="261">
        <v>31</v>
      </c>
      <c r="AH12" s="258">
        <v>1037</v>
      </c>
      <c r="AI12" s="263">
        <v>1037</v>
      </c>
      <c r="AJ12" s="257">
        <v>0</v>
      </c>
      <c r="AK12" s="261">
        <v>0</v>
      </c>
      <c r="AL12" s="258">
        <v>0</v>
      </c>
      <c r="AM12" s="260">
        <v>0</v>
      </c>
      <c r="AN12" s="261">
        <v>3</v>
      </c>
      <c r="AO12" s="261">
        <v>8</v>
      </c>
      <c r="AP12" s="261">
        <v>8</v>
      </c>
      <c r="AQ12" s="261">
        <v>0</v>
      </c>
      <c r="AR12" s="261">
        <v>7</v>
      </c>
      <c r="AS12" s="258">
        <v>26</v>
      </c>
      <c r="AT12" s="263">
        <v>26</v>
      </c>
      <c r="AU12" s="257">
        <v>7</v>
      </c>
      <c r="AV12" s="261">
        <v>6</v>
      </c>
      <c r="AW12" s="258">
        <v>13</v>
      </c>
      <c r="AX12" s="260">
        <v>0</v>
      </c>
      <c r="AY12" s="261">
        <v>26</v>
      </c>
      <c r="AZ12" s="261">
        <v>28</v>
      </c>
      <c r="BA12" s="261">
        <v>22</v>
      </c>
      <c r="BB12" s="261">
        <v>19</v>
      </c>
      <c r="BC12" s="261">
        <v>11</v>
      </c>
      <c r="BD12" s="258">
        <v>106</v>
      </c>
      <c r="BE12" s="263">
        <v>119</v>
      </c>
      <c r="BF12" s="257">
        <v>0</v>
      </c>
      <c r="BG12" s="261">
        <v>1</v>
      </c>
      <c r="BH12" s="258">
        <v>1</v>
      </c>
      <c r="BI12" s="260">
        <v>0</v>
      </c>
      <c r="BJ12" s="261">
        <v>29</v>
      </c>
      <c r="BK12" s="261">
        <v>64</v>
      </c>
      <c r="BL12" s="261">
        <v>87</v>
      </c>
      <c r="BM12" s="261">
        <v>64</v>
      </c>
      <c r="BN12" s="261">
        <v>27</v>
      </c>
      <c r="BO12" s="262">
        <v>271</v>
      </c>
      <c r="BP12" s="263">
        <v>272</v>
      </c>
      <c r="BQ12" s="257">
        <v>0</v>
      </c>
      <c r="BR12" s="261">
        <v>0</v>
      </c>
      <c r="BS12" s="258">
        <v>0</v>
      </c>
      <c r="BT12" s="260">
        <v>0</v>
      </c>
      <c r="BU12" s="261">
        <v>2</v>
      </c>
      <c r="BV12" s="261">
        <v>4</v>
      </c>
      <c r="BW12" s="261">
        <v>7</v>
      </c>
      <c r="BX12" s="261">
        <v>8</v>
      </c>
      <c r="BY12" s="261">
        <v>4</v>
      </c>
      <c r="BZ12" s="258">
        <v>25</v>
      </c>
      <c r="CA12" s="263">
        <v>25</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4</v>
      </c>
      <c r="CR12" s="261">
        <v>8</v>
      </c>
      <c r="CS12" s="261">
        <v>6</v>
      </c>
      <c r="CT12" s="261">
        <v>9</v>
      </c>
      <c r="CU12" s="261">
        <v>16</v>
      </c>
      <c r="CV12" s="258">
        <v>43</v>
      </c>
      <c r="CW12" s="263">
        <v>43</v>
      </c>
    </row>
    <row r="13" spans="1:101" ht="21" customHeight="1" x14ac:dyDescent="0.2">
      <c r="B13" s="468" t="s">
        <v>10</v>
      </c>
      <c r="C13" s="257">
        <v>0</v>
      </c>
      <c r="D13" s="258">
        <v>0</v>
      </c>
      <c r="E13" s="259">
        <v>0</v>
      </c>
      <c r="F13" s="260">
        <v>0</v>
      </c>
      <c r="G13" s="261">
        <v>11</v>
      </c>
      <c r="H13" s="261">
        <v>13</v>
      </c>
      <c r="I13" s="261">
        <v>16</v>
      </c>
      <c r="J13" s="261">
        <v>20</v>
      </c>
      <c r="K13" s="261">
        <v>17</v>
      </c>
      <c r="L13" s="262">
        <v>77</v>
      </c>
      <c r="M13" s="263">
        <v>77</v>
      </c>
      <c r="N13" s="257">
        <v>0</v>
      </c>
      <c r="O13" s="261">
        <v>0</v>
      </c>
      <c r="P13" s="258">
        <v>0</v>
      </c>
      <c r="Q13" s="260">
        <v>0</v>
      </c>
      <c r="R13" s="261">
        <v>11</v>
      </c>
      <c r="S13" s="261">
        <v>5</v>
      </c>
      <c r="T13" s="261">
        <v>6</v>
      </c>
      <c r="U13" s="261">
        <v>7</v>
      </c>
      <c r="V13" s="261">
        <v>6</v>
      </c>
      <c r="W13" s="258">
        <v>35</v>
      </c>
      <c r="X13" s="263">
        <v>35</v>
      </c>
      <c r="Y13" s="257">
        <v>0</v>
      </c>
      <c r="Z13" s="261">
        <v>0</v>
      </c>
      <c r="AA13" s="258">
        <v>0</v>
      </c>
      <c r="AB13" s="260">
        <v>0</v>
      </c>
      <c r="AC13" s="261">
        <v>566</v>
      </c>
      <c r="AD13" s="261">
        <v>262</v>
      </c>
      <c r="AE13" s="261">
        <v>141</v>
      </c>
      <c r="AF13" s="261">
        <v>62</v>
      </c>
      <c r="AG13" s="261">
        <v>26</v>
      </c>
      <c r="AH13" s="258">
        <v>1057</v>
      </c>
      <c r="AI13" s="263">
        <v>1057</v>
      </c>
      <c r="AJ13" s="257">
        <v>0</v>
      </c>
      <c r="AK13" s="261">
        <v>1</v>
      </c>
      <c r="AL13" s="258">
        <v>1</v>
      </c>
      <c r="AM13" s="260">
        <v>0</v>
      </c>
      <c r="AN13" s="261">
        <v>7</v>
      </c>
      <c r="AO13" s="261">
        <v>13</v>
      </c>
      <c r="AP13" s="261">
        <v>22</v>
      </c>
      <c r="AQ13" s="261">
        <v>11</v>
      </c>
      <c r="AR13" s="261">
        <v>9</v>
      </c>
      <c r="AS13" s="258">
        <v>62</v>
      </c>
      <c r="AT13" s="263">
        <v>63</v>
      </c>
      <c r="AU13" s="257">
        <v>15</v>
      </c>
      <c r="AV13" s="261">
        <v>19</v>
      </c>
      <c r="AW13" s="258">
        <v>34</v>
      </c>
      <c r="AX13" s="260">
        <v>0</v>
      </c>
      <c r="AY13" s="261">
        <v>93</v>
      </c>
      <c r="AZ13" s="261">
        <v>67</v>
      </c>
      <c r="BA13" s="261">
        <v>69</v>
      </c>
      <c r="BB13" s="261">
        <v>56</v>
      </c>
      <c r="BC13" s="261">
        <v>42</v>
      </c>
      <c r="BD13" s="258">
        <v>327</v>
      </c>
      <c r="BE13" s="263">
        <v>361</v>
      </c>
      <c r="BF13" s="257">
        <v>0</v>
      </c>
      <c r="BG13" s="261">
        <v>3</v>
      </c>
      <c r="BH13" s="258">
        <v>3</v>
      </c>
      <c r="BI13" s="260">
        <v>0</v>
      </c>
      <c r="BJ13" s="261">
        <v>103</v>
      </c>
      <c r="BK13" s="261">
        <v>126</v>
      </c>
      <c r="BL13" s="261">
        <v>119</v>
      </c>
      <c r="BM13" s="261">
        <v>91</v>
      </c>
      <c r="BN13" s="261">
        <v>84</v>
      </c>
      <c r="BO13" s="262">
        <v>523</v>
      </c>
      <c r="BP13" s="263">
        <v>526</v>
      </c>
      <c r="BQ13" s="257">
        <v>0</v>
      </c>
      <c r="BR13" s="261">
        <v>0</v>
      </c>
      <c r="BS13" s="258">
        <v>0</v>
      </c>
      <c r="BT13" s="260">
        <v>0</v>
      </c>
      <c r="BU13" s="261">
        <v>39</v>
      </c>
      <c r="BV13" s="261">
        <v>26</v>
      </c>
      <c r="BW13" s="261">
        <v>36</v>
      </c>
      <c r="BX13" s="261">
        <v>28</v>
      </c>
      <c r="BY13" s="261">
        <v>34</v>
      </c>
      <c r="BZ13" s="258">
        <v>163</v>
      </c>
      <c r="CA13" s="263">
        <v>163</v>
      </c>
      <c r="CB13" s="257">
        <v>0</v>
      </c>
      <c r="CC13" s="261">
        <v>0</v>
      </c>
      <c r="CD13" s="258">
        <v>0</v>
      </c>
      <c r="CE13" s="260">
        <v>0</v>
      </c>
      <c r="CF13" s="261">
        <v>0</v>
      </c>
      <c r="CG13" s="261">
        <v>1</v>
      </c>
      <c r="CH13" s="261">
        <v>4</v>
      </c>
      <c r="CI13" s="261">
        <v>16</v>
      </c>
      <c r="CJ13" s="261">
        <v>22</v>
      </c>
      <c r="CK13" s="258">
        <v>43</v>
      </c>
      <c r="CL13" s="263">
        <v>43</v>
      </c>
      <c r="CM13" s="257">
        <v>0</v>
      </c>
      <c r="CN13" s="261">
        <v>0</v>
      </c>
      <c r="CO13" s="258">
        <v>0</v>
      </c>
      <c r="CP13" s="260">
        <v>0</v>
      </c>
      <c r="CQ13" s="261">
        <v>16</v>
      </c>
      <c r="CR13" s="261">
        <v>35</v>
      </c>
      <c r="CS13" s="261">
        <v>32</v>
      </c>
      <c r="CT13" s="261">
        <v>54</v>
      </c>
      <c r="CU13" s="261">
        <v>23</v>
      </c>
      <c r="CV13" s="258">
        <v>160</v>
      </c>
      <c r="CW13" s="263">
        <v>160</v>
      </c>
    </row>
    <row r="14" spans="1:101" ht="21" customHeight="1" x14ac:dyDescent="0.2">
      <c r="B14" s="468" t="s">
        <v>11</v>
      </c>
      <c r="C14" s="257">
        <v>0</v>
      </c>
      <c r="D14" s="258">
        <v>0</v>
      </c>
      <c r="E14" s="259">
        <v>0</v>
      </c>
      <c r="F14" s="260">
        <v>0</v>
      </c>
      <c r="G14" s="261">
        <v>10</v>
      </c>
      <c r="H14" s="261">
        <v>9</v>
      </c>
      <c r="I14" s="261">
        <v>4</v>
      </c>
      <c r="J14" s="261">
        <v>7</v>
      </c>
      <c r="K14" s="261">
        <v>6</v>
      </c>
      <c r="L14" s="262">
        <v>36</v>
      </c>
      <c r="M14" s="263">
        <v>36</v>
      </c>
      <c r="N14" s="257">
        <v>0</v>
      </c>
      <c r="O14" s="261">
        <v>0</v>
      </c>
      <c r="P14" s="258">
        <v>0</v>
      </c>
      <c r="Q14" s="260">
        <v>0</v>
      </c>
      <c r="R14" s="261">
        <v>13</v>
      </c>
      <c r="S14" s="261">
        <v>15</v>
      </c>
      <c r="T14" s="261">
        <v>12</v>
      </c>
      <c r="U14" s="261">
        <v>10</v>
      </c>
      <c r="V14" s="261">
        <v>5</v>
      </c>
      <c r="W14" s="258">
        <v>55</v>
      </c>
      <c r="X14" s="263">
        <v>55</v>
      </c>
      <c r="Y14" s="257">
        <v>0</v>
      </c>
      <c r="Z14" s="261">
        <v>0</v>
      </c>
      <c r="AA14" s="258">
        <v>0</v>
      </c>
      <c r="AB14" s="260">
        <v>0</v>
      </c>
      <c r="AC14" s="261">
        <v>516</v>
      </c>
      <c r="AD14" s="261">
        <v>258</v>
      </c>
      <c r="AE14" s="261">
        <v>147</v>
      </c>
      <c r="AF14" s="261">
        <v>69</v>
      </c>
      <c r="AG14" s="261">
        <v>28</v>
      </c>
      <c r="AH14" s="258">
        <v>1018</v>
      </c>
      <c r="AI14" s="263">
        <v>1018</v>
      </c>
      <c r="AJ14" s="257">
        <v>0</v>
      </c>
      <c r="AK14" s="261">
        <v>0</v>
      </c>
      <c r="AL14" s="258">
        <v>0</v>
      </c>
      <c r="AM14" s="260">
        <v>0</v>
      </c>
      <c r="AN14" s="261">
        <v>18</v>
      </c>
      <c r="AO14" s="261">
        <v>15</v>
      </c>
      <c r="AP14" s="261">
        <v>12</v>
      </c>
      <c r="AQ14" s="261">
        <v>1</v>
      </c>
      <c r="AR14" s="261">
        <v>1</v>
      </c>
      <c r="AS14" s="258">
        <v>47</v>
      </c>
      <c r="AT14" s="263">
        <v>47</v>
      </c>
      <c r="AU14" s="257">
        <v>1</v>
      </c>
      <c r="AV14" s="261">
        <v>5</v>
      </c>
      <c r="AW14" s="258">
        <v>6</v>
      </c>
      <c r="AX14" s="260">
        <v>0</v>
      </c>
      <c r="AY14" s="261">
        <v>46</v>
      </c>
      <c r="AZ14" s="261">
        <v>36</v>
      </c>
      <c r="BA14" s="261">
        <v>37</v>
      </c>
      <c r="BB14" s="261">
        <v>21</v>
      </c>
      <c r="BC14" s="261">
        <v>9</v>
      </c>
      <c r="BD14" s="258">
        <v>149</v>
      </c>
      <c r="BE14" s="263">
        <v>155</v>
      </c>
      <c r="BF14" s="257">
        <v>0</v>
      </c>
      <c r="BG14" s="261">
        <v>3</v>
      </c>
      <c r="BH14" s="258">
        <v>3</v>
      </c>
      <c r="BI14" s="260">
        <v>0</v>
      </c>
      <c r="BJ14" s="261">
        <v>53</v>
      </c>
      <c r="BK14" s="261">
        <v>74</v>
      </c>
      <c r="BL14" s="261">
        <v>85</v>
      </c>
      <c r="BM14" s="261">
        <v>54</v>
      </c>
      <c r="BN14" s="261">
        <v>24</v>
      </c>
      <c r="BO14" s="262">
        <v>290</v>
      </c>
      <c r="BP14" s="263">
        <v>293</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7</v>
      </c>
      <c r="CR14" s="261">
        <v>5</v>
      </c>
      <c r="CS14" s="261">
        <v>3</v>
      </c>
      <c r="CT14" s="261">
        <v>8</v>
      </c>
      <c r="CU14" s="261">
        <v>2</v>
      </c>
      <c r="CV14" s="258">
        <v>25</v>
      </c>
      <c r="CW14" s="263">
        <v>25</v>
      </c>
    </row>
    <row r="15" spans="1:101" ht="21" customHeight="1" x14ac:dyDescent="0.2">
      <c r="B15" s="468" t="s">
        <v>12</v>
      </c>
      <c r="C15" s="257">
        <v>0</v>
      </c>
      <c r="D15" s="258">
        <v>0</v>
      </c>
      <c r="E15" s="259">
        <v>0</v>
      </c>
      <c r="F15" s="260">
        <v>0</v>
      </c>
      <c r="G15" s="261">
        <v>7</v>
      </c>
      <c r="H15" s="261">
        <v>5</v>
      </c>
      <c r="I15" s="261">
        <v>3</v>
      </c>
      <c r="J15" s="261">
        <v>2</v>
      </c>
      <c r="K15" s="261">
        <v>6</v>
      </c>
      <c r="L15" s="262">
        <v>23</v>
      </c>
      <c r="M15" s="263">
        <v>23</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84</v>
      </c>
      <c r="AD15" s="261">
        <v>253</v>
      </c>
      <c r="AE15" s="261">
        <v>137</v>
      </c>
      <c r="AF15" s="261">
        <v>64</v>
      </c>
      <c r="AG15" s="261">
        <v>31</v>
      </c>
      <c r="AH15" s="258">
        <v>869</v>
      </c>
      <c r="AI15" s="263">
        <v>869</v>
      </c>
      <c r="AJ15" s="257">
        <v>0</v>
      </c>
      <c r="AK15" s="261">
        <v>0</v>
      </c>
      <c r="AL15" s="258">
        <v>0</v>
      </c>
      <c r="AM15" s="260">
        <v>0</v>
      </c>
      <c r="AN15" s="261">
        <v>2</v>
      </c>
      <c r="AO15" s="261">
        <v>2</v>
      </c>
      <c r="AP15" s="261">
        <v>0</v>
      </c>
      <c r="AQ15" s="261">
        <v>2</v>
      </c>
      <c r="AR15" s="261">
        <v>2</v>
      </c>
      <c r="AS15" s="258">
        <v>8</v>
      </c>
      <c r="AT15" s="263">
        <v>8</v>
      </c>
      <c r="AU15" s="257">
        <v>0</v>
      </c>
      <c r="AV15" s="261">
        <v>0</v>
      </c>
      <c r="AW15" s="258">
        <v>0</v>
      </c>
      <c r="AX15" s="260">
        <v>0</v>
      </c>
      <c r="AY15" s="261">
        <v>22</v>
      </c>
      <c r="AZ15" s="261">
        <v>40</v>
      </c>
      <c r="BA15" s="261">
        <v>50</v>
      </c>
      <c r="BB15" s="261">
        <v>30</v>
      </c>
      <c r="BC15" s="261">
        <v>33</v>
      </c>
      <c r="BD15" s="258">
        <v>175</v>
      </c>
      <c r="BE15" s="263">
        <v>175</v>
      </c>
      <c r="BF15" s="257">
        <v>0</v>
      </c>
      <c r="BG15" s="261">
        <v>0</v>
      </c>
      <c r="BH15" s="258">
        <v>0</v>
      </c>
      <c r="BI15" s="260">
        <v>0</v>
      </c>
      <c r="BJ15" s="261">
        <v>39</v>
      </c>
      <c r="BK15" s="261">
        <v>50</v>
      </c>
      <c r="BL15" s="261">
        <v>46</v>
      </c>
      <c r="BM15" s="261">
        <v>33</v>
      </c>
      <c r="BN15" s="261">
        <v>34</v>
      </c>
      <c r="BO15" s="262">
        <v>202</v>
      </c>
      <c r="BP15" s="263">
        <v>202</v>
      </c>
      <c r="BQ15" s="257">
        <v>0</v>
      </c>
      <c r="BR15" s="261">
        <v>0</v>
      </c>
      <c r="BS15" s="258">
        <v>0</v>
      </c>
      <c r="BT15" s="260">
        <v>0</v>
      </c>
      <c r="BU15" s="261">
        <v>0</v>
      </c>
      <c r="BV15" s="261">
        <v>6</v>
      </c>
      <c r="BW15" s="261">
        <v>7</v>
      </c>
      <c r="BX15" s="261">
        <v>10</v>
      </c>
      <c r="BY15" s="261">
        <v>4</v>
      </c>
      <c r="BZ15" s="258">
        <v>27</v>
      </c>
      <c r="CA15" s="263">
        <v>27</v>
      </c>
      <c r="CB15" s="257">
        <v>0</v>
      </c>
      <c r="CC15" s="261">
        <v>0</v>
      </c>
      <c r="CD15" s="258">
        <v>0</v>
      </c>
      <c r="CE15" s="260">
        <v>0</v>
      </c>
      <c r="CF15" s="261">
        <v>0</v>
      </c>
      <c r="CG15" s="261">
        <v>0</v>
      </c>
      <c r="CH15" s="261">
        <v>10</v>
      </c>
      <c r="CI15" s="261">
        <v>12</v>
      </c>
      <c r="CJ15" s="261">
        <v>7</v>
      </c>
      <c r="CK15" s="258">
        <v>29</v>
      </c>
      <c r="CL15" s="263">
        <v>29</v>
      </c>
      <c r="CM15" s="257">
        <v>0</v>
      </c>
      <c r="CN15" s="261">
        <v>0</v>
      </c>
      <c r="CO15" s="258">
        <v>0</v>
      </c>
      <c r="CP15" s="260">
        <v>0</v>
      </c>
      <c r="CQ15" s="261">
        <v>6</v>
      </c>
      <c r="CR15" s="261">
        <v>18</v>
      </c>
      <c r="CS15" s="261">
        <v>27</v>
      </c>
      <c r="CT15" s="261">
        <v>18</v>
      </c>
      <c r="CU15" s="261">
        <v>11</v>
      </c>
      <c r="CV15" s="258">
        <v>80</v>
      </c>
      <c r="CW15" s="263">
        <v>80</v>
      </c>
    </row>
    <row r="16" spans="1:101" ht="21" customHeight="1" x14ac:dyDescent="0.2">
      <c r="B16" s="468" t="s">
        <v>13</v>
      </c>
      <c r="C16" s="257">
        <v>0</v>
      </c>
      <c r="D16" s="258">
        <v>0</v>
      </c>
      <c r="E16" s="259">
        <v>0</v>
      </c>
      <c r="F16" s="260">
        <v>0</v>
      </c>
      <c r="G16" s="261">
        <v>2</v>
      </c>
      <c r="H16" s="261">
        <v>1</v>
      </c>
      <c r="I16" s="261">
        <v>1</v>
      </c>
      <c r="J16" s="261">
        <v>0</v>
      </c>
      <c r="K16" s="261">
        <v>2</v>
      </c>
      <c r="L16" s="262">
        <v>6</v>
      </c>
      <c r="M16" s="263">
        <v>6</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44</v>
      </c>
      <c r="AD16" s="261">
        <v>145</v>
      </c>
      <c r="AE16" s="261">
        <v>70</v>
      </c>
      <c r="AF16" s="261">
        <v>35</v>
      </c>
      <c r="AG16" s="261">
        <v>14</v>
      </c>
      <c r="AH16" s="258">
        <v>408</v>
      </c>
      <c r="AI16" s="263">
        <v>408</v>
      </c>
      <c r="AJ16" s="257">
        <v>0</v>
      </c>
      <c r="AK16" s="261">
        <v>0</v>
      </c>
      <c r="AL16" s="258">
        <v>0</v>
      </c>
      <c r="AM16" s="260">
        <v>0</v>
      </c>
      <c r="AN16" s="261">
        <v>5</v>
      </c>
      <c r="AO16" s="261">
        <v>11</v>
      </c>
      <c r="AP16" s="261">
        <v>5</v>
      </c>
      <c r="AQ16" s="261">
        <v>4</v>
      </c>
      <c r="AR16" s="261">
        <v>6</v>
      </c>
      <c r="AS16" s="258">
        <v>31</v>
      </c>
      <c r="AT16" s="263">
        <v>31</v>
      </c>
      <c r="AU16" s="257">
        <v>3</v>
      </c>
      <c r="AV16" s="261">
        <v>4</v>
      </c>
      <c r="AW16" s="258">
        <v>7</v>
      </c>
      <c r="AX16" s="260">
        <v>0</v>
      </c>
      <c r="AY16" s="261">
        <v>12</v>
      </c>
      <c r="AZ16" s="261">
        <v>12</v>
      </c>
      <c r="BA16" s="261">
        <v>10</v>
      </c>
      <c r="BB16" s="261">
        <v>1</v>
      </c>
      <c r="BC16" s="261">
        <v>0</v>
      </c>
      <c r="BD16" s="258">
        <v>35</v>
      </c>
      <c r="BE16" s="263">
        <v>42</v>
      </c>
      <c r="BF16" s="257">
        <v>0</v>
      </c>
      <c r="BG16" s="261">
        <v>0</v>
      </c>
      <c r="BH16" s="258">
        <v>0</v>
      </c>
      <c r="BI16" s="260">
        <v>0</v>
      </c>
      <c r="BJ16" s="261">
        <v>12</v>
      </c>
      <c r="BK16" s="261">
        <v>14</v>
      </c>
      <c r="BL16" s="261">
        <v>21</v>
      </c>
      <c r="BM16" s="261">
        <v>19</v>
      </c>
      <c r="BN16" s="261">
        <v>7</v>
      </c>
      <c r="BO16" s="262">
        <v>73</v>
      </c>
      <c r="BP16" s="263">
        <v>73</v>
      </c>
      <c r="BQ16" s="257">
        <v>0</v>
      </c>
      <c r="BR16" s="261">
        <v>0</v>
      </c>
      <c r="BS16" s="258">
        <v>0</v>
      </c>
      <c r="BT16" s="260">
        <v>0</v>
      </c>
      <c r="BU16" s="261">
        <v>2</v>
      </c>
      <c r="BV16" s="261">
        <v>2</v>
      </c>
      <c r="BW16" s="261">
        <v>1</v>
      </c>
      <c r="BX16" s="261">
        <v>5</v>
      </c>
      <c r="BY16" s="261">
        <v>3</v>
      </c>
      <c r="BZ16" s="258">
        <v>13</v>
      </c>
      <c r="CA16" s="263">
        <v>13</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68" t="s">
        <v>15</v>
      </c>
      <c r="C17" s="257">
        <v>0</v>
      </c>
      <c r="D17" s="258">
        <v>0</v>
      </c>
      <c r="E17" s="259">
        <v>0</v>
      </c>
      <c r="F17" s="260">
        <v>0</v>
      </c>
      <c r="G17" s="261">
        <v>3</v>
      </c>
      <c r="H17" s="261">
        <v>4</v>
      </c>
      <c r="I17" s="261">
        <v>5</v>
      </c>
      <c r="J17" s="261">
        <v>4</v>
      </c>
      <c r="K17" s="261">
        <v>5</v>
      </c>
      <c r="L17" s="262">
        <v>21</v>
      </c>
      <c r="M17" s="263">
        <v>2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70</v>
      </c>
      <c r="AD17" s="261">
        <v>185</v>
      </c>
      <c r="AE17" s="261">
        <v>84</v>
      </c>
      <c r="AF17" s="261">
        <v>33</v>
      </c>
      <c r="AG17" s="261">
        <v>17</v>
      </c>
      <c r="AH17" s="258">
        <v>489</v>
      </c>
      <c r="AI17" s="263">
        <v>489</v>
      </c>
      <c r="AJ17" s="257">
        <v>0</v>
      </c>
      <c r="AK17" s="261">
        <v>0</v>
      </c>
      <c r="AL17" s="258">
        <v>0</v>
      </c>
      <c r="AM17" s="260">
        <v>0</v>
      </c>
      <c r="AN17" s="261">
        <v>3</v>
      </c>
      <c r="AO17" s="261">
        <v>3</v>
      </c>
      <c r="AP17" s="261">
        <v>8</v>
      </c>
      <c r="AQ17" s="261">
        <v>3</v>
      </c>
      <c r="AR17" s="261">
        <v>2</v>
      </c>
      <c r="AS17" s="258">
        <v>19</v>
      </c>
      <c r="AT17" s="263">
        <v>19</v>
      </c>
      <c r="AU17" s="257">
        <v>4</v>
      </c>
      <c r="AV17" s="261">
        <v>13</v>
      </c>
      <c r="AW17" s="258">
        <v>17</v>
      </c>
      <c r="AX17" s="260">
        <v>0</v>
      </c>
      <c r="AY17" s="261">
        <v>13</v>
      </c>
      <c r="AZ17" s="261">
        <v>9</v>
      </c>
      <c r="BA17" s="261">
        <v>8</v>
      </c>
      <c r="BB17" s="261">
        <v>7</v>
      </c>
      <c r="BC17" s="261">
        <v>4</v>
      </c>
      <c r="BD17" s="258">
        <v>41</v>
      </c>
      <c r="BE17" s="263">
        <v>58</v>
      </c>
      <c r="BF17" s="257">
        <v>0</v>
      </c>
      <c r="BG17" s="261">
        <v>4</v>
      </c>
      <c r="BH17" s="258">
        <v>4</v>
      </c>
      <c r="BI17" s="260">
        <v>0</v>
      </c>
      <c r="BJ17" s="261">
        <v>35</v>
      </c>
      <c r="BK17" s="261">
        <v>44</v>
      </c>
      <c r="BL17" s="261">
        <v>39</v>
      </c>
      <c r="BM17" s="261">
        <v>26</v>
      </c>
      <c r="BN17" s="261">
        <v>17</v>
      </c>
      <c r="BO17" s="262">
        <v>161</v>
      </c>
      <c r="BP17" s="263">
        <v>165</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9</v>
      </c>
      <c r="CI17" s="261">
        <v>14</v>
      </c>
      <c r="CJ17" s="261">
        <v>8</v>
      </c>
      <c r="CK17" s="258">
        <v>31</v>
      </c>
      <c r="CL17" s="263">
        <v>31</v>
      </c>
      <c r="CM17" s="257">
        <v>0</v>
      </c>
      <c r="CN17" s="261">
        <v>0</v>
      </c>
      <c r="CO17" s="258">
        <v>0</v>
      </c>
      <c r="CP17" s="260">
        <v>0</v>
      </c>
      <c r="CQ17" s="261">
        <v>7</v>
      </c>
      <c r="CR17" s="261">
        <v>9</v>
      </c>
      <c r="CS17" s="261">
        <v>5</v>
      </c>
      <c r="CT17" s="261">
        <v>0</v>
      </c>
      <c r="CU17" s="261">
        <v>1</v>
      </c>
      <c r="CV17" s="258">
        <v>22</v>
      </c>
      <c r="CW17" s="263">
        <v>22</v>
      </c>
    </row>
    <row r="18" spans="2:101" ht="21" customHeight="1" x14ac:dyDescent="0.2">
      <c r="B18" s="468" t="s">
        <v>16</v>
      </c>
      <c r="C18" s="257">
        <v>0</v>
      </c>
      <c r="D18" s="258">
        <v>0</v>
      </c>
      <c r="E18" s="259">
        <v>0</v>
      </c>
      <c r="F18" s="260">
        <v>0</v>
      </c>
      <c r="G18" s="261">
        <v>7</v>
      </c>
      <c r="H18" s="261">
        <v>15</v>
      </c>
      <c r="I18" s="261">
        <v>13</v>
      </c>
      <c r="J18" s="261">
        <v>7</v>
      </c>
      <c r="K18" s="261">
        <v>10</v>
      </c>
      <c r="L18" s="262">
        <v>52</v>
      </c>
      <c r="M18" s="263">
        <v>52</v>
      </c>
      <c r="N18" s="257">
        <v>0</v>
      </c>
      <c r="O18" s="261">
        <v>0</v>
      </c>
      <c r="P18" s="258">
        <v>0</v>
      </c>
      <c r="Q18" s="260">
        <v>0</v>
      </c>
      <c r="R18" s="261">
        <v>0</v>
      </c>
      <c r="S18" s="261">
        <v>1</v>
      </c>
      <c r="T18" s="261">
        <v>3</v>
      </c>
      <c r="U18" s="261">
        <v>5</v>
      </c>
      <c r="V18" s="261">
        <v>1</v>
      </c>
      <c r="W18" s="258">
        <v>10</v>
      </c>
      <c r="X18" s="263">
        <v>10</v>
      </c>
      <c r="Y18" s="257">
        <v>0</v>
      </c>
      <c r="Z18" s="261">
        <v>0</v>
      </c>
      <c r="AA18" s="258">
        <v>0</v>
      </c>
      <c r="AB18" s="260">
        <v>0</v>
      </c>
      <c r="AC18" s="261">
        <v>131</v>
      </c>
      <c r="AD18" s="261">
        <v>157</v>
      </c>
      <c r="AE18" s="261">
        <v>74</v>
      </c>
      <c r="AF18" s="261">
        <v>39</v>
      </c>
      <c r="AG18" s="261">
        <v>14</v>
      </c>
      <c r="AH18" s="258">
        <v>415</v>
      </c>
      <c r="AI18" s="263">
        <v>415</v>
      </c>
      <c r="AJ18" s="257">
        <v>0</v>
      </c>
      <c r="AK18" s="261">
        <v>0</v>
      </c>
      <c r="AL18" s="258">
        <v>0</v>
      </c>
      <c r="AM18" s="260">
        <v>0</v>
      </c>
      <c r="AN18" s="261">
        <v>7</v>
      </c>
      <c r="AO18" s="261">
        <v>13</v>
      </c>
      <c r="AP18" s="261">
        <v>7</v>
      </c>
      <c r="AQ18" s="261">
        <v>5</v>
      </c>
      <c r="AR18" s="261">
        <v>3</v>
      </c>
      <c r="AS18" s="258">
        <v>35</v>
      </c>
      <c r="AT18" s="263">
        <v>35</v>
      </c>
      <c r="AU18" s="257">
        <v>2</v>
      </c>
      <c r="AV18" s="261">
        <v>3</v>
      </c>
      <c r="AW18" s="258">
        <v>5</v>
      </c>
      <c r="AX18" s="260">
        <v>0</v>
      </c>
      <c r="AY18" s="261">
        <v>14</v>
      </c>
      <c r="AZ18" s="261">
        <v>20</v>
      </c>
      <c r="BA18" s="261">
        <v>17</v>
      </c>
      <c r="BB18" s="261">
        <v>17</v>
      </c>
      <c r="BC18" s="261">
        <v>9</v>
      </c>
      <c r="BD18" s="258">
        <v>77</v>
      </c>
      <c r="BE18" s="263">
        <v>82</v>
      </c>
      <c r="BF18" s="257">
        <v>0</v>
      </c>
      <c r="BG18" s="261">
        <v>1</v>
      </c>
      <c r="BH18" s="258">
        <v>1</v>
      </c>
      <c r="BI18" s="260">
        <v>0</v>
      </c>
      <c r="BJ18" s="261">
        <v>18</v>
      </c>
      <c r="BK18" s="261">
        <v>40</v>
      </c>
      <c r="BL18" s="261">
        <v>57</v>
      </c>
      <c r="BM18" s="261">
        <v>30</v>
      </c>
      <c r="BN18" s="261">
        <v>31</v>
      </c>
      <c r="BO18" s="262">
        <v>176</v>
      </c>
      <c r="BP18" s="263">
        <v>17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2</v>
      </c>
      <c r="CH18" s="261">
        <v>6</v>
      </c>
      <c r="CI18" s="261">
        <v>9</v>
      </c>
      <c r="CJ18" s="261">
        <v>12</v>
      </c>
      <c r="CK18" s="258">
        <v>29</v>
      </c>
      <c r="CL18" s="263">
        <v>29</v>
      </c>
      <c r="CM18" s="257">
        <v>0</v>
      </c>
      <c r="CN18" s="261">
        <v>0</v>
      </c>
      <c r="CO18" s="258">
        <v>0</v>
      </c>
      <c r="CP18" s="260">
        <v>0</v>
      </c>
      <c r="CQ18" s="261">
        <v>1</v>
      </c>
      <c r="CR18" s="261">
        <v>6</v>
      </c>
      <c r="CS18" s="261">
        <v>6</v>
      </c>
      <c r="CT18" s="261">
        <v>4</v>
      </c>
      <c r="CU18" s="261">
        <v>4</v>
      </c>
      <c r="CV18" s="258">
        <v>21</v>
      </c>
      <c r="CW18" s="263">
        <v>21</v>
      </c>
    </row>
    <row r="19" spans="2:101" ht="21" customHeight="1" x14ac:dyDescent="0.2">
      <c r="B19" s="468" t="s">
        <v>17</v>
      </c>
      <c r="C19" s="257">
        <v>0</v>
      </c>
      <c r="D19" s="258">
        <v>0</v>
      </c>
      <c r="E19" s="259">
        <v>0</v>
      </c>
      <c r="F19" s="260">
        <v>0</v>
      </c>
      <c r="G19" s="261">
        <v>2</v>
      </c>
      <c r="H19" s="261">
        <v>3</v>
      </c>
      <c r="I19" s="261">
        <v>3</v>
      </c>
      <c r="J19" s="261">
        <v>3</v>
      </c>
      <c r="K19" s="261">
        <v>1</v>
      </c>
      <c r="L19" s="262">
        <v>12</v>
      </c>
      <c r="M19" s="263">
        <v>12</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62</v>
      </c>
      <c r="AD19" s="261">
        <v>328</v>
      </c>
      <c r="AE19" s="261">
        <v>156</v>
      </c>
      <c r="AF19" s="261">
        <v>88</v>
      </c>
      <c r="AG19" s="261">
        <v>38</v>
      </c>
      <c r="AH19" s="258">
        <v>872</v>
      </c>
      <c r="AI19" s="263">
        <v>872</v>
      </c>
      <c r="AJ19" s="257">
        <v>1</v>
      </c>
      <c r="AK19" s="261">
        <v>1</v>
      </c>
      <c r="AL19" s="258">
        <v>2</v>
      </c>
      <c r="AM19" s="260">
        <v>0</v>
      </c>
      <c r="AN19" s="261">
        <v>16</v>
      </c>
      <c r="AO19" s="261">
        <v>11</v>
      </c>
      <c r="AP19" s="261">
        <v>11</v>
      </c>
      <c r="AQ19" s="261">
        <v>11</v>
      </c>
      <c r="AR19" s="261">
        <v>4</v>
      </c>
      <c r="AS19" s="258">
        <v>53</v>
      </c>
      <c r="AT19" s="263">
        <v>55</v>
      </c>
      <c r="AU19" s="257">
        <v>0</v>
      </c>
      <c r="AV19" s="261">
        <v>3</v>
      </c>
      <c r="AW19" s="258">
        <v>3</v>
      </c>
      <c r="AX19" s="260">
        <v>0</v>
      </c>
      <c r="AY19" s="261">
        <v>14</v>
      </c>
      <c r="AZ19" s="261">
        <v>32</v>
      </c>
      <c r="BA19" s="261">
        <v>30</v>
      </c>
      <c r="BB19" s="261">
        <v>21</v>
      </c>
      <c r="BC19" s="261">
        <v>12</v>
      </c>
      <c r="BD19" s="258">
        <v>109</v>
      </c>
      <c r="BE19" s="263">
        <v>112</v>
      </c>
      <c r="BF19" s="257">
        <v>0</v>
      </c>
      <c r="BG19" s="261">
        <v>0</v>
      </c>
      <c r="BH19" s="258">
        <v>0</v>
      </c>
      <c r="BI19" s="260">
        <v>0</v>
      </c>
      <c r="BJ19" s="261">
        <v>38</v>
      </c>
      <c r="BK19" s="261">
        <v>63</v>
      </c>
      <c r="BL19" s="261">
        <v>80</v>
      </c>
      <c r="BM19" s="261">
        <v>45</v>
      </c>
      <c r="BN19" s="261">
        <v>23</v>
      </c>
      <c r="BO19" s="262">
        <v>249</v>
      </c>
      <c r="BP19" s="263">
        <v>249</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5</v>
      </c>
      <c r="CI19" s="261">
        <v>42</v>
      </c>
      <c r="CJ19" s="261">
        <v>34</v>
      </c>
      <c r="CK19" s="258">
        <v>103</v>
      </c>
      <c r="CL19" s="263">
        <v>103</v>
      </c>
      <c r="CM19" s="257">
        <v>0</v>
      </c>
      <c r="CN19" s="261">
        <v>0</v>
      </c>
      <c r="CO19" s="258">
        <v>0</v>
      </c>
      <c r="CP19" s="260">
        <v>0</v>
      </c>
      <c r="CQ19" s="261">
        <v>0</v>
      </c>
      <c r="CR19" s="261">
        <v>2</v>
      </c>
      <c r="CS19" s="261">
        <v>2</v>
      </c>
      <c r="CT19" s="261">
        <v>4</v>
      </c>
      <c r="CU19" s="261">
        <v>9</v>
      </c>
      <c r="CV19" s="258">
        <v>17</v>
      </c>
      <c r="CW19" s="263">
        <v>17</v>
      </c>
    </row>
    <row r="20" spans="2:101" ht="21" customHeight="1" x14ac:dyDescent="0.2">
      <c r="B20" s="468" t="s">
        <v>18</v>
      </c>
      <c r="C20" s="257">
        <v>0</v>
      </c>
      <c r="D20" s="258">
        <v>0</v>
      </c>
      <c r="E20" s="259">
        <v>0</v>
      </c>
      <c r="F20" s="260">
        <v>0</v>
      </c>
      <c r="G20" s="261">
        <v>3</v>
      </c>
      <c r="H20" s="261">
        <v>7</v>
      </c>
      <c r="I20" s="261">
        <v>1</v>
      </c>
      <c r="J20" s="261">
        <v>2</v>
      </c>
      <c r="K20" s="261">
        <v>2</v>
      </c>
      <c r="L20" s="262">
        <v>15</v>
      </c>
      <c r="M20" s="263">
        <v>15</v>
      </c>
      <c r="N20" s="257">
        <v>0</v>
      </c>
      <c r="O20" s="261">
        <v>0</v>
      </c>
      <c r="P20" s="258">
        <v>0</v>
      </c>
      <c r="Q20" s="260">
        <v>0</v>
      </c>
      <c r="R20" s="261">
        <v>0</v>
      </c>
      <c r="S20" s="261">
        <v>0</v>
      </c>
      <c r="T20" s="261">
        <v>0</v>
      </c>
      <c r="U20" s="261">
        <v>1</v>
      </c>
      <c r="V20" s="261">
        <v>0</v>
      </c>
      <c r="W20" s="258">
        <v>1</v>
      </c>
      <c r="X20" s="263">
        <v>1</v>
      </c>
      <c r="Y20" s="257">
        <v>0</v>
      </c>
      <c r="Z20" s="261">
        <v>0</v>
      </c>
      <c r="AA20" s="258">
        <v>0</v>
      </c>
      <c r="AB20" s="260">
        <v>0</v>
      </c>
      <c r="AC20" s="261">
        <v>311</v>
      </c>
      <c r="AD20" s="261">
        <v>197</v>
      </c>
      <c r="AE20" s="261">
        <v>95</v>
      </c>
      <c r="AF20" s="261">
        <v>38</v>
      </c>
      <c r="AG20" s="261">
        <v>11</v>
      </c>
      <c r="AH20" s="258">
        <v>652</v>
      </c>
      <c r="AI20" s="263">
        <v>652</v>
      </c>
      <c r="AJ20" s="257">
        <v>0</v>
      </c>
      <c r="AK20" s="261">
        <v>0</v>
      </c>
      <c r="AL20" s="258">
        <v>0</v>
      </c>
      <c r="AM20" s="260">
        <v>0</v>
      </c>
      <c r="AN20" s="261">
        <v>10</v>
      </c>
      <c r="AO20" s="261">
        <v>8</v>
      </c>
      <c r="AP20" s="261">
        <v>26</v>
      </c>
      <c r="AQ20" s="261">
        <v>12</v>
      </c>
      <c r="AR20" s="261">
        <v>11</v>
      </c>
      <c r="AS20" s="258">
        <v>67</v>
      </c>
      <c r="AT20" s="263">
        <v>67</v>
      </c>
      <c r="AU20" s="257">
        <v>6</v>
      </c>
      <c r="AV20" s="261">
        <v>15</v>
      </c>
      <c r="AW20" s="258">
        <v>21</v>
      </c>
      <c r="AX20" s="260">
        <v>0</v>
      </c>
      <c r="AY20" s="261">
        <v>45</v>
      </c>
      <c r="AZ20" s="261">
        <v>44</v>
      </c>
      <c r="BA20" s="261">
        <v>56</v>
      </c>
      <c r="BB20" s="261">
        <v>19</v>
      </c>
      <c r="BC20" s="261">
        <v>9</v>
      </c>
      <c r="BD20" s="258">
        <v>173</v>
      </c>
      <c r="BE20" s="263">
        <v>194</v>
      </c>
      <c r="BF20" s="257">
        <v>0</v>
      </c>
      <c r="BG20" s="261">
        <v>3</v>
      </c>
      <c r="BH20" s="258">
        <v>3</v>
      </c>
      <c r="BI20" s="260">
        <v>0</v>
      </c>
      <c r="BJ20" s="261">
        <v>47</v>
      </c>
      <c r="BK20" s="261">
        <v>79</v>
      </c>
      <c r="BL20" s="261">
        <v>101</v>
      </c>
      <c r="BM20" s="261">
        <v>61</v>
      </c>
      <c r="BN20" s="261">
        <v>26</v>
      </c>
      <c r="BO20" s="262">
        <v>314</v>
      </c>
      <c r="BP20" s="263">
        <v>317</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6</v>
      </c>
      <c r="CI20" s="261">
        <v>17</v>
      </c>
      <c r="CJ20" s="261">
        <v>5</v>
      </c>
      <c r="CK20" s="258">
        <v>30</v>
      </c>
      <c r="CL20" s="263">
        <v>30</v>
      </c>
      <c r="CM20" s="257">
        <v>0</v>
      </c>
      <c r="CN20" s="261">
        <v>0</v>
      </c>
      <c r="CO20" s="258">
        <v>0</v>
      </c>
      <c r="CP20" s="260">
        <v>0</v>
      </c>
      <c r="CQ20" s="261">
        <v>6</v>
      </c>
      <c r="CR20" s="261">
        <v>13</v>
      </c>
      <c r="CS20" s="261">
        <v>11</v>
      </c>
      <c r="CT20" s="261">
        <v>19</v>
      </c>
      <c r="CU20" s="261">
        <v>24</v>
      </c>
      <c r="CV20" s="258">
        <v>73</v>
      </c>
      <c r="CW20" s="263">
        <v>73</v>
      </c>
    </row>
    <row r="21" spans="2:101" ht="21" customHeight="1" x14ac:dyDescent="0.2">
      <c r="B21" s="468" t="s">
        <v>19</v>
      </c>
      <c r="C21" s="257">
        <v>0</v>
      </c>
      <c r="D21" s="258">
        <v>0</v>
      </c>
      <c r="E21" s="259">
        <v>0</v>
      </c>
      <c r="F21" s="260">
        <v>0</v>
      </c>
      <c r="G21" s="261">
        <v>14</v>
      </c>
      <c r="H21" s="261">
        <v>12</v>
      </c>
      <c r="I21" s="261">
        <v>6</v>
      </c>
      <c r="J21" s="261">
        <v>4</v>
      </c>
      <c r="K21" s="261">
        <v>8</v>
      </c>
      <c r="L21" s="262">
        <v>44</v>
      </c>
      <c r="M21" s="263">
        <v>44</v>
      </c>
      <c r="N21" s="257">
        <v>0</v>
      </c>
      <c r="O21" s="261">
        <v>0</v>
      </c>
      <c r="P21" s="258">
        <v>0</v>
      </c>
      <c r="Q21" s="260">
        <v>0</v>
      </c>
      <c r="R21" s="261">
        <v>1</v>
      </c>
      <c r="S21" s="261">
        <v>2</v>
      </c>
      <c r="T21" s="261">
        <v>4</v>
      </c>
      <c r="U21" s="261">
        <v>2</v>
      </c>
      <c r="V21" s="261">
        <v>1</v>
      </c>
      <c r="W21" s="258">
        <v>10</v>
      </c>
      <c r="X21" s="263">
        <v>10</v>
      </c>
      <c r="Y21" s="257">
        <v>0</v>
      </c>
      <c r="Z21" s="261">
        <v>0</v>
      </c>
      <c r="AA21" s="258">
        <v>0</v>
      </c>
      <c r="AB21" s="260">
        <v>0</v>
      </c>
      <c r="AC21" s="261">
        <v>128</v>
      </c>
      <c r="AD21" s="261">
        <v>107</v>
      </c>
      <c r="AE21" s="261">
        <v>50</v>
      </c>
      <c r="AF21" s="261">
        <v>19</v>
      </c>
      <c r="AG21" s="261">
        <v>12</v>
      </c>
      <c r="AH21" s="258">
        <v>316</v>
      </c>
      <c r="AI21" s="263">
        <v>316</v>
      </c>
      <c r="AJ21" s="257">
        <v>0</v>
      </c>
      <c r="AK21" s="261">
        <v>0</v>
      </c>
      <c r="AL21" s="258">
        <v>0</v>
      </c>
      <c r="AM21" s="260">
        <v>0</v>
      </c>
      <c r="AN21" s="261">
        <v>15</v>
      </c>
      <c r="AO21" s="261">
        <v>18</v>
      </c>
      <c r="AP21" s="261">
        <v>19</v>
      </c>
      <c r="AQ21" s="261">
        <v>3</v>
      </c>
      <c r="AR21" s="261">
        <v>5</v>
      </c>
      <c r="AS21" s="258">
        <v>60</v>
      </c>
      <c r="AT21" s="263">
        <v>60</v>
      </c>
      <c r="AU21" s="257">
        <v>0</v>
      </c>
      <c r="AV21" s="261">
        <v>2</v>
      </c>
      <c r="AW21" s="258">
        <v>2</v>
      </c>
      <c r="AX21" s="260">
        <v>0</v>
      </c>
      <c r="AY21" s="261">
        <v>20</v>
      </c>
      <c r="AZ21" s="261">
        <v>40</v>
      </c>
      <c r="BA21" s="261">
        <v>28</v>
      </c>
      <c r="BB21" s="261">
        <v>14</v>
      </c>
      <c r="BC21" s="261">
        <v>9</v>
      </c>
      <c r="BD21" s="258">
        <v>111</v>
      </c>
      <c r="BE21" s="263">
        <v>113</v>
      </c>
      <c r="BF21" s="257">
        <v>0</v>
      </c>
      <c r="BG21" s="261">
        <v>0</v>
      </c>
      <c r="BH21" s="258">
        <v>0</v>
      </c>
      <c r="BI21" s="260">
        <v>0</v>
      </c>
      <c r="BJ21" s="261">
        <v>12</v>
      </c>
      <c r="BK21" s="261">
        <v>26</v>
      </c>
      <c r="BL21" s="261">
        <v>29</v>
      </c>
      <c r="BM21" s="261">
        <v>20</v>
      </c>
      <c r="BN21" s="261">
        <v>14</v>
      </c>
      <c r="BO21" s="262">
        <v>101</v>
      </c>
      <c r="BP21" s="263">
        <v>101</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2</v>
      </c>
      <c r="CS21" s="261">
        <v>3</v>
      </c>
      <c r="CT21" s="261">
        <v>2</v>
      </c>
      <c r="CU21" s="261">
        <v>12</v>
      </c>
      <c r="CV21" s="258">
        <v>20</v>
      </c>
      <c r="CW21" s="263">
        <v>20</v>
      </c>
    </row>
    <row r="22" spans="2:101" ht="21" customHeight="1" x14ac:dyDescent="0.2">
      <c r="B22" s="468" t="s">
        <v>20</v>
      </c>
      <c r="C22" s="257">
        <v>0</v>
      </c>
      <c r="D22" s="258">
        <v>0</v>
      </c>
      <c r="E22" s="259">
        <v>0</v>
      </c>
      <c r="F22" s="260">
        <v>0</v>
      </c>
      <c r="G22" s="261">
        <v>1</v>
      </c>
      <c r="H22" s="261">
        <v>1</v>
      </c>
      <c r="I22" s="261">
        <v>0</v>
      </c>
      <c r="J22" s="261">
        <v>0</v>
      </c>
      <c r="K22" s="261">
        <v>2</v>
      </c>
      <c r="L22" s="262">
        <v>4</v>
      </c>
      <c r="M22" s="263">
        <v>4</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90</v>
      </c>
      <c r="AD22" s="261">
        <v>100</v>
      </c>
      <c r="AE22" s="261">
        <v>51</v>
      </c>
      <c r="AF22" s="261">
        <v>15</v>
      </c>
      <c r="AG22" s="261">
        <v>7</v>
      </c>
      <c r="AH22" s="258">
        <v>363</v>
      </c>
      <c r="AI22" s="263">
        <v>363</v>
      </c>
      <c r="AJ22" s="257">
        <v>0</v>
      </c>
      <c r="AK22" s="261">
        <v>0</v>
      </c>
      <c r="AL22" s="258">
        <v>0</v>
      </c>
      <c r="AM22" s="260">
        <v>0</v>
      </c>
      <c r="AN22" s="261">
        <v>2</v>
      </c>
      <c r="AO22" s="261">
        <v>1</v>
      </c>
      <c r="AP22" s="261">
        <v>5</v>
      </c>
      <c r="AQ22" s="261">
        <v>2</v>
      </c>
      <c r="AR22" s="261">
        <v>2</v>
      </c>
      <c r="AS22" s="258">
        <v>12</v>
      </c>
      <c r="AT22" s="263">
        <v>12</v>
      </c>
      <c r="AU22" s="257">
        <v>0</v>
      </c>
      <c r="AV22" s="261">
        <v>1</v>
      </c>
      <c r="AW22" s="258">
        <v>1</v>
      </c>
      <c r="AX22" s="260">
        <v>0</v>
      </c>
      <c r="AY22" s="261">
        <v>20</v>
      </c>
      <c r="AZ22" s="261">
        <v>11</v>
      </c>
      <c r="BA22" s="261">
        <v>12</v>
      </c>
      <c r="BB22" s="261">
        <v>3</v>
      </c>
      <c r="BC22" s="261">
        <v>1</v>
      </c>
      <c r="BD22" s="258">
        <v>47</v>
      </c>
      <c r="BE22" s="263">
        <v>48</v>
      </c>
      <c r="BF22" s="257">
        <v>0</v>
      </c>
      <c r="BG22" s="261">
        <v>1</v>
      </c>
      <c r="BH22" s="258">
        <v>1</v>
      </c>
      <c r="BI22" s="260">
        <v>0</v>
      </c>
      <c r="BJ22" s="261">
        <v>15</v>
      </c>
      <c r="BK22" s="261">
        <v>33</v>
      </c>
      <c r="BL22" s="261">
        <v>50</v>
      </c>
      <c r="BM22" s="261">
        <v>17</v>
      </c>
      <c r="BN22" s="261">
        <v>19</v>
      </c>
      <c r="BO22" s="262">
        <v>134</v>
      </c>
      <c r="BP22" s="263">
        <v>135</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68" t="s">
        <v>21</v>
      </c>
      <c r="C23" s="257">
        <v>0</v>
      </c>
      <c r="D23" s="258">
        <v>0</v>
      </c>
      <c r="E23" s="259">
        <v>0</v>
      </c>
      <c r="F23" s="260">
        <v>0</v>
      </c>
      <c r="G23" s="261">
        <v>2</v>
      </c>
      <c r="H23" s="261">
        <v>6</v>
      </c>
      <c r="I23" s="261">
        <v>1</v>
      </c>
      <c r="J23" s="261">
        <v>4</v>
      </c>
      <c r="K23" s="261">
        <v>4</v>
      </c>
      <c r="L23" s="262">
        <v>17</v>
      </c>
      <c r="M23" s="263">
        <v>17</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95</v>
      </c>
      <c r="AD23" s="261">
        <v>181</v>
      </c>
      <c r="AE23" s="261">
        <v>81</v>
      </c>
      <c r="AF23" s="261">
        <v>34</v>
      </c>
      <c r="AG23" s="261">
        <v>13</v>
      </c>
      <c r="AH23" s="258">
        <v>504</v>
      </c>
      <c r="AI23" s="263">
        <v>504</v>
      </c>
      <c r="AJ23" s="257">
        <v>0</v>
      </c>
      <c r="AK23" s="261">
        <v>0</v>
      </c>
      <c r="AL23" s="258">
        <v>0</v>
      </c>
      <c r="AM23" s="260">
        <v>0</v>
      </c>
      <c r="AN23" s="261">
        <v>0</v>
      </c>
      <c r="AO23" s="261">
        <v>0</v>
      </c>
      <c r="AP23" s="261">
        <v>0</v>
      </c>
      <c r="AQ23" s="261">
        <v>1</v>
      </c>
      <c r="AR23" s="261">
        <v>0</v>
      </c>
      <c r="AS23" s="258">
        <v>1</v>
      </c>
      <c r="AT23" s="263">
        <v>1</v>
      </c>
      <c r="AU23" s="257">
        <v>0</v>
      </c>
      <c r="AV23" s="261">
        <v>0</v>
      </c>
      <c r="AW23" s="258">
        <v>0</v>
      </c>
      <c r="AX23" s="260">
        <v>0</v>
      </c>
      <c r="AY23" s="261">
        <v>12</v>
      </c>
      <c r="AZ23" s="261">
        <v>6</v>
      </c>
      <c r="BA23" s="261">
        <v>19</v>
      </c>
      <c r="BB23" s="261">
        <v>6</v>
      </c>
      <c r="BC23" s="261">
        <v>2</v>
      </c>
      <c r="BD23" s="258">
        <v>45</v>
      </c>
      <c r="BE23" s="263">
        <v>45</v>
      </c>
      <c r="BF23" s="257">
        <v>0</v>
      </c>
      <c r="BG23" s="261">
        <v>0</v>
      </c>
      <c r="BH23" s="258">
        <v>0</v>
      </c>
      <c r="BI23" s="260">
        <v>0</v>
      </c>
      <c r="BJ23" s="261">
        <v>18</v>
      </c>
      <c r="BK23" s="261">
        <v>40</v>
      </c>
      <c r="BL23" s="261">
        <v>42</v>
      </c>
      <c r="BM23" s="261">
        <v>15</v>
      </c>
      <c r="BN23" s="261">
        <v>11</v>
      </c>
      <c r="BO23" s="262">
        <v>126</v>
      </c>
      <c r="BP23" s="263">
        <v>12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2</v>
      </c>
      <c r="CR23" s="261">
        <v>3</v>
      </c>
      <c r="CS23" s="261">
        <v>1</v>
      </c>
      <c r="CT23" s="261">
        <v>1</v>
      </c>
      <c r="CU23" s="261">
        <v>6</v>
      </c>
      <c r="CV23" s="258">
        <v>13</v>
      </c>
      <c r="CW23" s="263">
        <v>13</v>
      </c>
    </row>
    <row r="24" spans="2:101" ht="21" customHeight="1" x14ac:dyDescent="0.2">
      <c r="B24" s="468" t="s">
        <v>22</v>
      </c>
      <c r="C24" s="257">
        <v>0</v>
      </c>
      <c r="D24" s="258">
        <v>0</v>
      </c>
      <c r="E24" s="259">
        <v>0</v>
      </c>
      <c r="F24" s="260">
        <v>0</v>
      </c>
      <c r="G24" s="261">
        <v>0</v>
      </c>
      <c r="H24" s="261">
        <v>7</v>
      </c>
      <c r="I24" s="261">
        <v>4</v>
      </c>
      <c r="J24" s="261">
        <v>3</v>
      </c>
      <c r="K24" s="261">
        <v>0</v>
      </c>
      <c r="L24" s="262">
        <v>14</v>
      </c>
      <c r="M24" s="263">
        <v>14</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83</v>
      </c>
      <c r="AD24" s="261">
        <v>73</v>
      </c>
      <c r="AE24" s="261">
        <v>29</v>
      </c>
      <c r="AF24" s="261">
        <v>12</v>
      </c>
      <c r="AG24" s="261">
        <v>2</v>
      </c>
      <c r="AH24" s="258">
        <v>199</v>
      </c>
      <c r="AI24" s="263">
        <v>199</v>
      </c>
      <c r="AJ24" s="257">
        <v>0</v>
      </c>
      <c r="AK24" s="261">
        <v>0</v>
      </c>
      <c r="AL24" s="258">
        <v>0</v>
      </c>
      <c r="AM24" s="260">
        <v>0</v>
      </c>
      <c r="AN24" s="261">
        <v>2</v>
      </c>
      <c r="AO24" s="261">
        <v>3</v>
      </c>
      <c r="AP24" s="261">
        <v>2</v>
      </c>
      <c r="AQ24" s="261">
        <v>0</v>
      </c>
      <c r="AR24" s="261">
        <v>3</v>
      </c>
      <c r="AS24" s="258">
        <v>10</v>
      </c>
      <c r="AT24" s="263">
        <v>10</v>
      </c>
      <c r="AU24" s="257">
        <v>3</v>
      </c>
      <c r="AV24" s="261">
        <v>3</v>
      </c>
      <c r="AW24" s="258">
        <v>6</v>
      </c>
      <c r="AX24" s="260">
        <v>0</v>
      </c>
      <c r="AY24" s="261">
        <v>18</v>
      </c>
      <c r="AZ24" s="261">
        <v>21</v>
      </c>
      <c r="BA24" s="261">
        <v>9</v>
      </c>
      <c r="BB24" s="261">
        <v>10</v>
      </c>
      <c r="BC24" s="261">
        <v>5</v>
      </c>
      <c r="BD24" s="258">
        <v>63</v>
      </c>
      <c r="BE24" s="263">
        <v>69</v>
      </c>
      <c r="BF24" s="257">
        <v>0</v>
      </c>
      <c r="BG24" s="261">
        <v>0</v>
      </c>
      <c r="BH24" s="258">
        <v>0</v>
      </c>
      <c r="BI24" s="260">
        <v>0</v>
      </c>
      <c r="BJ24" s="261">
        <v>10</v>
      </c>
      <c r="BK24" s="261">
        <v>18</v>
      </c>
      <c r="BL24" s="261">
        <v>14</v>
      </c>
      <c r="BM24" s="261">
        <v>16</v>
      </c>
      <c r="BN24" s="261">
        <v>5</v>
      </c>
      <c r="BO24" s="262">
        <v>63</v>
      </c>
      <c r="BP24" s="263">
        <v>63</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6</v>
      </c>
      <c r="CI24" s="261">
        <v>11</v>
      </c>
      <c r="CJ24" s="261">
        <v>9</v>
      </c>
      <c r="CK24" s="258">
        <v>26</v>
      </c>
      <c r="CL24" s="263">
        <v>26</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68" t="s">
        <v>23</v>
      </c>
      <c r="C25" s="257">
        <v>0</v>
      </c>
      <c r="D25" s="258">
        <v>0</v>
      </c>
      <c r="E25" s="259">
        <v>0</v>
      </c>
      <c r="F25" s="260">
        <v>0</v>
      </c>
      <c r="G25" s="261">
        <v>0</v>
      </c>
      <c r="H25" s="261">
        <v>0</v>
      </c>
      <c r="I25" s="261">
        <v>1</v>
      </c>
      <c r="J25" s="261">
        <v>0</v>
      </c>
      <c r="K25" s="261">
        <v>1</v>
      </c>
      <c r="L25" s="262">
        <v>2</v>
      </c>
      <c r="M25" s="263">
        <v>2</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60</v>
      </c>
      <c r="AD25" s="261">
        <v>47</v>
      </c>
      <c r="AE25" s="261">
        <v>26</v>
      </c>
      <c r="AF25" s="261">
        <v>13</v>
      </c>
      <c r="AG25" s="261">
        <v>4</v>
      </c>
      <c r="AH25" s="258">
        <v>150</v>
      </c>
      <c r="AI25" s="263">
        <v>150</v>
      </c>
      <c r="AJ25" s="257">
        <v>0</v>
      </c>
      <c r="AK25" s="261">
        <v>0</v>
      </c>
      <c r="AL25" s="258">
        <v>0</v>
      </c>
      <c r="AM25" s="260">
        <v>0</v>
      </c>
      <c r="AN25" s="261">
        <v>0</v>
      </c>
      <c r="AO25" s="261">
        <v>0</v>
      </c>
      <c r="AP25" s="261">
        <v>4</v>
      </c>
      <c r="AQ25" s="261">
        <v>1</v>
      </c>
      <c r="AR25" s="261">
        <v>0</v>
      </c>
      <c r="AS25" s="258">
        <v>5</v>
      </c>
      <c r="AT25" s="263">
        <v>5</v>
      </c>
      <c r="AU25" s="257">
        <v>0</v>
      </c>
      <c r="AV25" s="261">
        <v>0</v>
      </c>
      <c r="AW25" s="258">
        <v>0</v>
      </c>
      <c r="AX25" s="260">
        <v>0</v>
      </c>
      <c r="AY25" s="261">
        <v>5</v>
      </c>
      <c r="AZ25" s="261">
        <v>6</v>
      </c>
      <c r="BA25" s="261">
        <v>3</v>
      </c>
      <c r="BB25" s="261">
        <v>2</v>
      </c>
      <c r="BC25" s="261">
        <v>1</v>
      </c>
      <c r="BD25" s="258">
        <v>17</v>
      </c>
      <c r="BE25" s="263">
        <v>17</v>
      </c>
      <c r="BF25" s="257">
        <v>0</v>
      </c>
      <c r="BG25" s="261">
        <v>0</v>
      </c>
      <c r="BH25" s="258">
        <v>0</v>
      </c>
      <c r="BI25" s="260">
        <v>0</v>
      </c>
      <c r="BJ25" s="261">
        <v>42</v>
      </c>
      <c r="BK25" s="261">
        <v>22</v>
      </c>
      <c r="BL25" s="261">
        <v>22</v>
      </c>
      <c r="BM25" s="261">
        <v>23</v>
      </c>
      <c r="BN25" s="261">
        <v>5</v>
      </c>
      <c r="BO25" s="262">
        <v>114</v>
      </c>
      <c r="BP25" s="263">
        <v>114</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68" t="s">
        <v>24</v>
      </c>
      <c r="C26" s="257">
        <v>0</v>
      </c>
      <c r="D26" s="258">
        <v>0</v>
      </c>
      <c r="E26" s="259">
        <v>0</v>
      </c>
      <c r="F26" s="260">
        <v>0</v>
      </c>
      <c r="G26" s="261">
        <v>3</v>
      </c>
      <c r="H26" s="261">
        <v>2</v>
      </c>
      <c r="I26" s="261">
        <v>3</v>
      </c>
      <c r="J26" s="261">
        <v>4</v>
      </c>
      <c r="K26" s="261">
        <v>0</v>
      </c>
      <c r="L26" s="262">
        <v>12</v>
      </c>
      <c r="M26" s="263">
        <v>1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6</v>
      </c>
      <c r="AD26" s="261">
        <v>17</v>
      </c>
      <c r="AE26" s="261">
        <v>16</v>
      </c>
      <c r="AF26" s="261">
        <v>7</v>
      </c>
      <c r="AG26" s="261">
        <v>4</v>
      </c>
      <c r="AH26" s="258">
        <v>70</v>
      </c>
      <c r="AI26" s="263">
        <v>70</v>
      </c>
      <c r="AJ26" s="257">
        <v>0</v>
      </c>
      <c r="AK26" s="261">
        <v>0</v>
      </c>
      <c r="AL26" s="258">
        <v>0</v>
      </c>
      <c r="AM26" s="260">
        <v>0</v>
      </c>
      <c r="AN26" s="261">
        <v>7</v>
      </c>
      <c r="AO26" s="261">
        <v>9</v>
      </c>
      <c r="AP26" s="261">
        <v>4</v>
      </c>
      <c r="AQ26" s="261">
        <v>3</v>
      </c>
      <c r="AR26" s="261">
        <v>1</v>
      </c>
      <c r="AS26" s="258">
        <v>24</v>
      </c>
      <c r="AT26" s="263">
        <v>24</v>
      </c>
      <c r="AU26" s="257">
        <v>0</v>
      </c>
      <c r="AV26" s="261">
        <v>3</v>
      </c>
      <c r="AW26" s="258">
        <v>3</v>
      </c>
      <c r="AX26" s="260">
        <v>0</v>
      </c>
      <c r="AY26" s="261">
        <v>13</v>
      </c>
      <c r="AZ26" s="261">
        <v>12</v>
      </c>
      <c r="BA26" s="261">
        <v>7</v>
      </c>
      <c r="BB26" s="261">
        <v>5</v>
      </c>
      <c r="BC26" s="261">
        <v>2</v>
      </c>
      <c r="BD26" s="258">
        <v>39</v>
      </c>
      <c r="BE26" s="263">
        <v>42</v>
      </c>
      <c r="BF26" s="257">
        <v>0</v>
      </c>
      <c r="BG26" s="261">
        <v>0</v>
      </c>
      <c r="BH26" s="258">
        <v>0</v>
      </c>
      <c r="BI26" s="260">
        <v>0</v>
      </c>
      <c r="BJ26" s="261">
        <v>1</v>
      </c>
      <c r="BK26" s="261">
        <v>5</v>
      </c>
      <c r="BL26" s="261">
        <v>6</v>
      </c>
      <c r="BM26" s="261">
        <v>5</v>
      </c>
      <c r="BN26" s="261">
        <v>2</v>
      </c>
      <c r="BO26" s="262">
        <v>19</v>
      </c>
      <c r="BP26" s="263">
        <v>19</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68"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6</v>
      </c>
      <c r="AD27" s="261">
        <v>38</v>
      </c>
      <c r="AE27" s="261">
        <v>17</v>
      </c>
      <c r="AF27" s="261">
        <v>4</v>
      </c>
      <c r="AG27" s="261">
        <v>0</v>
      </c>
      <c r="AH27" s="258">
        <v>145</v>
      </c>
      <c r="AI27" s="263">
        <v>145</v>
      </c>
      <c r="AJ27" s="257">
        <v>0</v>
      </c>
      <c r="AK27" s="261">
        <v>0</v>
      </c>
      <c r="AL27" s="258">
        <v>0</v>
      </c>
      <c r="AM27" s="260">
        <v>0</v>
      </c>
      <c r="AN27" s="261">
        <v>0</v>
      </c>
      <c r="AO27" s="261">
        <v>0</v>
      </c>
      <c r="AP27" s="261">
        <v>0</v>
      </c>
      <c r="AQ27" s="261">
        <v>0</v>
      </c>
      <c r="AR27" s="261">
        <v>0</v>
      </c>
      <c r="AS27" s="258">
        <v>0</v>
      </c>
      <c r="AT27" s="263">
        <v>0</v>
      </c>
      <c r="AU27" s="257">
        <v>2</v>
      </c>
      <c r="AV27" s="261">
        <v>1</v>
      </c>
      <c r="AW27" s="258">
        <v>3</v>
      </c>
      <c r="AX27" s="260">
        <v>0</v>
      </c>
      <c r="AY27" s="261">
        <v>4</v>
      </c>
      <c r="AZ27" s="261">
        <v>3</v>
      </c>
      <c r="BA27" s="261">
        <v>3</v>
      </c>
      <c r="BB27" s="261">
        <v>2</v>
      </c>
      <c r="BC27" s="261">
        <v>1</v>
      </c>
      <c r="BD27" s="258">
        <v>13</v>
      </c>
      <c r="BE27" s="263">
        <v>16</v>
      </c>
      <c r="BF27" s="257">
        <v>0</v>
      </c>
      <c r="BG27" s="261">
        <v>0</v>
      </c>
      <c r="BH27" s="258">
        <v>0</v>
      </c>
      <c r="BI27" s="260">
        <v>0</v>
      </c>
      <c r="BJ27" s="261">
        <v>9</v>
      </c>
      <c r="BK27" s="261">
        <v>7</v>
      </c>
      <c r="BL27" s="261">
        <v>9</v>
      </c>
      <c r="BM27" s="261">
        <v>8</v>
      </c>
      <c r="BN27" s="261">
        <v>2</v>
      </c>
      <c r="BO27" s="262">
        <v>35</v>
      </c>
      <c r="BP27" s="263">
        <v>35</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68"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51</v>
      </c>
      <c r="AD28" s="261">
        <v>40</v>
      </c>
      <c r="AE28" s="261">
        <v>25</v>
      </c>
      <c r="AF28" s="261">
        <v>11</v>
      </c>
      <c r="AG28" s="261">
        <v>7</v>
      </c>
      <c r="AH28" s="258">
        <v>134</v>
      </c>
      <c r="AI28" s="263">
        <v>134</v>
      </c>
      <c r="AJ28" s="257">
        <v>0</v>
      </c>
      <c r="AK28" s="261">
        <v>0</v>
      </c>
      <c r="AL28" s="258">
        <v>0</v>
      </c>
      <c r="AM28" s="260">
        <v>0</v>
      </c>
      <c r="AN28" s="261">
        <v>0</v>
      </c>
      <c r="AO28" s="261">
        <v>4</v>
      </c>
      <c r="AP28" s="261">
        <v>3</v>
      </c>
      <c r="AQ28" s="261">
        <v>2</v>
      </c>
      <c r="AR28" s="261">
        <v>1</v>
      </c>
      <c r="AS28" s="258">
        <v>10</v>
      </c>
      <c r="AT28" s="263">
        <v>10</v>
      </c>
      <c r="AU28" s="257">
        <v>0</v>
      </c>
      <c r="AV28" s="261">
        <v>1</v>
      </c>
      <c r="AW28" s="258">
        <v>1</v>
      </c>
      <c r="AX28" s="260">
        <v>0</v>
      </c>
      <c r="AY28" s="261">
        <v>6</v>
      </c>
      <c r="AZ28" s="261">
        <v>6</v>
      </c>
      <c r="BA28" s="261">
        <v>6</v>
      </c>
      <c r="BB28" s="261">
        <v>1</v>
      </c>
      <c r="BC28" s="261">
        <v>2</v>
      </c>
      <c r="BD28" s="258">
        <v>21</v>
      </c>
      <c r="BE28" s="263">
        <v>22</v>
      </c>
      <c r="BF28" s="257">
        <v>0</v>
      </c>
      <c r="BG28" s="261">
        <v>0</v>
      </c>
      <c r="BH28" s="258">
        <v>0</v>
      </c>
      <c r="BI28" s="260">
        <v>0</v>
      </c>
      <c r="BJ28" s="261">
        <v>6</v>
      </c>
      <c r="BK28" s="261">
        <v>15</v>
      </c>
      <c r="BL28" s="261">
        <v>22</v>
      </c>
      <c r="BM28" s="261">
        <v>10</v>
      </c>
      <c r="BN28" s="261">
        <v>1</v>
      </c>
      <c r="BO28" s="262">
        <v>54</v>
      </c>
      <c r="BP28" s="263">
        <v>54</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68"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5</v>
      </c>
      <c r="AD29" s="261">
        <v>17</v>
      </c>
      <c r="AE29" s="261">
        <v>6</v>
      </c>
      <c r="AF29" s="261">
        <v>1</v>
      </c>
      <c r="AG29" s="261">
        <v>0</v>
      </c>
      <c r="AH29" s="258">
        <v>59</v>
      </c>
      <c r="AI29" s="263">
        <v>59</v>
      </c>
      <c r="AJ29" s="257">
        <v>0</v>
      </c>
      <c r="AK29" s="261">
        <v>0</v>
      </c>
      <c r="AL29" s="258">
        <v>0</v>
      </c>
      <c r="AM29" s="260">
        <v>0</v>
      </c>
      <c r="AN29" s="261">
        <v>1</v>
      </c>
      <c r="AO29" s="261">
        <v>1</v>
      </c>
      <c r="AP29" s="261">
        <v>1</v>
      </c>
      <c r="AQ29" s="261">
        <v>1</v>
      </c>
      <c r="AR29" s="261">
        <v>1</v>
      </c>
      <c r="AS29" s="258">
        <v>5</v>
      </c>
      <c r="AT29" s="263">
        <v>5</v>
      </c>
      <c r="AU29" s="257">
        <v>0</v>
      </c>
      <c r="AV29" s="261">
        <v>0</v>
      </c>
      <c r="AW29" s="258">
        <v>0</v>
      </c>
      <c r="AX29" s="260">
        <v>0</v>
      </c>
      <c r="AY29" s="261">
        <v>8</v>
      </c>
      <c r="AZ29" s="261">
        <v>3</v>
      </c>
      <c r="BA29" s="261">
        <v>4</v>
      </c>
      <c r="BB29" s="261">
        <v>3</v>
      </c>
      <c r="BC29" s="261">
        <v>2</v>
      </c>
      <c r="BD29" s="258">
        <v>20</v>
      </c>
      <c r="BE29" s="263">
        <v>20</v>
      </c>
      <c r="BF29" s="257">
        <v>0</v>
      </c>
      <c r="BG29" s="261">
        <v>0</v>
      </c>
      <c r="BH29" s="258">
        <v>0</v>
      </c>
      <c r="BI29" s="260">
        <v>0</v>
      </c>
      <c r="BJ29" s="261">
        <v>8</v>
      </c>
      <c r="BK29" s="261">
        <v>4</v>
      </c>
      <c r="BL29" s="261">
        <v>11</v>
      </c>
      <c r="BM29" s="261">
        <v>4</v>
      </c>
      <c r="BN29" s="261">
        <v>6</v>
      </c>
      <c r="BO29" s="262">
        <v>33</v>
      </c>
      <c r="BP29" s="263">
        <v>33</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6</v>
      </c>
      <c r="CI29" s="261">
        <v>11</v>
      </c>
      <c r="CJ29" s="261">
        <v>7</v>
      </c>
      <c r="CK29" s="258">
        <v>24</v>
      </c>
      <c r="CL29" s="263">
        <v>24</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68"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24</v>
      </c>
      <c r="AD30" s="261">
        <v>13</v>
      </c>
      <c r="AE30" s="261">
        <v>1</v>
      </c>
      <c r="AF30" s="261">
        <v>1</v>
      </c>
      <c r="AG30" s="261">
        <v>1</v>
      </c>
      <c r="AH30" s="258">
        <v>40</v>
      </c>
      <c r="AI30" s="263">
        <v>40</v>
      </c>
      <c r="AJ30" s="257">
        <v>0</v>
      </c>
      <c r="AK30" s="261">
        <v>0</v>
      </c>
      <c r="AL30" s="258">
        <v>0</v>
      </c>
      <c r="AM30" s="260">
        <v>0</v>
      </c>
      <c r="AN30" s="261">
        <v>1</v>
      </c>
      <c r="AO30" s="261">
        <v>1</v>
      </c>
      <c r="AP30" s="261">
        <v>1</v>
      </c>
      <c r="AQ30" s="261">
        <v>1</v>
      </c>
      <c r="AR30" s="261">
        <v>0</v>
      </c>
      <c r="AS30" s="258">
        <v>4</v>
      </c>
      <c r="AT30" s="263">
        <v>4</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1</v>
      </c>
      <c r="BK30" s="261">
        <v>6</v>
      </c>
      <c r="BL30" s="261">
        <v>1</v>
      </c>
      <c r="BM30" s="261">
        <v>4</v>
      </c>
      <c r="BN30" s="261">
        <v>3</v>
      </c>
      <c r="BO30" s="262">
        <v>15</v>
      </c>
      <c r="BP30" s="263">
        <v>15</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1</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68" t="s">
        <v>29</v>
      </c>
      <c r="C31" s="257">
        <v>0</v>
      </c>
      <c r="D31" s="258">
        <v>0</v>
      </c>
      <c r="E31" s="259">
        <v>0</v>
      </c>
      <c r="F31" s="260">
        <v>0</v>
      </c>
      <c r="G31" s="261">
        <v>2</v>
      </c>
      <c r="H31" s="261">
        <v>0</v>
      </c>
      <c r="I31" s="261">
        <v>1</v>
      </c>
      <c r="J31" s="261">
        <v>0</v>
      </c>
      <c r="K31" s="261">
        <v>0</v>
      </c>
      <c r="L31" s="262">
        <v>3</v>
      </c>
      <c r="M31" s="263">
        <v>3</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5</v>
      </c>
      <c r="AD31" s="261">
        <v>17</v>
      </c>
      <c r="AE31" s="261">
        <v>6</v>
      </c>
      <c r="AF31" s="261">
        <v>3</v>
      </c>
      <c r="AG31" s="261">
        <v>0</v>
      </c>
      <c r="AH31" s="258">
        <v>41</v>
      </c>
      <c r="AI31" s="263">
        <v>41</v>
      </c>
      <c r="AJ31" s="257">
        <v>0</v>
      </c>
      <c r="AK31" s="261">
        <v>0</v>
      </c>
      <c r="AL31" s="258">
        <v>0</v>
      </c>
      <c r="AM31" s="260">
        <v>0</v>
      </c>
      <c r="AN31" s="261">
        <v>1</v>
      </c>
      <c r="AO31" s="261">
        <v>0</v>
      </c>
      <c r="AP31" s="261">
        <v>0</v>
      </c>
      <c r="AQ31" s="261">
        <v>0</v>
      </c>
      <c r="AR31" s="261">
        <v>0</v>
      </c>
      <c r="AS31" s="258">
        <v>1</v>
      </c>
      <c r="AT31" s="263">
        <v>1</v>
      </c>
      <c r="AU31" s="257">
        <v>0</v>
      </c>
      <c r="AV31" s="261">
        <v>2</v>
      </c>
      <c r="AW31" s="258">
        <v>2</v>
      </c>
      <c r="AX31" s="260">
        <v>0</v>
      </c>
      <c r="AY31" s="261">
        <v>9</v>
      </c>
      <c r="AZ31" s="261">
        <v>5</v>
      </c>
      <c r="BA31" s="261">
        <v>4</v>
      </c>
      <c r="BB31" s="261">
        <v>5</v>
      </c>
      <c r="BC31" s="261">
        <v>1</v>
      </c>
      <c r="BD31" s="258">
        <v>24</v>
      </c>
      <c r="BE31" s="263">
        <v>26</v>
      </c>
      <c r="BF31" s="257">
        <v>0</v>
      </c>
      <c r="BG31" s="261">
        <v>0</v>
      </c>
      <c r="BH31" s="258">
        <v>0</v>
      </c>
      <c r="BI31" s="260">
        <v>0</v>
      </c>
      <c r="BJ31" s="261">
        <v>5</v>
      </c>
      <c r="BK31" s="261">
        <v>5</v>
      </c>
      <c r="BL31" s="261">
        <v>9</v>
      </c>
      <c r="BM31" s="261">
        <v>4</v>
      </c>
      <c r="BN31" s="261">
        <v>2</v>
      </c>
      <c r="BO31" s="262">
        <v>25</v>
      </c>
      <c r="BP31" s="263">
        <v>25</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3</v>
      </c>
      <c r="CI31" s="261">
        <v>8</v>
      </c>
      <c r="CJ31" s="261">
        <v>5</v>
      </c>
      <c r="CK31" s="258">
        <v>26</v>
      </c>
      <c r="CL31" s="263">
        <v>26</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68" t="s">
        <v>30</v>
      </c>
      <c r="C32" s="257">
        <v>0</v>
      </c>
      <c r="D32" s="258">
        <v>0</v>
      </c>
      <c r="E32" s="259">
        <v>0</v>
      </c>
      <c r="F32" s="260">
        <v>0</v>
      </c>
      <c r="G32" s="261">
        <v>0</v>
      </c>
      <c r="H32" s="261">
        <v>2</v>
      </c>
      <c r="I32" s="261">
        <v>1</v>
      </c>
      <c r="J32" s="261">
        <v>0</v>
      </c>
      <c r="K32" s="261">
        <v>0</v>
      </c>
      <c r="L32" s="262">
        <v>3</v>
      </c>
      <c r="M32" s="263">
        <v>3</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5</v>
      </c>
      <c r="AD32" s="261">
        <v>8</v>
      </c>
      <c r="AE32" s="261">
        <v>13</v>
      </c>
      <c r="AF32" s="261">
        <v>4</v>
      </c>
      <c r="AG32" s="261">
        <v>1</v>
      </c>
      <c r="AH32" s="258">
        <v>51</v>
      </c>
      <c r="AI32" s="263">
        <v>51</v>
      </c>
      <c r="AJ32" s="257">
        <v>0</v>
      </c>
      <c r="AK32" s="261">
        <v>0</v>
      </c>
      <c r="AL32" s="258">
        <v>0</v>
      </c>
      <c r="AM32" s="260">
        <v>0</v>
      </c>
      <c r="AN32" s="261">
        <v>2</v>
      </c>
      <c r="AO32" s="261">
        <v>2</v>
      </c>
      <c r="AP32" s="261">
        <v>1</v>
      </c>
      <c r="AQ32" s="261">
        <v>0</v>
      </c>
      <c r="AR32" s="261">
        <v>0</v>
      </c>
      <c r="AS32" s="258">
        <v>5</v>
      </c>
      <c r="AT32" s="263">
        <v>5</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4</v>
      </c>
      <c r="BK32" s="261">
        <v>6</v>
      </c>
      <c r="BL32" s="261">
        <v>1</v>
      </c>
      <c r="BM32" s="261">
        <v>6</v>
      </c>
      <c r="BN32" s="261">
        <v>2</v>
      </c>
      <c r="BO32" s="262">
        <v>19</v>
      </c>
      <c r="BP32" s="263">
        <v>19</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68"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25</v>
      </c>
      <c r="AD33" s="261">
        <v>15</v>
      </c>
      <c r="AE33" s="261">
        <v>7</v>
      </c>
      <c r="AF33" s="261">
        <v>2</v>
      </c>
      <c r="AG33" s="261">
        <v>0</v>
      </c>
      <c r="AH33" s="258">
        <v>49</v>
      </c>
      <c r="AI33" s="263">
        <v>49</v>
      </c>
      <c r="AJ33" s="257">
        <v>0</v>
      </c>
      <c r="AK33" s="261">
        <v>0</v>
      </c>
      <c r="AL33" s="258">
        <v>0</v>
      </c>
      <c r="AM33" s="260">
        <v>0</v>
      </c>
      <c r="AN33" s="261">
        <v>0</v>
      </c>
      <c r="AO33" s="261">
        <v>0</v>
      </c>
      <c r="AP33" s="261">
        <v>1</v>
      </c>
      <c r="AQ33" s="261">
        <v>1</v>
      </c>
      <c r="AR33" s="261">
        <v>1</v>
      </c>
      <c r="AS33" s="258">
        <v>3</v>
      </c>
      <c r="AT33" s="263">
        <v>3</v>
      </c>
      <c r="AU33" s="257">
        <v>0</v>
      </c>
      <c r="AV33" s="261">
        <v>1</v>
      </c>
      <c r="AW33" s="258">
        <v>1</v>
      </c>
      <c r="AX33" s="260">
        <v>0</v>
      </c>
      <c r="AY33" s="261">
        <v>7</v>
      </c>
      <c r="AZ33" s="261">
        <v>6</v>
      </c>
      <c r="BA33" s="261">
        <v>6</v>
      </c>
      <c r="BB33" s="261">
        <v>2</v>
      </c>
      <c r="BC33" s="261">
        <v>1</v>
      </c>
      <c r="BD33" s="258">
        <v>22</v>
      </c>
      <c r="BE33" s="263">
        <v>23</v>
      </c>
      <c r="BF33" s="257">
        <v>0</v>
      </c>
      <c r="BG33" s="261">
        <v>0</v>
      </c>
      <c r="BH33" s="258">
        <v>0</v>
      </c>
      <c r="BI33" s="260">
        <v>0</v>
      </c>
      <c r="BJ33" s="261">
        <v>8</v>
      </c>
      <c r="BK33" s="261">
        <v>8</v>
      </c>
      <c r="BL33" s="261">
        <v>11</v>
      </c>
      <c r="BM33" s="261">
        <v>11</v>
      </c>
      <c r="BN33" s="261">
        <v>5</v>
      </c>
      <c r="BO33" s="262">
        <v>43</v>
      </c>
      <c r="BP33" s="263">
        <v>4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68" t="s">
        <v>32</v>
      </c>
      <c r="C34" s="257">
        <v>0</v>
      </c>
      <c r="D34" s="258">
        <v>0</v>
      </c>
      <c r="E34" s="259">
        <v>0</v>
      </c>
      <c r="F34" s="260">
        <v>0</v>
      </c>
      <c r="G34" s="261">
        <v>3</v>
      </c>
      <c r="H34" s="261">
        <v>3</v>
      </c>
      <c r="I34" s="261">
        <v>1</v>
      </c>
      <c r="J34" s="261">
        <v>0</v>
      </c>
      <c r="K34" s="261">
        <v>0</v>
      </c>
      <c r="L34" s="262">
        <v>7</v>
      </c>
      <c r="M34" s="263">
        <v>7</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8</v>
      </c>
      <c r="AD34" s="261">
        <v>27</v>
      </c>
      <c r="AE34" s="261">
        <v>8</v>
      </c>
      <c r="AF34" s="261">
        <v>3</v>
      </c>
      <c r="AG34" s="261">
        <v>2</v>
      </c>
      <c r="AH34" s="258">
        <v>78</v>
      </c>
      <c r="AI34" s="263">
        <v>78</v>
      </c>
      <c r="AJ34" s="257">
        <v>0</v>
      </c>
      <c r="AK34" s="261">
        <v>0</v>
      </c>
      <c r="AL34" s="258">
        <v>0</v>
      </c>
      <c r="AM34" s="260">
        <v>0</v>
      </c>
      <c r="AN34" s="261">
        <v>6</v>
      </c>
      <c r="AO34" s="261">
        <v>0</v>
      </c>
      <c r="AP34" s="261">
        <v>0</v>
      </c>
      <c r="AQ34" s="261">
        <v>0</v>
      </c>
      <c r="AR34" s="261">
        <v>1</v>
      </c>
      <c r="AS34" s="258">
        <v>7</v>
      </c>
      <c r="AT34" s="263">
        <v>7</v>
      </c>
      <c r="AU34" s="257">
        <v>0</v>
      </c>
      <c r="AV34" s="261">
        <v>3</v>
      </c>
      <c r="AW34" s="258">
        <v>3</v>
      </c>
      <c r="AX34" s="260">
        <v>0</v>
      </c>
      <c r="AY34" s="261">
        <v>11</v>
      </c>
      <c r="AZ34" s="261">
        <v>1</v>
      </c>
      <c r="BA34" s="261">
        <v>3</v>
      </c>
      <c r="BB34" s="261">
        <v>3</v>
      </c>
      <c r="BC34" s="261">
        <v>0</v>
      </c>
      <c r="BD34" s="258">
        <v>18</v>
      </c>
      <c r="BE34" s="263">
        <v>21</v>
      </c>
      <c r="BF34" s="257">
        <v>0</v>
      </c>
      <c r="BG34" s="261">
        <v>0</v>
      </c>
      <c r="BH34" s="258">
        <v>0</v>
      </c>
      <c r="BI34" s="260">
        <v>0</v>
      </c>
      <c r="BJ34" s="261">
        <v>3</v>
      </c>
      <c r="BK34" s="261">
        <v>5</v>
      </c>
      <c r="BL34" s="261">
        <v>6</v>
      </c>
      <c r="BM34" s="261">
        <v>9</v>
      </c>
      <c r="BN34" s="261">
        <v>6</v>
      </c>
      <c r="BO34" s="262">
        <v>29</v>
      </c>
      <c r="BP34" s="263">
        <v>29</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7</v>
      </c>
      <c r="CJ34" s="261">
        <v>5</v>
      </c>
      <c r="CK34" s="258">
        <v>25</v>
      </c>
      <c r="CL34" s="263">
        <v>25</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68"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2</v>
      </c>
      <c r="AD35" s="261">
        <v>13</v>
      </c>
      <c r="AE35" s="261">
        <v>9</v>
      </c>
      <c r="AF35" s="261">
        <v>1</v>
      </c>
      <c r="AG35" s="261">
        <v>1</v>
      </c>
      <c r="AH35" s="258">
        <v>46</v>
      </c>
      <c r="AI35" s="263">
        <v>46</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3</v>
      </c>
      <c r="BK35" s="261">
        <v>3</v>
      </c>
      <c r="BL35" s="261">
        <v>8</v>
      </c>
      <c r="BM35" s="261">
        <v>1</v>
      </c>
      <c r="BN35" s="261">
        <v>2</v>
      </c>
      <c r="BO35" s="262">
        <v>17</v>
      </c>
      <c r="BP35" s="263">
        <v>18</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3</v>
      </c>
      <c r="CR35" s="261">
        <v>2</v>
      </c>
      <c r="CS35" s="261">
        <v>4</v>
      </c>
      <c r="CT35" s="261">
        <v>3</v>
      </c>
      <c r="CU35" s="261">
        <v>7</v>
      </c>
      <c r="CV35" s="258">
        <v>19</v>
      </c>
      <c r="CW35" s="263">
        <v>19</v>
      </c>
    </row>
    <row r="36" spans="2:101" ht="21" customHeight="1" x14ac:dyDescent="0.2">
      <c r="B36" s="468"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1</v>
      </c>
      <c r="AD36" s="261">
        <v>4</v>
      </c>
      <c r="AE36" s="261">
        <v>3</v>
      </c>
      <c r="AF36" s="261">
        <v>2</v>
      </c>
      <c r="AG36" s="261">
        <v>1</v>
      </c>
      <c r="AH36" s="258">
        <v>21</v>
      </c>
      <c r="AI36" s="263">
        <v>21</v>
      </c>
      <c r="AJ36" s="257">
        <v>0</v>
      </c>
      <c r="AK36" s="261">
        <v>0</v>
      </c>
      <c r="AL36" s="258">
        <v>0</v>
      </c>
      <c r="AM36" s="260">
        <v>0</v>
      </c>
      <c r="AN36" s="261">
        <v>0</v>
      </c>
      <c r="AO36" s="261">
        <v>0</v>
      </c>
      <c r="AP36" s="261">
        <v>0</v>
      </c>
      <c r="AQ36" s="261">
        <v>0</v>
      </c>
      <c r="AR36" s="261">
        <v>1</v>
      </c>
      <c r="AS36" s="258">
        <v>1</v>
      </c>
      <c r="AT36" s="263">
        <v>1</v>
      </c>
      <c r="AU36" s="257">
        <v>1</v>
      </c>
      <c r="AV36" s="261">
        <v>1</v>
      </c>
      <c r="AW36" s="258">
        <v>2</v>
      </c>
      <c r="AX36" s="260">
        <v>0</v>
      </c>
      <c r="AY36" s="261">
        <v>9</v>
      </c>
      <c r="AZ36" s="261">
        <v>10</v>
      </c>
      <c r="BA36" s="261">
        <v>5</v>
      </c>
      <c r="BB36" s="261">
        <v>0</v>
      </c>
      <c r="BC36" s="261">
        <v>0</v>
      </c>
      <c r="BD36" s="258">
        <v>24</v>
      </c>
      <c r="BE36" s="263">
        <v>26</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8</v>
      </c>
      <c r="CR36" s="261">
        <v>6</v>
      </c>
      <c r="CS36" s="261">
        <v>7</v>
      </c>
      <c r="CT36" s="261">
        <v>3</v>
      </c>
      <c r="CU36" s="261">
        <v>1</v>
      </c>
      <c r="CV36" s="258">
        <v>25</v>
      </c>
      <c r="CW36" s="263">
        <v>25</v>
      </c>
    </row>
    <row r="37" spans="2:101" ht="21" customHeight="1" x14ac:dyDescent="0.2">
      <c r="B37" s="468" t="s">
        <v>35</v>
      </c>
      <c r="C37" s="257">
        <v>0</v>
      </c>
      <c r="D37" s="258">
        <v>0</v>
      </c>
      <c r="E37" s="259">
        <v>0</v>
      </c>
      <c r="F37" s="260">
        <v>0</v>
      </c>
      <c r="G37" s="261">
        <v>0</v>
      </c>
      <c r="H37" s="261">
        <v>0</v>
      </c>
      <c r="I37" s="261">
        <v>2</v>
      </c>
      <c r="J37" s="261">
        <v>1</v>
      </c>
      <c r="K37" s="261">
        <v>0</v>
      </c>
      <c r="L37" s="262">
        <v>3</v>
      </c>
      <c r="M37" s="263">
        <v>3</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15</v>
      </c>
      <c r="AD37" s="261">
        <v>10</v>
      </c>
      <c r="AE37" s="261">
        <v>11</v>
      </c>
      <c r="AF37" s="261">
        <v>10</v>
      </c>
      <c r="AG37" s="261">
        <v>2</v>
      </c>
      <c r="AH37" s="258">
        <v>48</v>
      </c>
      <c r="AI37" s="263">
        <v>48</v>
      </c>
      <c r="AJ37" s="257">
        <v>0</v>
      </c>
      <c r="AK37" s="261">
        <v>0</v>
      </c>
      <c r="AL37" s="258">
        <v>0</v>
      </c>
      <c r="AM37" s="260">
        <v>0</v>
      </c>
      <c r="AN37" s="261">
        <v>0</v>
      </c>
      <c r="AO37" s="261">
        <v>1</v>
      </c>
      <c r="AP37" s="261">
        <v>0</v>
      </c>
      <c r="AQ37" s="261">
        <v>0</v>
      </c>
      <c r="AR37" s="261">
        <v>0</v>
      </c>
      <c r="AS37" s="258">
        <v>1</v>
      </c>
      <c r="AT37" s="263">
        <v>1</v>
      </c>
      <c r="AU37" s="257">
        <v>4</v>
      </c>
      <c r="AV37" s="261">
        <v>2</v>
      </c>
      <c r="AW37" s="258">
        <v>6</v>
      </c>
      <c r="AX37" s="260">
        <v>0</v>
      </c>
      <c r="AY37" s="261">
        <v>11</v>
      </c>
      <c r="AZ37" s="261">
        <v>11</v>
      </c>
      <c r="BA37" s="261">
        <v>8</v>
      </c>
      <c r="BB37" s="261">
        <v>3</v>
      </c>
      <c r="BC37" s="261">
        <v>2</v>
      </c>
      <c r="BD37" s="258">
        <v>35</v>
      </c>
      <c r="BE37" s="263">
        <v>41</v>
      </c>
      <c r="BF37" s="257">
        <v>0</v>
      </c>
      <c r="BG37" s="261">
        <v>1</v>
      </c>
      <c r="BH37" s="258">
        <v>1</v>
      </c>
      <c r="BI37" s="260">
        <v>0</v>
      </c>
      <c r="BJ37" s="261">
        <v>15</v>
      </c>
      <c r="BK37" s="261">
        <v>13</v>
      </c>
      <c r="BL37" s="261">
        <v>16</v>
      </c>
      <c r="BM37" s="261">
        <v>12</v>
      </c>
      <c r="BN37" s="261">
        <v>6</v>
      </c>
      <c r="BO37" s="262">
        <v>62</v>
      </c>
      <c r="BP37" s="263">
        <v>63</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68"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69</v>
      </c>
      <c r="AD38" s="261">
        <v>42</v>
      </c>
      <c r="AE38" s="261">
        <v>29</v>
      </c>
      <c r="AF38" s="261">
        <v>9</v>
      </c>
      <c r="AG38" s="261">
        <v>15</v>
      </c>
      <c r="AH38" s="258">
        <v>164</v>
      </c>
      <c r="AI38" s="263">
        <v>164</v>
      </c>
      <c r="AJ38" s="257">
        <v>0</v>
      </c>
      <c r="AK38" s="261">
        <v>0</v>
      </c>
      <c r="AL38" s="258">
        <v>0</v>
      </c>
      <c r="AM38" s="260">
        <v>0</v>
      </c>
      <c r="AN38" s="261">
        <v>0</v>
      </c>
      <c r="AO38" s="261">
        <v>0</v>
      </c>
      <c r="AP38" s="261">
        <v>0</v>
      </c>
      <c r="AQ38" s="261">
        <v>0</v>
      </c>
      <c r="AR38" s="261">
        <v>0</v>
      </c>
      <c r="AS38" s="258">
        <v>0</v>
      </c>
      <c r="AT38" s="263">
        <v>0</v>
      </c>
      <c r="AU38" s="257">
        <v>0</v>
      </c>
      <c r="AV38" s="261">
        <v>3</v>
      </c>
      <c r="AW38" s="258">
        <v>3</v>
      </c>
      <c r="AX38" s="260">
        <v>0</v>
      </c>
      <c r="AY38" s="261">
        <v>10</v>
      </c>
      <c r="AZ38" s="261">
        <v>15</v>
      </c>
      <c r="BA38" s="261">
        <v>8</v>
      </c>
      <c r="BB38" s="261">
        <v>3</v>
      </c>
      <c r="BC38" s="261">
        <v>1</v>
      </c>
      <c r="BD38" s="258">
        <v>37</v>
      </c>
      <c r="BE38" s="263">
        <v>40</v>
      </c>
      <c r="BF38" s="257">
        <v>0</v>
      </c>
      <c r="BG38" s="261">
        <v>0</v>
      </c>
      <c r="BH38" s="258">
        <v>0</v>
      </c>
      <c r="BI38" s="260">
        <v>0</v>
      </c>
      <c r="BJ38" s="261">
        <v>5</v>
      </c>
      <c r="BK38" s="261">
        <v>15</v>
      </c>
      <c r="BL38" s="261">
        <v>12</v>
      </c>
      <c r="BM38" s="261">
        <v>9</v>
      </c>
      <c r="BN38" s="261">
        <v>6</v>
      </c>
      <c r="BO38" s="262">
        <v>47</v>
      </c>
      <c r="BP38" s="263">
        <v>47</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1</v>
      </c>
      <c r="CU38" s="261">
        <v>0</v>
      </c>
      <c r="CV38" s="258">
        <v>1</v>
      </c>
      <c r="CW38" s="263">
        <v>1</v>
      </c>
    </row>
    <row r="39" spans="2:101" ht="21" customHeight="1" thickBot="1" x14ac:dyDescent="0.25">
      <c r="B39" s="469"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4</v>
      </c>
      <c r="AD39" s="268">
        <v>7</v>
      </c>
      <c r="AE39" s="268">
        <v>5</v>
      </c>
      <c r="AF39" s="268">
        <v>1</v>
      </c>
      <c r="AG39" s="268">
        <v>2</v>
      </c>
      <c r="AH39" s="265">
        <v>29</v>
      </c>
      <c r="AI39" s="270">
        <v>29</v>
      </c>
      <c r="AJ39" s="264">
        <v>0</v>
      </c>
      <c r="AK39" s="268">
        <v>0</v>
      </c>
      <c r="AL39" s="265">
        <v>0</v>
      </c>
      <c r="AM39" s="267">
        <v>0</v>
      </c>
      <c r="AN39" s="268">
        <v>0</v>
      </c>
      <c r="AO39" s="268">
        <v>0</v>
      </c>
      <c r="AP39" s="268">
        <v>0</v>
      </c>
      <c r="AQ39" s="268">
        <v>1</v>
      </c>
      <c r="AR39" s="268">
        <v>1</v>
      </c>
      <c r="AS39" s="265">
        <v>2</v>
      </c>
      <c r="AT39" s="270">
        <v>2</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3</v>
      </c>
      <c r="BM39" s="268">
        <v>3</v>
      </c>
      <c r="BN39" s="268">
        <v>1</v>
      </c>
      <c r="BO39" s="269">
        <v>8</v>
      </c>
      <c r="BP39" s="270">
        <v>8</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39">
        <f>第１表!F2</f>
        <v>6</v>
      </c>
      <c r="J1" s="539"/>
      <c r="K1" s="235">
        <f>第１表!G2</f>
        <v>1</v>
      </c>
      <c r="L1" s="543">
        <f>IF(K1&lt;3,K1+12-2,K1-2)</f>
        <v>11</v>
      </c>
      <c r="M1" s="543"/>
    </row>
    <row r="2" spans="1:101" s="272" customFormat="1" ht="24" customHeight="1" thickBot="1" x14ac:dyDescent="0.25">
      <c r="A2" s="39"/>
      <c r="B2" s="271" t="s">
        <v>129</v>
      </c>
    </row>
    <row r="3" spans="1:101" ht="21" customHeight="1" thickBot="1" x14ac:dyDescent="0.25">
      <c r="B3" s="556"/>
      <c r="C3" s="547" t="s">
        <v>94</v>
      </c>
      <c r="D3" s="548"/>
      <c r="E3" s="548"/>
      <c r="F3" s="548"/>
      <c r="G3" s="548"/>
      <c r="H3" s="548"/>
      <c r="I3" s="548"/>
      <c r="J3" s="548"/>
      <c r="K3" s="548"/>
      <c r="L3" s="548"/>
      <c r="M3" s="549"/>
      <c r="N3" s="547" t="s">
        <v>88</v>
      </c>
      <c r="O3" s="548"/>
      <c r="P3" s="548"/>
      <c r="Q3" s="548"/>
      <c r="R3" s="548"/>
      <c r="S3" s="548"/>
      <c r="T3" s="548"/>
      <c r="U3" s="548"/>
      <c r="V3" s="548"/>
      <c r="W3" s="548"/>
      <c r="X3" s="549"/>
      <c r="Y3" s="547" t="s">
        <v>140</v>
      </c>
      <c r="Z3" s="548"/>
      <c r="AA3" s="548"/>
      <c r="AB3" s="548"/>
      <c r="AC3" s="548"/>
      <c r="AD3" s="548"/>
      <c r="AE3" s="548"/>
      <c r="AF3" s="548"/>
      <c r="AG3" s="548"/>
      <c r="AH3" s="548"/>
      <c r="AI3" s="549"/>
      <c r="AJ3" s="547" t="s">
        <v>90</v>
      </c>
      <c r="AK3" s="548"/>
      <c r="AL3" s="548"/>
      <c r="AM3" s="548"/>
      <c r="AN3" s="548"/>
      <c r="AO3" s="548"/>
      <c r="AP3" s="548"/>
      <c r="AQ3" s="548"/>
      <c r="AR3" s="548"/>
      <c r="AS3" s="548"/>
      <c r="AT3" s="549"/>
      <c r="AU3" s="560" t="s">
        <v>89</v>
      </c>
      <c r="AV3" s="561"/>
      <c r="AW3" s="561"/>
      <c r="AX3" s="561"/>
      <c r="AY3" s="561"/>
      <c r="AZ3" s="561"/>
      <c r="BA3" s="561"/>
      <c r="BB3" s="561"/>
      <c r="BC3" s="561"/>
      <c r="BD3" s="561"/>
      <c r="BE3" s="562"/>
      <c r="BF3" s="560" t="s">
        <v>91</v>
      </c>
      <c r="BG3" s="561"/>
      <c r="BH3" s="561"/>
      <c r="BI3" s="561"/>
      <c r="BJ3" s="561"/>
      <c r="BK3" s="561"/>
      <c r="BL3" s="561"/>
      <c r="BM3" s="561"/>
      <c r="BN3" s="561"/>
      <c r="BO3" s="561"/>
      <c r="BP3" s="562"/>
      <c r="BQ3" s="560" t="s">
        <v>92</v>
      </c>
      <c r="BR3" s="561"/>
      <c r="BS3" s="561"/>
      <c r="BT3" s="561"/>
      <c r="BU3" s="561"/>
      <c r="BV3" s="561"/>
      <c r="BW3" s="561"/>
      <c r="BX3" s="561"/>
      <c r="BY3" s="561"/>
      <c r="BZ3" s="561"/>
      <c r="CA3" s="562"/>
      <c r="CB3" s="560" t="s">
        <v>93</v>
      </c>
      <c r="CC3" s="561"/>
      <c r="CD3" s="561"/>
      <c r="CE3" s="561"/>
      <c r="CF3" s="561"/>
      <c r="CG3" s="561"/>
      <c r="CH3" s="561"/>
      <c r="CI3" s="561"/>
      <c r="CJ3" s="561"/>
      <c r="CK3" s="561"/>
      <c r="CL3" s="562"/>
      <c r="CM3" s="561" t="s">
        <v>139</v>
      </c>
      <c r="CN3" s="561"/>
      <c r="CO3" s="561"/>
      <c r="CP3" s="561"/>
      <c r="CQ3" s="561"/>
      <c r="CR3" s="561"/>
      <c r="CS3" s="561"/>
      <c r="CT3" s="561"/>
      <c r="CU3" s="561"/>
      <c r="CV3" s="561"/>
      <c r="CW3" s="562"/>
    </row>
    <row r="4" spans="1:101"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78" t="s">
        <v>61</v>
      </c>
      <c r="AV4" s="576"/>
      <c r="AW4" s="577"/>
      <c r="AX4" s="575" t="s">
        <v>62</v>
      </c>
      <c r="AY4" s="576"/>
      <c r="AZ4" s="576"/>
      <c r="BA4" s="576"/>
      <c r="BB4" s="576"/>
      <c r="BC4" s="576"/>
      <c r="BD4" s="577"/>
      <c r="BE4" s="573" t="s">
        <v>52</v>
      </c>
      <c r="BF4" s="578" t="s">
        <v>61</v>
      </c>
      <c r="BG4" s="576"/>
      <c r="BH4" s="577"/>
      <c r="BI4" s="575" t="s">
        <v>62</v>
      </c>
      <c r="BJ4" s="576"/>
      <c r="BK4" s="576"/>
      <c r="BL4" s="576"/>
      <c r="BM4" s="576"/>
      <c r="BN4" s="576"/>
      <c r="BO4" s="577"/>
      <c r="BP4" s="573" t="s">
        <v>52</v>
      </c>
      <c r="BQ4" s="578" t="s">
        <v>61</v>
      </c>
      <c r="BR4" s="576"/>
      <c r="BS4" s="577"/>
      <c r="BT4" s="575" t="s">
        <v>62</v>
      </c>
      <c r="BU4" s="576"/>
      <c r="BV4" s="576"/>
      <c r="BW4" s="576"/>
      <c r="BX4" s="576"/>
      <c r="BY4" s="576"/>
      <c r="BZ4" s="577"/>
      <c r="CA4" s="573" t="s">
        <v>52</v>
      </c>
      <c r="CB4" s="578" t="s">
        <v>61</v>
      </c>
      <c r="CC4" s="576"/>
      <c r="CD4" s="577"/>
      <c r="CE4" s="575" t="s">
        <v>62</v>
      </c>
      <c r="CF4" s="576"/>
      <c r="CG4" s="576"/>
      <c r="CH4" s="576"/>
      <c r="CI4" s="576"/>
      <c r="CJ4" s="576"/>
      <c r="CK4" s="577"/>
      <c r="CL4" s="573" t="s">
        <v>52</v>
      </c>
      <c r="CM4" s="578" t="s">
        <v>61</v>
      </c>
      <c r="CN4" s="576"/>
      <c r="CO4" s="577"/>
      <c r="CP4" s="575" t="s">
        <v>62</v>
      </c>
      <c r="CQ4" s="576"/>
      <c r="CR4" s="576"/>
      <c r="CS4" s="576"/>
      <c r="CT4" s="576"/>
      <c r="CU4" s="576"/>
      <c r="CV4" s="577"/>
      <c r="CW4" s="573" t="s">
        <v>52</v>
      </c>
    </row>
    <row r="5" spans="1:101" ht="30" customHeight="1" thickBot="1" x14ac:dyDescent="0.25">
      <c r="B5" s="558"/>
      <c r="C5" s="299" t="s">
        <v>43</v>
      </c>
      <c r="D5" s="246" t="s">
        <v>44</v>
      </c>
      <c r="E5" s="247" t="s">
        <v>45</v>
      </c>
      <c r="F5" s="248" t="s">
        <v>83</v>
      </c>
      <c r="G5" s="243" t="s">
        <v>47</v>
      </c>
      <c r="H5" s="243" t="s">
        <v>48</v>
      </c>
      <c r="I5" s="243" t="s">
        <v>49</v>
      </c>
      <c r="J5" s="243" t="s">
        <v>50</v>
      </c>
      <c r="K5" s="243" t="s">
        <v>51</v>
      </c>
      <c r="L5" s="249" t="s">
        <v>45</v>
      </c>
      <c r="M5" s="554"/>
      <c r="N5" s="299" t="s">
        <v>43</v>
      </c>
      <c r="O5" s="243" t="s">
        <v>44</v>
      </c>
      <c r="P5" s="246" t="s">
        <v>45</v>
      </c>
      <c r="Q5" s="248" t="s">
        <v>83</v>
      </c>
      <c r="R5" s="243" t="s">
        <v>47</v>
      </c>
      <c r="S5" s="243" t="s">
        <v>48</v>
      </c>
      <c r="T5" s="243" t="s">
        <v>49</v>
      </c>
      <c r="U5" s="243" t="s">
        <v>50</v>
      </c>
      <c r="V5" s="243" t="s">
        <v>51</v>
      </c>
      <c r="W5" s="246" t="s">
        <v>45</v>
      </c>
      <c r="X5" s="554"/>
      <c r="Y5" s="299" t="s">
        <v>43</v>
      </c>
      <c r="Z5" s="243" t="s">
        <v>44</v>
      </c>
      <c r="AA5" s="246" t="s">
        <v>45</v>
      </c>
      <c r="AB5" s="248" t="s">
        <v>83</v>
      </c>
      <c r="AC5" s="243" t="s">
        <v>47</v>
      </c>
      <c r="AD5" s="243" t="s">
        <v>48</v>
      </c>
      <c r="AE5" s="243" t="s">
        <v>49</v>
      </c>
      <c r="AF5" s="243" t="s">
        <v>50</v>
      </c>
      <c r="AG5" s="243" t="s">
        <v>51</v>
      </c>
      <c r="AH5" s="246" t="s">
        <v>45</v>
      </c>
      <c r="AI5" s="554"/>
      <c r="AJ5" s="316" t="s">
        <v>43</v>
      </c>
      <c r="AK5" s="243" t="s">
        <v>44</v>
      </c>
      <c r="AL5" s="246" t="s">
        <v>45</v>
      </c>
      <c r="AM5" s="248" t="s">
        <v>83</v>
      </c>
      <c r="AN5" s="243" t="s">
        <v>47</v>
      </c>
      <c r="AO5" s="243" t="s">
        <v>48</v>
      </c>
      <c r="AP5" s="243" t="s">
        <v>49</v>
      </c>
      <c r="AQ5" s="243" t="s">
        <v>50</v>
      </c>
      <c r="AR5" s="243" t="s">
        <v>51</v>
      </c>
      <c r="AS5" s="246" t="s">
        <v>45</v>
      </c>
      <c r="AT5" s="554"/>
      <c r="AU5" s="316" t="s">
        <v>43</v>
      </c>
      <c r="AV5" s="243" t="s">
        <v>44</v>
      </c>
      <c r="AW5" s="246" t="s">
        <v>45</v>
      </c>
      <c r="AX5" s="248" t="s">
        <v>83</v>
      </c>
      <c r="AY5" s="243" t="s">
        <v>47</v>
      </c>
      <c r="AZ5" s="243" t="s">
        <v>48</v>
      </c>
      <c r="BA5" s="243" t="s">
        <v>49</v>
      </c>
      <c r="BB5" s="243" t="s">
        <v>50</v>
      </c>
      <c r="BC5" s="243" t="s">
        <v>51</v>
      </c>
      <c r="BD5" s="246" t="s">
        <v>45</v>
      </c>
      <c r="BE5" s="574"/>
      <c r="BF5" s="316" t="s">
        <v>43</v>
      </c>
      <c r="BG5" s="243" t="s">
        <v>44</v>
      </c>
      <c r="BH5" s="246" t="s">
        <v>45</v>
      </c>
      <c r="BI5" s="248" t="s">
        <v>83</v>
      </c>
      <c r="BJ5" s="243" t="s">
        <v>47</v>
      </c>
      <c r="BK5" s="243" t="s">
        <v>48</v>
      </c>
      <c r="BL5" s="243" t="s">
        <v>49</v>
      </c>
      <c r="BM5" s="243" t="s">
        <v>50</v>
      </c>
      <c r="BN5" s="243" t="s">
        <v>51</v>
      </c>
      <c r="BO5" s="246" t="s">
        <v>45</v>
      </c>
      <c r="BP5" s="574"/>
      <c r="BQ5" s="316" t="s">
        <v>43</v>
      </c>
      <c r="BR5" s="243" t="s">
        <v>44</v>
      </c>
      <c r="BS5" s="246" t="s">
        <v>45</v>
      </c>
      <c r="BT5" s="248" t="s">
        <v>83</v>
      </c>
      <c r="BU5" s="243" t="s">
        <v>47</v>
      </c>
      <c r="BV5" s="243" t="s">
        <v>48</v>
      </c>
      <c r="BW5" s="243" t="s">
        <v>49</v>
      </c>
      <c r="BX5" s="243" t="s">
        <v>50</v>
      </c>
      <c r="BY5" s="243" t="s">
        <v>51</v>
      </c>
      <c r="BZ5" s="246" t="s">
        <v>45</v>
      </c>
      <c r="CA5" s="574"/>
      <c r="CB5" s="316" t="s">
        <v>43</v>
      </c>
      <c r="CC5" s="243" t="s">
        <v>44</v>
      </c>
      <c r="CD5" s="246" t="s">
        <v>45</v>
      </c>
      <c r="CE5" s="248" t="s">
        <v>83</v>
      </c>
      <c r="CF5" s="243" t="s">
        <v>47</v>
      </c>
      <c r="CG5" s="243" t="s">
        <v>48</v>
      </c>
      <c r="CH5" s="243" t="s">
        <v>49</v>
      </c>
      <c r="CI5" s="243" t="s">
        <v>50</v>
      </c>
      <c r="CJ5" s="243" t="s">
        <v>51</v>
      </c>
      <c r="CK5" s="246" t="s">
        <v>45</v>
      </c>
      <c r="CL5" s="574"/>
      <c r="CM5" s="316" t="s">
        <v>43</v>
      </c>
      <c r="CN5" s="243" t="s">
        <v>44</v>
      </c>
      <c r="CO5" s="246" t="s">
        <v>45</v>
      </c>
      <c r="CP5" s="248" t="s">
        <v>83</v>
      </c>
      <c r="CQ5" s="243" t="s">
        <v>47</v>
      </c>
      <c r="CR5" s="243" t="s">
        <v>48</v>
      </c>
      <c r="CS5" s="243" t="s">
        <v>49</v>
      </c>
      <c r="CT5" s="243" t="s">
        <v>50</v>
      </c>
      <c r="CU5" s="243" t="s">
        <v>51</v>
      </c>
      <c r="CV5" s="246" t="s">
        <v>45</v>
      </c>
      <c r="CW5" s="574"/>
    </row>
    <row r="6" spans="1:101" ht="21" customHeight="1" x14ac:dyDescent="0.2">
      <c r="B6" s="466" t="s">
        <v>4</v>
      </c>
      <c r="C6" s="250">
        <v>0</v>
      </c>
      <c r="D6" s="251">
        <v>0</v>
      </c>
      <c r="E6" s="252">
        <v>0</v>
      </c>
      <c r="F6" s="253">
        <v>0</v>
      </c>
      <c r="G6" s="254">
        <v>16</v>
      </c>
      <c r="H6" s="254">
        <v>22</v>
      </c>
      <c r="I6" s="254">
        <v>23</v>
      </c>
      <c r="J6" s="254">
        <v>23</v>
      </c>
      <c r="K6" s="254">
        <v>14</v>
      </c>
      <c r="L6" s="255">
        <v>98</v>
      </c>
      <c r="M6" s="256">
        <v>98</v>
      </c>
      <c r="N6" s="250">
        <v>0</v>
      </c>
      <c r="O6" s="254">
        <v>0</v>
      </c>
      <c r="P6" s="251">
        <v>0</v>
      </c>
      <c r="Q6" s="253">
        <v>0</v>
      </c>
      <c r="R6" s="254">
        <v>10</v>
      </c>
      <c r="S6" s="254">
        <v>33</v>
      </c>
      <c r="T6" s="254">
        <v>32</v>
      </c>
      <c r="U6" s="254">
        <v>35</v>
      </c>
      <c r="V6" s="254">
        <v>22</v>
      </c>
      <c r="W6" s="251">
        <v>132</v>
      </c>
      <c r="X6" s="256">
        <v>132</v>
      </c>
      <c r="Y6" s="250">
        <v>0</v>
      </c>
      <c r="Z6" s="254">
        <v>0</v>
      </c>
      <c r="AA6" s="251">
        <v>0</v>
      </c>
      <c r="AB6" s="253">
        <v>0</v>
      </c>
      <c r="AC6" s="254">
        <v>953</v>
      </c>
      <c r="AD6" s="254">
        <v>821</v>
      </c>
      <c r="AE6" s="254">
        <v>368</v>
      </c>
      <c r="AF6" s="254">
        <v>152</v>
      </c>
      <c r="AG6" s="254">
        <v>70</v>
      </c>
      <c r="AH6" s="251">
        <v>2364</v>
      </c>
      <c r="AI6" s="256">
        <v>2364</v>
      </c>
      <c r="AJ6" s="250">
        <v>0</v>
      </c>
      <c r="AK6" s="254">
        <v>0</v>
      </c>
      <c r="AL6" s="251">
        <v>0</v>
      </c>
      <c r="AM6" s="253">
        <v>0</v>
      </c>
      <c r="AN6" s="254">
        <v>71</v>
      </c>
      <c r="AO6" s="254">
        <v>79</v>
      </c>
      <c r="AP6" s="254">
        <v>82</v>
      </c>
      <c r="AQ6" s="254">
        <v>39</v>
      </c>
      <c r="AR6" s="254">
        <v>22</v>
      </c>
      <c r="AS6" s="251">
        <v>293</v>
      </c>
      <c r="AT6" s="256">
        <v>293</v>
      </c>
      <c r="AU6" s="250">
        <v>15</v>
      </c>
      <c r="AV6" s="254">
        <v>9</v>
      </c>
      <c r="AW6" s="251">
        <v>24</v>
      </c>
      <c r="AX6" s="253">
        <v>0</v>
      </c>
      <c r="AY6" s="254">
        <v>78</v>
      </c>
      <c r="AZ6" s="254">
        <v>85</v>
      </c>
      <c r="BA6" s="254">
        <v>79</v>
      </c>
      <c r="BB6" s="254">
        <v>41</v>
      </c>
      <c r="BC6" s="254">
        <v>27</v>
      </c>
      <c r="BD6" s="251">
        <v>310</v>
      </c>
      <c r="BE6" s="256">
        <v>334</v>
      </c>
      <c r="BF6" s="250">
        <v>0</v>
      </c>
      <c r="BG6" s="254">
        <v>0</v>
      </c>
      <c r="BH6" s="251">
        <v>0</v>
      </c>
      <c r="BI6" s="253">
        <v>0</v>
      </c>
      <c r="BJ6" s="254">
        <v>97</v>
      </c>
      <c r="BK6" s="254">
        <v>144</v>
      </c>
      <c r="BL6" s="254">
        <v>161</v>
      </c>
      <c r="BM6" s="254">
        <v>102</v>
      </c>
      <c r="BN6" s="254">
        <v>61</v>
      </c>
      <c r="BO6" s="255">
        <v>565</v>
      </c>
      <c r="BP6" s="256">
        <v>565</v>
      </c>
      <c r="BQ6" s="250">
        <v>0</v>
      </c>
      <c r="BR6" s="254">
        <v>0</v>
      </c>
      <c r="BS6" s="251">
        <v>0</v>
      </c>
      <c r="BT6" s="253">
        <v>0</v>
      </c>
      <c r="BU6" s="254">
        <v>4</v>
      </c>
      <c r="BV6" s="254">
        <v>6</v>
      </c>
      <c r="BW6" s="254">
        <v>7</v>
      </c>
      <c r="BX6" s="254">
        <v>3</v>
      </c>
      <c r="BY6" s="254">
        <v>3</v>
      </c>
      <c r="BZ6" s="251">
        <v>23</v>
      </c>
      <c r="CA6" s="256">
        <v>23</v>
      </c>
      <c r="CB6" s="250">
        <v>0</v>
      </c>
      <c r="CC6" s="254">
        <v>0</v>
      </c>
      <c r="CD6" s="251">
        <v>0</v>
      </c>
      <c r="CE6" s="253">
        <v>0</v>
      </c>
      <c r="CF6" s="254">
        <v>0</v>
      </c>
      <c r="CG6" s="254">
        <v>3</v>
      </c>
      <c r="CH6" s="254">
        <v>21</v>
      </c>
      <c r="CI6" s="254">
        <v>23</v>
      </c>
      <c r="CJ6" s="254">
        <v>12</v>
      </c>
      <c r="CK6" s="251">
        <v>59</v>
      </c>
      <c r="CL6" s="256">
        <v>59</v>
      </c>
      <c r="CM6" s="250">
        <v>0</v>
      </c>
      <c r="CN6" s="254">
        <v>0</v>
      </c>
      <c r="CO6" s="251">
        <v>0</v>
      </c>
      <c r="CP6" s="253">
        <v>0</v>
      </c>
      <c r="CQ6" s="254">
        <v>19</v>
      </c>
      <c r="CR6" s="254">
        <v>17</v>
      </c>
      <c r="CS6" s="254">
        <v>14</v>
      </c>
      <c r="CT6" s="254">
        <v>25</v>
      </c>
      <c r="CU6" s="254">
        <v>29</v>
      </c>
      <c r="CV6" s="251">
        <v>104</v>
      </c>
      <c r="CW6" s="256">
        <v>104</v>
      </c>
    </row>
    <row r="7" spans="1:101" ht="21" customHeight="1" x14ac:dyDescent="0.2">
      <c r="B7" s="467" t="s">
        <v>5</v>
      </c>
      <c r="C7" s="257">
        <v>0</v>
      </c>
      <c r="D7" s="258">
        <v>0</v>
      </c>
      <c r="E7" s="259">
        <v>0</v>
      </c>
      <c r="F7" s="260">
        <v>0</v>
      </c>
      <c r="G7" s="261">
        <v>4</v>
      </c>
      <c r="H7" s="261">
        <v>14</v>
      </c>
      <c r="I7" s="261">
        <v>9</v>
      </c>
      <c r="J7" s="261">
        <v>14</v>
      </c>
      <c r="K7" s="261">
        <v>3</v>
      </c>
      <c r="L7" s="262">
        <v>44</v>
      </c>
      <c r="M7" s="263">
        <v>44</v>
      </c>
      <c r="N7" s="257">
        <v>0</v>
      </c>
      <c r="O7" s="261">
        <v>0</v>
      </c>
      <c r="P7" s="258">
        <v>0</v>
      </c>
      <c r="Q7" s="260">
        <v>0</v>
      </c>
      <c r="R7" s="261">
        <v>7</v>
      </c>
      <c r="S7" s="261">
        <v>27</v>
      </c>
      <c r="T7" s="261">
        <v>22</v>
      </c>
      <c r="U7" s="261">
        <v>33</v>
      </c>
      <c r="V7" s="261">
        <v>18</v>
      </c>
      <c r="W7" s="258">
        <v>107</v>
      </c>
      <c r="X7" s="263">
        <v>107</v>
      </c>
      <c r="Y7" s="257">
        <v>0</v>
      </c>
      <c r="Z7" s="261">
        <v>0</v>
      </c>
      <c r="AA7" s="258">
        <v>0</v>
      </c>
      <c r="AB7" s="260">
        <v>0</v>
      </c>
      <c r="AC7" s="261">
        <v>390</v>
      </c>
      <c r="AD7" s="261">
        <v>411</v>
      </c>
      <c r="AE7" s="261">
        <v>175</v>
      </c>
      <c r="AF7" s="261">
        <v>73</v>
      </c>
      <c r="AG7" s="261">
        <v>37</v>
      </c>
      <c r="AH7" s="258">
        <v>1086</v>
      </c>
      <c r="AI7" s="263">
        <v>1086</v>
      </c>
      <c r="AJ7" s="257">
        <v>0</v>
      </c>
      <c r="AK7" s="261">
        <v>0</v>
      </c>
      <c r="AL7" s="258">
        <v>0</v>
      </c>
      <c r="AM7" s="260">
        <v>0</v>
      </c>
      <c r="AN7" s="261">
        <v>36</v>
      </c>
      <c r="AO7" s="261">
        <v>38</v>
      </c>
      <c r="AP7" s="261">
        <v>43</v>
      </c>
      <c r="AQ7" s="261">
        <v>20</v>
      </c>
      <c r="AR7" s="261">
        <v>12</v>
      </c>
      <c r="AS7" s="258">
        <v>149</v>
      </c>
      <c r="AT7" s="263">
        <v>149</v>
      </c>
      <c r="AU7" s="257">
        <v>7</v>
      </c>
      <c r="AV7" s="261">
        <v>3</v>
      </c>
      <c r="AW7" s="258">
        <v>10</v>
      </c>
      <c r="AX7" s="260">
        <v>0</v>
      </c>
      <c r="AY7" s="261">
        <v>31</v>
      </c>
      <c r="AZ7" s="261">
        <v>38</v>
      </c>
      <c r="BA7" s="261">
        <v>35</v>
      </c>
      <c r="BB7" s="261">
        <v>17</v>
      </c>
      <c r="BC7" s="261">
        <v>15</v>
      </c>
      <c r="BD7" s="258">
        <v>136</v>
      </c>
      <c r="BE7" s="263">
        <v>146</v>
      </c>
      <c r="BF7" s="257">
        <v>0</v>
      </c>
      <c r="BG7" s="261">
        <v>0</v>
      </c>
      <c r="BH7" s="258">
        <v>0</v>
      </c>
      <c r="BI7" s="260">
        <v>0</v>
      </c>
      <c r="BJ7" s="261">
        <v>37</v>
      </c>
      <c r="BK7" s="261">
        <v>55</v>
      </c>
      <c r="BL7" s="261">
        <v>53</v>
      </c>
      <c r="BM7" s="261">
        <v>45</v>
      </c>
      <c r="BN7" s="261">
        <v>27</v>
      </c>
      <c r="BO7" s="262">
        <v>217</v>
      </c>
      <c r="BP7" s="263">
        <v>217</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4</v>
      </c>
      <c r="CI7" s="261">
        <v>3</v>
      </c>
      <c r="CJ7" s="261">
        <v>4</v>
      </c>
      <c r="CK7" s="258">
        <v>12</v>
      </c>
      <c r="CL7" s="263">
        <v>12</v>
      </c>
      <c r="CM7" s="257">
        <v>0</v>
      </c>
      <c r="CN7" s="261">
        <v>0</v>
      </c>
      <c r="CO7" s="258">
        <v>0</v>
      </c>
      <c r="CP7" s="260">
        <v>0</v>
      </c>
      <c r="CQ7" s="261">
        <v>4</v>
      </c>
      <c r="CR7" s="261">
        <v>4</v>
      </c>
      <c r="CS7" s="261">
        <v>5</v>
      </c>
      <c r="CT7" s="261">
        <v>9</v>
      </c>
      <c r="CU7" s="261">
        <v>13</v>
      </c>
      <c r="CV7" s="258">
        <v>35</v>
      </c>
      <c r="CW7" s="263">
        <v>35</v>
      </c>
    </row>
    <row r="8" spans="1:101" ht="21" customHeight="1" x14ac:dyDescent="0.2">
      <c r="B8" s="468" t="s">
        <v>6</v>
      </c>
      <c r="C8" s="257">
        <v>0</v>
      </c>
      <c r="D8" s="258">
        <v>0</v>
      </c>
      <c r="E8" s="259">
        <v>0</v>
      </c>
      <c r="F8" s="260">
        <v>0</v>
      </c>
      <c r="G8" s="261">
        <v>3</v>
      </c>
      <c r="H8" s="261">
        <v>1</v>
      </c>
      <c r="I8" s="261">
        <v>6</v>
      </c>
      <c r="J8" s="261">
        <v>6</v>
      </c>
      <c r="K8" s="261">
        <v>3</v>
      </c>
      <c r="L8" s="262">
        <v>19</v>
      </c>
      <c r="M8" s="263">
        <v>19</v>
      </c>
      <c r="N8" s="257">
        <v>0</v>
      </c>
      <c r="O8" s="261">
        <v>0</v>
      </c>
      <c r="P8" s="258">
        <v>0</v>
      </c>
      <c r="Q8" s="260">
        <v>0</v>
      </c>
      <c r="R8" s="261">
        <v>3</v>
      </c>
      <c r="S8" s="261">
        <v>6</v>
      </c>
      <c r="T8" s="261">
        <v>8</v>
      </c>
      <c r="U8" s="261">
        <v>2</v>
      </c>
      <c r="V8" s="261">
        <v>4</v>
      </c>
      <c r="W8" s="258">
        <v>23</v>
      </c>
      <c r="X8" s="263">
        <v>23</v>
      </c>
      <c r="Y8" s="257">
        <v>0</v>
      </c>
      <c r="Z8" s="261">
        <v>0</v>
      </c>
      <c r="AA8" s="258">
        <v>0</v>
      </c>
      <c r="AB8" s="260">
        <v>0</v>
      </c>
      <c r="AC8" s="261">
        <v>107</v>
      </c>
      <c r="AD8" s="261">
        <v>65</v>
      </c>
      <c r="AE8" s="261">
        <v>31</v>
      </c>
      <c r="AF8" s="261">
        <v>19</v>
      </c>
      <c r="AG8" s="261">
        <v>9</v>
      </c>
      <c r="AH8" s="258">
        <v>231</v>
      </c>
      <c r="AI8" s="263">
        <v>231</v>
      </c>
      <c r="AJ8" s="257">
        <v>0</v>
      </c>
      <c r="AK8" s="261">
        <v>0</v>
      </c>
      <c r="AL8" s="258">
        <v>0</v>
      </c>
      <c r="AM8" s="260">
        <v>0</v>
      </c>
      <c r="AN8" s="261">
        <v>16</v>
      </c>
      <c r="AO8" s="261">
        <v>14</v>
      </c>
      <c r="AP8" s="261">
        <v>14</v>
      </c>
      <c r="AQ8" s="261">
        <v>9</v>
      </c>
      <c r="AR8" s="261">
        <v>5</v>
      </c>
      <c r="AS8" s="258">
        <v>58</v>
      </c>
      <c r="AT8" s="263">
        <v>58</v>
      </c>
      <c r="AU8" s="257">
        <v>4</v>
      </c>
      <c r="AV8" s="261">
        <v>1</v>
      </c>
      <c r="AW8" s="258">
        <v>5</v>
      </c>
      <c r="AX8" s="260">
        <v>0</v>
      </c>
      <c r="AY8" s="261">
        <v>14</v>
      </c>
      <c r="AZ8" s="261">
        <v>11</v>
      </c>
      <c r="BA8" s="261">
        <v>4</v>
      </c>
      <c r="BB8" s="261">
        <v>9</v>
      </c>
      <c r="BC8" s="261">
        <v>2</v>
      </c>
      <c r="BD8" s="258">
        <v>40</v>
      </c>
      <c r="BE8" s="263">
        <v>45</v>
      </c>
      <c r="BF8" s="257">
        <v>0</v>
      </c>
      <c r="BG8" s="261">
        <v>0</v>
      </c>
      <c r="BH8" s="258">
        <v>0</v>
      </c>
      <c r="BI8" s="260">
        <v>0</v>
      </c>
      <c r="BJ8" s="261">
        <v>21</v>
      </c>
      <c r="BK8" s="261">
        <v>28</v>
      </c>
      <c r="BL8" s="261">
        <v>25</v>
      </c>
      <c r="BM8" s="261">
        <v>16</v>
      </c>
      <c r="BN8" s="261">
        <v>6</v>
      </c>
      <c r="BO8" s="262">
        <v>96</v>
      </c>
      <c r="BP8" s="263">
        <v>96</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3</v>
      </c>
      <c r="CI8" s="261">
        <v>7</v>
      </c>
      <c r="CJ8" s="261">
        <v>2</v>
      </c>
      <c r="CK8" s="258">
        <v>12</v>
      </c>
      <c r="CL8" s="263">
        <v>12</v>
      </c>
      <c r="CM8" s="257">
        <v>0</v>
      </c>
      <c r="CN8" s="261">
        <v>0</v>
      </c>
      <c r="CO8" s="258">
        <v>0</v>
      </c>
      <c r="CP8" s="260">
        <v>0</v>
      </c>
      <c r="CQ8" s="261">
        <v>8</v>
      </c>
      <c r="CR8" s="261">
        <v>4</v>
      </c>
      <c r="CS8" s="261">
        <v>1</v>
      </c>
      <c r="CT8" s="261">
        <v>5</v>
      </c>
      <c r="CU8" s="261">
        <v>4</v>
      </c>
      <c r="CV8" s="258">
        <v>22</v>
      </c>
      <c r="CW8" s="263">
        <v>22</v>
      </c>
    </row>
    <row r="9" spans="1:101" ht="21" customHeight="1" x14ac:dyDescent="0.2">
      <c r="B9" s="468" t="s">
        <v>14</v>
      </c>
      <c r="C9" s="257">
        <v>0</v>
      </c>
      <c r="D9" s="258">
        <v>0</v>
      </c>
      <c r="E9" s="259">
        <v>0</v>
      </c>
      <c r="F9" s="260">
        <v>0</v>
      </c>
      <c r="G9" s="261">
        <v>1</v>
      </c>
      <c r="H9" s="261">
        <v>2</v>
      </c>
      <c r="I9" s="261">
        <v>1</v>
      </c>
      <c r="J9" s="261">
        <v>0</v>
      </c>
      <c r="K9" s="261">
        <v>1</v>
      </c>
      <c r="L9" s="262">
        <v>5</v>
      </c>
      <c r="M9" s="263">
        <v>5</v>
      </c>
      <c r="N9" s="257">
        <v>0</v>
      </c>
      <c r="O9" s="261">
        <v>0</v>
      </c>
      <c r="P9" s="258">
        <v>0</v>
      </c>
      <c r="Q9" s="260">
        <v>0</v>
      </c>
      <c r="R9" s="261">
        <v>0</v>
      </c>
      <c r="S9" s="261">
        <v>0</v>
      </c>
      <c r="T9" s="261">
        <v>0</v>
      </c>
      <c r="U9" s="261">
        <v>0</v>
      </c>
      <c r="V9" s="261">
        <v>0</v>
      </c>
      <c r="W9" s="258">
        <v>0</v>
      </c>
      <c r="X9" s="263">
        <v>0</v>
      </c>
      <c r="Y9" s="257">
        <v>0</v>
      </c>
      <c r="Z9" s="261">
        <v>0</v>
      </c>
      <c r="AA9" s="258">
        <v>0</v>
      </c>
      <c r="AB9" s="260">
        <v>0</v>
      </c>
      <c r="AC9" s="261">
        <v>86</v>
      </c>
      <c r="AD9" s="261">
        <v>75</v>
      </c>
      <c r="AE9" s="261">
        <v>46</v>
      </c>
      <c r="AF9" s="261">
        <v>15</v>
      </c>
      <c r="AG9" s="261">
        <v>6</v>
      </c>
      <c r="AH9" s="258">
        <v>228</v>
      </c>
      <c r="AI9" s="263">
        <v>228</v>
      </c>
      <c r="AJ9" s="257">
        <v>0</v>
      </c>
      <c r="AK9" s="261">
        <v>0</v>
      </c>
      <c r="AL9" s="258">
        <v>0</v>
      </c>
      <c r="AM9" s="260">
        <v>0</v>
      </c>
      <c r="AN9" s="261">
        <v>1</v>
      </c>
      <c r="AO9" s="261">
        <v>4</v>
      </c>
      <c r="AP9" s="261">
        <v>3</v>
      </c>
      <c r="AQ9" s="261">
        <v>0</v>
      </c>
      <c r="AR9" s="261">
        <v>0</v>
      </c>
      <c r="AS9" s="258">
        <v>8</v>
      </c>
      <c r="AT9" s="263">
        <v>8</v>
      </c>
      <c r="AU9" s="257">
        <v>0</v>
      </c>
      <c r="AV9" s="261">
        <v>2</v>
      </c>
      <c r="AW9" s="258">
        <v>2</v>
      </c>
      <c r="AX9" s="260">
        <v>0</v>
      </c>
      <c r="AY9" s="261">
        <v>7</v>
      </c>
      <c r="AZ9" s="261">
        <v>5</v>
      </c>
      <c r="BA9" s="261">
        <v>6</v>
      </c>
      <c r="BB9" s="261">
        <v>3</v>
      </c>
      <c r="BC9" s="261">
        <v>2</v>
      </c>
      <c r="BD9" s="258">
        <v>23</v>
      </c>
      <c r="BE9" s="263">
        <v>25</v>
      </c>
      <c r="BF9" s="257">
        <v>0</v>
      </c>
      <c r="BG9" s="261">
        <v>0</v>
      </c>
      <c r="BH9" s="258">
        <v>0</v>
      </c>
      <c r="BI9" s="260">
        <v>0</v>
      </c>
      <c r="BJ9" s="261">
        <v>5</v>
      </c>
      <c r="BK9" s="261">
        <v>9</v>
      </c>
      <c r="BL9" s="261">
        <v>14</v>
      </c>
      <c r="BM9" s="261">
        <v>10</v>
      </c>
      <c r="BN9" s="261">
        <v>5</v>
      </c>
      <c r="BO9" s="262">
        <v>43</v>
      </c>
      <c r="BP9" s="263">
        <v>43</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2</v>
      </c>
      <c r="CJ9" s="261">
        <v>0</v>
      </c>
      <c r="CK9" s="258">
        <v>4</v>
      </c>
      <c r="CL9" s="263">
        <v>4</v>
      </c>
      <c r="CM9" s="257">
        <v>0</v>
      </c>
      <c r="CN9" s="261">
        <v>0</v>
      </c>
      <c r="CO9" s="258">
        <v>0</v>
      </c>
      <c r="CP9" s="260">
        <v>0</v>
      </c>
      <c r="CQ9" s="261">
        <v>1</v>
      </c>
      <c r="CR9" s="261">
        <v>0</v>
      </c>
      <c r="CS9" s="261">
        <v>0</v>
      </c>
      <c r="CT9" s="261">
        <v>1</v>
      </c>
      <c r="CU9" s="261">
        <v>3</v>
      </c>
      <c r="CV9" s="258">
        <v>5</v>
      </c>
      <c r="CW9" s="263">
        <v>5</v>
      </c>
    </row>
    <row r="10" spans="1:101" ht="21" customHeight="1" x14ac:dyDescent="0.2">
      <c r="B10" s="468" t="s">
        <v>7</v>
      </c>
      <c r="C10" s="257">
        <v>0</v>
      </c>
      <c r="D10" s="258">
        <v>0</v>
      </c>
      <c r="E10" s="259">
        <v>0</v>
      </c>
      <c r="F10" s="260">
        <v>0</v>
      </c>
      <c r="G10" s="261">
        <v>0</v>
      </c>
      <c r="H10" s="261">
        <v>0</v>
      </c>
      <c r="I10" s="261">
        <v>0</v>
      </c>
      <c r="J10" s="261">
        <v>0</v>
      </c>
      <c r="K10" s="261">
        <v>0</v>
      </c>
      <c r="L10" s="262">
        <v>0</v>
      </c>
      <c r="M10" s="263">
        <v>0</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79</v>
      </c>
      <c r="AD10" s="261">
        <v>57</v>
      </c>
      <c r="AE10" s="261">
        <v>16</v>
      </c>
      <c r="AF10" s="261">
        <v>9</v>
      </c>
      <c r="AG10" s="261">
        <v>3</v>
      </c>
      <c r="AH10" s="258">
        <v>164</v>
      </c>
      <c r="AI10" s="263">
        <v>164</v>
      </c>
      <c r="AJ10" s="257">
        <v>0</v>
      </c>
      <c r="AK10" s="261">
        <v>0</v>
      </c>
      <c r="AL10" s="258">
        <v>0</v>
      </c>
      <c r="AM10" s="260">
        <v>0</v>
      </c>
      <c r="AN10" s="261">
        <v>9</v>
      </c>
      <c r="AO10" s="261">
        <v>10</v>
      </c>
      <c r="AP10" s="261">
        <v>7</v>
      </c>
      <c r="AQ10" s="261">
        <v>4</v>
      </c>
      <c r="AR10" s="261">
        <v>2</v>
      </c>
      <c r="AS10" s="258">
        <v>32</v>
      </c>
      <c r="AT10" s="263">
        <v>32</v>
      </c>
      <c r="AU10" s="257">
        <v>0</v>
      </c>
      <c r="AV10" s="261">
        <v>0</v>
      </c>
      <c r="AW10" s="258">
        <v>0</v>
      </c>
      <c r="AX10" s="260">
        <v>0</v>
      </c>
      <c r="AY10" s="261">
        <v>4</v>
      </c>
      <c r="AZ10" s="261">
        <v>2</v>
      </c>
      <c r="BA10" s="261">
        <v>2</v>
      </c>
      <c r="BB10" s="261">
        <v>0</v>
      </c>
      <c r="BC10" s="261">
        <v>0</v>
      </c>
      <c r="BD10" s="258">
        <v>8</v>
      </c>
      <c r="BE10" s="263">
        <v>8</v>
      </c>
      <c r="BF10" s="257">
        <v>0</v>
      </c>
      <c r="BG10" s="261">
        <v>0</v>
      </c>
      <c r="BH10" s="258">
        <v>0</v>
      </c>
      <c r="BI10" s="260">
        <v>0</v>
      </c>
      <c r="BJ10" s="261">
        <v>5</v>
      </c>
      <c r="BK10" s="261">
        <v>6</v>
      </c>
      <c r="BL10" s="261">
        <v>13</v>
      </c>
      <c r="BM10" s="261">
        <v>4</v>
      </c>
      <c r="BN10" s="261">
        <v>4</v>
      </c>
      <c r="BO10" s="262">
        <v>32</v>
      </c>
      <c r="BP10" s="263">
        <v>32</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2</v>
      </c>
      <c r="CS10" s="261">
        <v>1</v>
      </c>
      <c r="CT10" s="261">
        <v>1</v>
      </c>
      <c r="CU10" s="261">
        <v>2</v>
      </c>
      <c r="CV10" s="258">
        <v>7</v>
      </c>
      <c r="CW10" s="263">
        <v>7</v>
      </c>
    </row>
    <row r="11" spans="1:101" ht="21" customHeight="1" x14ac:dyDescent="0.2">
      <c r="B11" s="468" t="s">
        <v>8</v>
      </c>
      <c r="C11" s="257">
        <v>0</v>
      </c>
      <c r="D11" s="258">
        <v>0</v>
      </c>
      <c r="E11" s="259">
        <v>0</v>
      </c>
      <c r="F11" s="260">
        <v>0</v>
      </c>
      <c r="G11" s="261">
        <v>1</v>
      </c>
      <c r="H11" s="261">
        <v>0</v>
      </c>
      <c r="I11" s="261">
        <v>0</v>
      </c>
      <c r="J11" s="261">
        <v>0</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30</v>
      </c>
      <c r="AD11" s="261">
        <v>32</v>
      </c>
      <c r="AE11" s="261">
        <v>15</v>
      </c>
      <c r="AF11" s="261">
        <v>4</v>
      </c>
      <c r="AG11" s="261">
        <v>3</v>
      </c>
      <c r="AH11" s="258">
        <v>84</v>
      </c>
      <c r="AI11" s="263">
        <v>84</v>
      </c>
      <c r="AJ11" s="257">
        <v>0</v>
      </c>
      <c r="AK11" s="261">
        <v>0</v>
      </c>
      <c r="AL11" s="258">
        <v>0</v>
      </c>
      <c r="AM11" s="260">
        <v>0</v>
      </c>
      <c r="AN11" s="261">
        <v>2</v>
      </c>
      <c r="AO11" s="261">
        <v>0</v>
      </c>
      <c r="AP11" s="261">
        <v>0</v>
      </c>
      <c r="AQ11" s="261">
        <v>1</v>
      </c>
      <c r="AR11" s="261">
        <v>0</v>
      </c>
      <c r="AS11" s="258">
        <v>3</v>
      </c>
      <c r="AT11" s="263">
        <v>3</v>
      </c>
      <c r="AU11" s="257">
        <v>0</v>
      </c>
      <c r="AV11" s="261">
        <v>2</v>
      </c>
      <c r="AW11" s="258">
        <v>2</v>
      </c>
      <c r="AX11" s="260">
        <v>0</v>
      </c>
      <c r="AY11" s="261">
        <v>1</v>
      </c>
      <c r="AZ11" s="261">
        <v>2</v>
      </c>
      <c r="BA11" s="261">
        <v>2</v>
      </c>
      <c r="BB11" s="261">
        <v>0</v>
      </c>
      <c r="BC11" s="261">
        <v>1</v>
      </c>
      <c r="BD11" s="258">
        <v>6</v>
      </c>
      <c r="BE11" s="263">
        <v>8</v>
      </c>
      <c r="BF11" s="257">
        <v>0</v>
      </c>
      <c r="BG11" s="261">
        <v>0</v>
      </c>
      <c r="BH11" s="258">
        <v>0</v>
      </c>
      <c r="BI11" s="260">
        <v>0</v>
      </c>
      <c r="BJ11" s="261">
        <v>4</v>
      </c>
      <c r="BK11" s="261">
        <v>2</v>
      </c>
      <c r="BL11" s="261">
        <v>4</v>
      </c>
      <c r="BM11" s="261">
        <v>5</v>
      </c>
      <c r="BN11" s="261">
        <v>1</v>
      </c>
      <c r="BO11" s="262">
        <v>16</v>
      </c>
      <c r="BP11" s="263">
        <v>16</v>
      </c>
      <c r="BQ11" s="257">
        <v>0</v>
      </c>
      <c r="BR11" s="261">
        <v>0</v>
      </c>
      <c r="BS11" s="258">
        <v>0</v>
      </c>
      <c r="BT11" s="260">
        <v>0</v>
      </c>
      <c r="BU11" s="261">
        <v>0</v>
      </c>
      <c r="BV11" s="261">
        <v>0</v>
      </c>
      <c r="BW11" s="261">
        <v>3</v>
      </c>
      <c r="BX11" s="261">
        <v>0</v>
      </c>
      <c r="BY11" s="261">
        <v>1</v>
      </c>
      <c r="BZ11" s="258">
        <v>4</v>
      </c>
      <c r="CA11" s="263">
        <v>4</v>
      </c>
      <c r="CB11" s="257">
        <v>0</v>
      </c>
      <c r="CC11" s="261">
        <v>0</v>
      </c>
      <c r="CD11" s="258">
        <v>0</v>
      </c>
      <c r="CE11" s="260">
        <v>0</v>
      </c>
      <c r="CF11" s="261">
        <v>0</v>
      </c>
      <c r="CG11" s="261">
        <v>0</v>
      </c>
      <c r="CH11" s="261">
        <v>1</v>
      </c>
      <c r="CI11" s="261">
        <v>1</v>
      </c>
      <c r="CJ11" s="261">
        <v>0</v>
      </c>
      <c r="CK11" s="258">
        <v>2</v>
      </c>
      <c r="CL11" s="263">
        <v>2</v>
      </c>
      <c r="CM11" s="257">
        <v>0</v>
      </c>
      <c r="CN11" s="261">
        <v>0</v>
      </c>
      <c r="CO11" s="258">
        <v>0</v>
      </c>
      <c r="CP11" s="260">
        <v>0</v>
      </c>
      <c r="CQ11" s="261">
        <v>3</v>
      </c>
      <c r="CR11" s="261">
        <v>1</v>
      </c>
      <c r="CS11" s="261">
        <v>0</v>
      </c>
      <c r="CT11" s="261">
        <v>1</v>
      </c>
      <c r="CU11" s="261">
        <v>1</v>
      </c>
      <c r="CV11" s="258">
        <v>6</v>
      </c>
      <c r="CW11" s="263">
        <v>6</v>
      </c>
    </row>
    <row r="12" spans="1:101" ht="21" customHeight="1" x14ac:dyDescent="0.2">
      <c r="B12" s="468" t="s">
        <v>9</v>
      </c>
      <c r="C12" s="257">
        <v>0</v>
      </c>
      <c r="D12" s="258">
        <v>0</v>
      </c>
      <c r="E12" s="259">
        <v>0</v>
      </c>
      <c r="F12" s="260">
        <v>0</v>
      </c>
      <c r="G12" s="261">
        <v>0</v>
      </c>
      <c r="H12" s="261">
        <v>1</v>
      </c>
      <c r="I12" s="261">
        <v>0</v>
      </c>
      <c r="J12" s="261">
        <v>0</v>
      </c>
      <c r="K12" s="261">
        <v>0</v>
      </c>
      <c r="L12" s="262">
        <v>1</v>
      </c>
      <c r="M12" s="263">
        <v>1</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5</v>
      </c>
      <c r="AD12" s="261">
        <v>22</v>
      </c>
      <c r="AE12" s="261">
        <v>13</v>
      </c>
      <c r="AF12" s="261">
        <v>8</v>
      </c>
      <c r="AG12" s="261">
        <v>3</v>
      </c>
      <c r="AH12" s="258">
        <v>91</v>
      </c>
      <c r="AI12" s="263">
        <v>91</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3</v>
      </c>
      <c r="BA12" s="261">
        <v>2</v>
      </c>
      <c r="BB12" s="261">
        <v>0</v>
      </c>
      <c r="BC12" s="261">
        <v>0</v>
      </c>
      <c r="BD12" s="258">
        <v>6</v>
      </c>
      <c r="BE12" s="263">
        <v>7</v>
      </c>
      <c r="BF12" s="257">
        <v>0</v>
      </c>
      <c r="BG12" s="261">
        <v>0</v>
      </c>
      <c r="BH12" s="258">
        <v>0</v>
      </c>
      <c r="BI12" s="260">
        <v>0</v>
      </c>
      <c r="BJ12" s="261">
        <v>3</v>
      </c>
      <c r="BK12" s="261">
        <v>4</v>
      </c>
      <c r="BL12" s="261">
        <v>10</v>
      </c>
      <c r="BM12" s="261">
        <v>2</v>
      </c>
      <c r="BN12" s="261">
        <v>1</v>
      </c>
      <c r="BO12" s="262">
        <v>20</v>
      </c>
      <c r="BP12" s="263">
        <v>20</v>
      </c>
      <c r="BQ12" s="257">
        <v>0</v>
      </c>
      <c r="BR12" s="261">
        <v>0</v>
      </c>
      <c r="BS12" s="258">
        <v>0</v>
      </c>
      <c r="BT12" s="260">
        <v>0</v>
      </c>
      <c r="BU12" s="261">
        <v>0</v>
      </c>
      <c r="BV12" s="261">
        <v>1</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1</v>
      </c>
      <c r="CT12" s="261">
        <v>0</v>
      </c>
      <c r="CU12" s="261">
        <v>2</v>
      </c>
      <c r="CV12" s="258">
        <v>4</v>
      </c>
      <c r="CW12" s="263">
        <v>4</v>
      </c>
    </row>
    <row r="13" spans="1:101" ht="21" customHeight="1" x14ac:dyDescent="0.2">
      <c r="B13" s="468" t="s">
        <v>10</v>
      </c>
      <c r="C13" s="257">
        <v>0</v>
      </c>
      <c r="D13" s="258">
        <v>0</v>
      </c>
      <c r="E13" s="259">
        <v>0</v>
      </c>
      <c r="F13" s="260">
        <v>0</v>
      </c>
      <c r="G13" s="261">
        <v>1</v>
      </c>
      <c r="H13" s="261">
        <v>0</v>
      </c>
      <c r="I13" s="261">
        <v>1</v>
      </c>
      <c r="J13" s="261">
        <v>1</v>
      </c>
      <c r="K13" s="261">
        <v>1</v>
      </c>
      <c r="L13" s="262">
        <v>4</v>
      </c>
      <c r="M13" s="263">
        <v>4</v>
      </c>
      <c r="N13" s="257">
        <v>0</v>
      </c>
      <c r="O13" s="261">
        <v>0</v>
      </c>
      <c r="P13" s="258">
        <v>0</v>
      </c>
      <c r="Q13" s="260">
        <v>0</v>
      </c>
      <c r="R13" s="261">
        <v>0</v>
      </c>
      <c r="S13" s="261">
        <v>0</v>
      </c>
      <c r="T13" s="261">
        <v>1</v>
      </c>
      <c r="U13" s="261">
        <v>0</v>
      </c>
      <c r="V13" s="261">
        <v>0</v>
      </c>
      <c r="W13" s="258">
        <v>1</v>
      </c>
      <c r="X13" s="263">
        <v>1</v>
      </c>
      <c r="Y13" s="257">
        <v>0</v>
      </c>
      <c r="Z13" s="261">
        <v>0</v>
      </c>
      <c r="AA13" s="258">
        <v>0</v>
      </c>
      <c r="AB13" s="260">
        <v>0</v>
      </c>
      <c r="AC13" s="261">
        <v>37</v>
      </c>
      <c r="AD13" s="261">
        <v>21</v>
      </c>
      <c r="AE13" s="261">
        <v>7</v>
      </c>
      <c r="AF13" s="261">
        <v>3</v>
      </c>
      <c r="AG13" s="261">
        <v>2</v>
      </c>
      <c r="AH13" s="258">
        <v>70</v>
      </c>
      <c r="AI13" s="263">
        <v>70</v>
      </c>
      <c r="AJ13" s="257">
        <v>0</v>
      </c>
      <c r="AK13" s="261">
        <v>0</v>
      </c>
      <c r="AL13" s="258">
        <v>0</v>
      </c>
      <c r="AM13" s="260">
        <v>0</v>
      </c>
      <c r="AN13" s="261">
        <v>2</v>
      </c>
      <c r="AO13" s="261">
        <v>1</v>
      </c>
      <c r="AP13" s="261">
        <v>3</v>
      </c>
      <c r="AQ13" s="261">
        <v>0</v>
      </c>
      <c r="AR13" s="261">
        <v>1</v>
      </c>
      <c r="AS13" s="258">
        <v>7</v>
      </c>
      <c r="AT13" s="263">
        <v>7</v>
      </c>
      <c r="AU13" s="257">
        <v>1</v>
      </c>
      <c r="AV13" s="261">
        <v>0</v>
      </c>
      <c r="AW13" s="258">
        <v>1</v>
      </c>
      <c r="AX13" s="260">
        <v>0</v>
      </c>
      <c r="AY13" s="261">
        <v>4</v>
      </c>
      <c r="AZ13" s="261">
        <v>4</v>
      </c>
      <c r="BA13" s="261">
        <v>5</v>
      </c>
      <c r="BB13" s="261">
        <v>1</v>
      </c>
      <c r="BC13" s="261">
        <v>1</v>
      </c>
      <c r="BD13" s="258">
        <v>15</v>
      </c>
      <c r="BE13" s="263">
        <v>16</v>
      </c>
      <c r="BF13" s="257">
        <v>0</v>
      </c>
      <c r="BG13" s="261">
        <v>0</v>
      </c>
      <c r="BH13" s="258">
        <v>0</v>
      </c>
      <c r="BI13" s="260">
        <v>0</v>
      </c>
      <c r="BJ13" s="261">
        <v>3</v>
      </c>
      <c r="BK13" s="261">
        <v>11</v>
      </c>
      <c r="BL13" s="261">
        <v>12</v>
      </c>
      <c r="BM13" s="261">
        <v>2</v>
      </c>
      <c r="BN13" s="261">
        <v>6</v>
      </c>
      <c r="BO13" s="262">
        <v>34</v>
      </c>
      <c r="BP13" s="263">
        <v>34</v>
      </c>
      <c r="BQ13" s="257">
        <v>0</v>
      </c>
      <c r="BR13" s="261">
        <v>0</v>
      </c>
      <c r="BS13" s="258">
        <v>0</v>
      </c>
      <c r="BT13" s="260">
        <v>0</v>
      </c>
      <c r="BU13" s="261">
        <v>4</v>
      </c>
      <c r="BV13" s="261">
        <v>2</v>
      </c>
      <c r="BW13" s="261">
        <v>3</v>
      </c>
      <c r="BX13" s="261">
        <v>1</v>
      </c>
      <c r="BY13" s="261">
        <v>2</v>
      </c>
      <c r="BZ13" s="258">
        <v>12</v>
      </c>
      <c r="CA13" s="263">
        <v>12</v>
      </c>
      <c r="CB13" s="257">
        <v>0</v>
      </c>
      <c r="CC13" s="261">
        <v>0</v>
      </c>
      <c r="CD13" s="258">
        <v>0</v>
      </c>
      <c r="CE13" s="260">
        <v>0</v>
      </c>
      <c r="CF13" s="261">
        <v>0</v>
      </c>
      <c r="CG13" s="261">
        <v>1</v>
      </c>
      <c r="CH13" s="261">
        <v>2</v>
      </c>
      <c r="CI13" s="261">
        <v>2</v>
      </c>
      <c r="CJ13" s="261">
        <v>4</v>
      </c>
      <c r="CK13" s="258">
        <v>9</v>
      </c>
      <c r="CL13" s="263">
        <v>9</v>
      </c>
      <c r="CM13" s="257">
        <v>0</v>
      </c>
      <c r="CN13" s="261">
        <v>0</v>
      </c>
      <c r="CO13" s="258">
        <v>0</v>
      </c>
      <c r="CP13" s="260">
        <v>0</v>
      </c>
      <c r="CQ13" s="261">
        <v>0</v>
      </c>
      <c r="CR13" s="261">
        <v>1</v>
      </c>
      <c r="CS13" s="261">
        <v>1</v>
      </c>
      <c r="CT13" s="261">
        <v>5</v>
      </c>
      <c r="CU13" s="261">
        <v>0</v>
      </c>
      <c r="CV13" s="258">
        <v>7</v>
      </c>
      <c r="CW13" s="263">
        <v>7</v>
      </c>
    </row>
    <row r="14" spans="1:101" ht="21" customHeight="1" x14ac:dyDescent="0.2">
      <c r="B14" s="468" t="s">
        <v>11</v>
      </c>
      <c r="C14" s="257">
        <v>0</v>
      </c>
      <c r="D14" s="258">
        <v>0</v>
      </c>
      <c r="E14" s="259">
        <v>0</v>
      </c>
      <c r="F14" s="260">
        <v>0</v>
      </c>
      <c r="G14" s="261">
        <v>1</v>
      </c>
      <c r="H14" s="261">
        <v>0</v>
      </c>
      <c r="I14" s="261">
        <v>2</v>
      </c>
      <c r="J14" s="261">
        <v>0</v>
      </c>
      <c r="K14" s="261">
        <v>0</v>
      </c>
      <c r="L14" s="262">
        <v>3</v>
      </c>
      <c r="M14" s="263">
        <v>3</v>
      </c>
      <c r="N14" s="257">
        <v>0</v>
      </c>
      <c r="O14" s="261">
        <v>0</v>
      </c>
      <c r="P14" s="258">
        <v>0</v>
      </c>
      <c r="Q14" s="260">
        <v>0</v>
      </c>
      <c r="R14" s="261">
        <v>0</v>
      </c>
      <c r="S14" s="261">
        <v>0</v>
      </c>
      <c r="T14" s="261">
        <v>0</v>
      </c>
      <c r="U14" s="261">
        <v>0</v>
      </c>
      <c r="V14" s="261">
        <v>0</v>
      </c>
      <c r="W14" s="258">
        <v>0</v>
      </c>
      <c r="X14" s="263">
        <v>0</v>
      </c>
      <c r="Y14" s="257">
        <v>0</v>
      </c>
      <c r="Z14" s="261">
        <v>0</v>
      </c>
      <c r="AA14" s="258">
        <v>0</v>
      </c>
      <c r="AB14" s="260">
        <v>0</v>
      </c>
      <c r="AC14" s="261">
        <v>11</v>
      </c>
      <c r="AD14" s="261">
        <v>8</v>
      </c>
      <c r="AE14" s="261">
        <v>5</v>
      </c>
      <c r="AF14" s="261">
        <v>3</v>
      </c>
      <c r="AG14" s="261">
        <v>1</v>
      </c>
      <c r="AH14" s="258">
        <v>28</v>
      </c>
      <c r="AI14" s="263">
        <v>28</v>
      </c>
      <c r="AJ14" s="257">
        <v>0</v>
      </c>
      <c r="AK14" s="261">
        <v>0</v>
      </c>
      <c r="AL14" s="258">
        <v>0</v>
      </c>
      <c r="AM14" s="260">
        <v>0</v>
      </c>
      <c r="AN14" s="261">
        <v>1</v>
      </c>
      <c r="AO14" s="261">
        <v>2</v>
      </c>
      <c r="AP14" s="261">
        <v>1</v>
      </c>
      <c r="AQ14" s="261">
        <v>0</v>
      </c>
      <c r="AR14" s="261">
        <v>0</v>
      </c>
      <c r="AS14" s="258">
        <v>4</v>
      </c>
      <c r="AT14" s="263">
        <v>4</v>
      </c>
      <c r="AU14" s="257">
        <v>0</v>
      </c>
      <c r="AV14" s="261">
        <v>0</v>
      </c>
      <c r="AW14" s="258">
        <v>0</v>
      </c>
      <c r="AX14" s="260">
        <v>0</v>
      </c>
      <c r="AY14" s="261">
        <v>2</v>
      </c>
      <c r="AZ14" s="261">
        <v>2</v>
      </c>
      <c r="BA14" s="261">
        <v>4</v>
      </c>
      <c r="BB14" s="261">
        <v>0</v>
      </c>
      <c r="BC14" s="261">
        <v>0</v>
      </c>
      <c r="BD14" s="258">
        <v>8</v>
      </c>
      <c r="BE14" s="263">
        <v>8</v>
      </c>
      <c r="BF14" s="257">
        <v>0</v>
      </c>
      <c r="BG14" s="261">
        <v>0</v>
      </c>
      <c r="BH14" s="258">
        <v>0</v>
      </c>
      <c r="BI14" s="260">
        <v>0</v>
      </c>
      <c r="BJ14" s="261">
        <v>2</v>
      </c>
      <c r="BK14" s="261">
        <v>3</v>
      </c>
      <c r="BL14" s="261">
        <v>4</v>
      </c>
      <c r="BM14" s="261">
        <v>2</v>
      </c>
      <c r="BN14" s="261">
        <v>0</v>
      </c>
      <c r="BO14" s="262">
        <v>11</v>
      </c>
      <c r="BP14" s="263">
        <v>11</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68" t="s">
        <v>12</v>
      </c>
      <c r="C15" s="257">
        <v>0</v>
      </c>
      <c r="D15" s="258">
        <v>0</v>
      </c>
      <c r="E15" s="259">
        <v>0</v>
      </c>
      <c r="F15" s="260">
        <v>0</v>
      </c>
      <c r="G15" s="261">
        <v>1</v>
      </c>
      <c r="H15" s="261">
        <v>1</v>
      </c>
      <c r="I15" s="261">
        <v>0</v>
      </c>
      <c r="J15" s="261">
        <v>0</v>
      </c>
      <c r="K15" s="261">
        <v>0</v>
      </c>
      <c r="L15" s="262">
        <v>2</v>
      </c>
      <c r="M15" s="263">
        <v>2</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3</v>
      </c>
      <c r="AD15" s="261">
        <v>21</v>
      </c>
      <c r="AE15" s="261">
        <v>10</v>
      </c>
      <c r="AF15" s="261">
        <v>5</v>
      </c>
      <c r="AG15" s="261">
        <v>1</v>
      </c>
      <c r="AH15" s="258">
        <v>60</v>
      </c>
      <c r="AI15" s="263">
        <v>60</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3</v>
      </c>
      <c r="BA15" s="261">
        <v>2</v>
      </c>
      <c r="BB15" s="261">
        <v>4</v>
      </c>
      <c r="BC15" s="261">
        <v>4</v>
      </c>
      <c r="BD15" s="258">
        <v>14</v>
      </c>
      <c r="BE15" s="263">
        <v>14</v>
      </c>
      <c r="BF15" s="257">
        <v>0</v>
      </c>
      <c r="BG15" s="261">
        <v>0</v>
      </c>
      <c r="BH15" s="258">
        <v>0</v>
      </c>
      <c r="BI15" s="260">
        <v>0</v>
      </c>
      <c r="BJ15" s="261">
        <v>3</v>
      </c>
      <c r="BK15" s="261">
        <v>2</v>
      </c>
      <c r="BL15" s="261">
        <v>1</v>
      </c>
      <c r="BM15" s="261">
        <v>3</v>
      </c>
      <c r="BN15" s="261">
        <v>2</v>
      </c>
      <c r="BO15" s="262">
        <v>11</v>
      </c>
      <c r="BP15" s="263">
        <v>11</v>
      </c>
      <c r="BQ15" s="257">
        <v>0</v>
      </c>
      <c r="BR15" s="261">
        <v>0</v>
      </c>
      <c r="BS15" s="258">
        <v>0</v>
      </c>
      <c r="BT15" s="260">
        <v>0</v>
      </c>
      <c r="BU15" s="261">
        <v>0</v>
      </c>
      <c r="BV15" s="261">
        <v>3</v>
      </c>
      <c r="BW15" s="261">
        <v>1</v>
      </c>
      <c r="BX15" s="261">
        <v>2</v>
      </c>
      <c r="BY15" s="261">
        <v>0</v>
      </c>
      <c r="BZ15" s="258">
        <v>6</v>
      </c>
      <c r="CA15" s="263">
        <v>6</v>
      </c>
      <c r="CB15" s="257">
        <v>0</v>
      </c>
      <c r="CC15" s="261">
        <v>0</v>
      </c>
      <c r="CD15" s="258">
        <v>0</v>
      </c>
      <c r="CE15" s="260">
        <v>0</v>
      </c>
      <c r="CF15" s="261">
        <v>0</v>
      </c>
      <c r="CG15" s="261">
        <v>0</v>
      </c>
      <c r="CH15" s="261">
        <v>1</v>
      </c>
      <c r="CI15" s="261">
        <v>0</v>
      </c>
      <c r="CJ15" s="261">
        <v>2</v>
      </c>
      <c r="CK15" s="258">
        <v>3</v>
      </c>
      <c r="CL15" s="263">
        <v>3</v>
      </c>
      <c r="CM15" s="257">
        <v>0</v>
      </c>
      <c r="CN15" s="261">
        <v>0</v>
      </c>
      <c r="CO15" s="258">
        <v>0</v>
      </c>
      <c r="CP15" s="260">
        <v>0</v>
      </c>
      <c r="CQ15" s="261">
        <v>0</v>
      </c>
      <c r="CR15" s="261">
        <v>1</v>
      </c>
      <c r="CS15" s="261">
        <v>0</v>
      </c>
      <c r="CT15" s="261">
        <v>2</v>
      </c>
      <c r="CU15" s="261">
        <v>0</v>
      </c>
      <c r="CV15" s="258">
        <v>3</v>
      </c>
      <c r="CW15" s="263">
        <v>3</v>
      </c>
    </row>
    <row r="16" spans="1:101" ht="21" customHeight="1" x14ac:dyDescent="0.2">
      <c r="B16" s="468"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8</v>
      </c>
      <c r="AD16" s="261">
        <v>16</v>
      </c>
      <c r="AE16" s="261">
        <v>6</v>
      </c>
      <c r="AF16" s="261">
        <v>3</v>
      </c>
      <c r="AG16" s="261">
        <v>0</v>
      </c>
      <c r="AH16" s="258">
        <v>43</v>
      </c>
      <c r="AI16" s="263">
        <v>43</v>
      </c>
      <c r="AJ16" s="257">
        <v>0</v>
      </c>
      <c r="AK16" s="261">
        <v>0</v>
      </c>
      <c r="AL16" s="258">
        <v>0</v>
      </c>
      <c r="AM16" s="260">
        <v>0</v>
      </c>
      <c r="AN16" s="261">
        <v>0</v>
      </c>
      <c r="AO16" s="261">
        <v>3</v>
      </c>
      <c r="AP16" s="261">
        <v>1</v>
      </c>
      <c r="AQ16" s="261">
        <v>1</v>
      </c>
      <c r="AR16" s="261">
        <v>1</v>
      </c>
      <c r="AS16" s="258">
        <v>6</v>
      </c>
      <c r="AT16" s="263">
        <v>6</v>
      </c>
      <c r="AU16" s="257">
        <v>0</v>
      </c>
      <c r="AV16" s="261">
        <v>1</v>
      </c>
      <c r="AW16" s="258">
        <v>1</v>
      </c>
      <c r="AX16" s="260">
        <v>0</v>
      </c>
      <c r="AY16" s="261">
        <v>1</v>
      </c>
      <c r="AZ16" s="261">
        <v>1</v>
      </c>
      <c r="BA16" s="261">
        <v>2</v>
      </c>
      <c r="BB16" s="261">
        <v>0</v>
      </c>
      <c r="BC16" s="261">
        <v>0</v>
      </c>
      <c r="BD16" s="258">
        <v>4</v>
      </c>
      <c r="BE16" s="263">
        <v>5</v>
      </c>
      <c r="BF16" s="257">
        <v>0</v>
      </c>
      <c r="BG16" s="261">
        <v>0</v>
      </c>
      <c r="BH16" s="258">
        <v>0</v>
      </c>
      <c r="BI16" s="260">
        <v>0</v>
      </c>
      <c r="BJ16" s="261">
        <v>0</v>
      </c>
      <c r="BK16" s="261">
        <v>1</v>
      </c>
      <c r="BL16" s="261">
        <v>0</v>
      </c>
      <c r="BM16" s="261">
        <v>0</v>
      </c>
      <c r="BN16" s="261">
        <v>0</v>
      </c>
      <c r="BO16" s="262">
        <v>1</v>
      </c>
      <c r="BP16" s="263">
        <v>1</v>
      </c>
      <c r="BQ16" s="257">
        <v>0</v>
      </c>
      <c r="BR16" s="261">
        <v>0</v>
      </c>
      <c r="BS16" s="258">
        <v>0</v>
      </c>
      <c r="BT16" s="260">
        <v>0</v>
      </c>
      <c r="BU16" s="261">
        <v>0</v>
      </c>
      <c r="BV16" s="261">
        <v>0</v>
      </c>
      <c r="BW16" s="261">
        <v>0</v>
      </c>
      <c r="BX16" s="261">
        <v>0</v>
      </c>
      <c r="BY16" s="261">
        <v>0</v>
      </c>
      <c r="BZ16" s="258">
        <v>0</v>
      </c>
      <c r="CA16" s="263">
        <v>0</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68" t="s">
        <v>15</v>
      </c>
      <c r="C17" s="257">
        <v>0</v>
      </c>
      <c r="D17" s="258">
        <v>0</v>
      </c>
      <c r="E17" s="259">
        <v>0</v>
      </c>
      <c r="F17" s="260">
        <v>0</v>
      </c>
      <c r="G17" s="261">
        <v>2</v>
      </c>
      <c r="H17" s="261">
        <v>0</v>
      </c>
      <c r="I17" s="261">
        <v>0</v>
      </c>
      <c r="J17" s="261">
        <v>0</v>
      </c>
      <c r="K17" s="261">
        <v>0</v>
      </c>
      <c r="L17" s="262">
        <v>2</v>
      </c>
      <c r="M17" s="263">
        <v>2</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8</v>
      </c>
      <c r="AD17" s="261">
        <v>5</v>
      </c>
      <c r="AE17" s="261">
        <v>5</v>
      </c>
      <c r="AF17" s="261">
        <v>1</v>
      </c>
      <c r="AG17" s="261">
        <v>0</v>
      </c>
      <c r="AH17" s="258">
        <v>19</v>
      </c>
      <c r="AI17" s="263">
        <v>19</v>
      </c>
      <c r="AJ17" s="257">
        <v>0</v>
      </c>
      <c r="AK17" s="261">
        <v>0</v>
      </c>
      <c r="AL17" s="258">
        <v>0</v>
      </c>
      <c r="AM17" s="260">
        <v>0</v>
      </c>
      <c r="AN17" s="261">
        <v>1</v>
      </c>
      <c r="AO17" s="261">
        <v>0</v>
      </c>
      <c r="AP17" s="261">
        <v>0</v>
      </c>
      <c r="AQ17" s="261">
        <v>1</v>
      </c>
      <c r="AR17" s="261">
        <v>0</v>
      </c>
      <c r="AS17" s="258">
        <v>2</v>
      </c>
      <c r="AT17" s="263">
        <v>2</v>
      </c>
      <c r="AU17" s="257">
        <v>0</v>
      </c>
      <c r="AV17" s="261">
        <v>0</v>
      </c>
      <c r="AW17" s="258">
        <v>0</v>
      </c>
      <c r="AX17" s="260">
        <v>0</v>
      </c>
      <c r="AY17" s="261">
        <v>1</v>
      </c>
      <c r="AZ17" s="261">
        <v>0</v>
      </c>
      <c r="BA17" s="261">
        <v>0</v>
      </c>
      <c r="BB17" s="261">
        <v>1</v>
      </c>
      <c r="BC17" s="261">
        <v>1</v>
      </c>
      <c r="BD17" s="258">
        <v>3</v>
      </c>
      <c r="BE17" s="263">
        <v>3</v>
      </c>
      <c r="BF17" s="257">
        <v>0</v>
      </c>
      <c r="BG17" s="261">
        <v>0</v>
      </c>
      <c r="BH17" s="258">
        <v>0</v>
      </c>
      <c r="BI17" s="260">
        <v>0</v>
      </c>
      <c r="BJ17" s="261">
        <v>1</v>
      </c>
      <c r="BK17" s="261">
        <v>3</v>
      </c>
      <c r="BL17" s="261">
        <v>0</v>
      </c>
      <c r="BM17" s="261">
        <v>0</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0</v>
      </c>
      <c r="CR17" s="261">
        <v>1</v>
      </c>
      <c r="CS17" s="261">
        <v>0</v>
      </c>
      <c r="CT17" s="261">
        <v>0</v>
      </c>
      <c r="CU17" s="261">
        <v>0</v>
      </c>
      <c r="CV17" s="258">
        <v>1</v>
      </c>
      <c r="CW17" s="263">
        <v>1</v>
      </c>
    </row>
    <row r="18" spans="2:101" ht="21" customHeight="1" x14ac:dyDescent="0.2">
      <c r="B18" s="468" t="s">
        <v>16</v>
      </c>
      <c r="C18" s="257">
        <v>0</v>
      </c>
      <c r="D18" s="258">
        <v>0</v>
      </c>
      <c r="E18" s="259">
        <v>0</v>
      </c>
      <c r="F18" s="260">
        <v>0</v>
      </c>
      <c r="G18" s="261">
        <v>0</v>
      </c>
      <c r="H18" s="261">
        <v>0</v>
      </c>
      <c r="I18" s="261">
        <v>1</v>
      </c>
      <c r="J18" s="261">
        <v>0</v>
      </c>
      <c r="K18" s="261">
        <v>1</v>
      </c>
      <c r="L18" s="262">
        <v>2</v>
      </c>
      <c r="M18" s="263">
        <v>2</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9</v>
      </c>
      <c r="AD18" s="261">
        <v>8</v>
      </c>
      <c r="AE18" s="261">
        <v>4</v>
      </c>
      <c r="AF18" s="261">
        <v>2</v>
      </c>
      <c r="AG18" s="261">
        <v>0</v>
      </c>
      <c r="AH18" s="258">
        <v>23</v>
      </c>
      <c r="AI18" s="263">
        <v>23</v>
      </c>
      <c r="AJ18" s="257">
        <v>0</v>
      </c>
      <c r="AK18" s="261">
        <v>0</v>
      </c>
      <c r="AL18" s="258">
        <v>0</v>
      </c>
      <c r="AM18" s="260">
        <v>0</v>
      </c>
      <c r="AN18" s="261">
        <v>1</v>
      </c>
      <c r="AO18" s="261">
        <v>1</v>
      </c>
      <c r="AP18" s="261">
        <v>1</v>
      </c>
      <c r="AQ18" s="261">
        <v>0</v>
      </c>
      <c r="AR18" s="261">
        <v>0</v>
      </c>
      <c r="AS18" s="258">
        <v>3</v>
      </c>
      <c r="AT18" s="263">
        <v>3</v>
      </c>
      <c r="AU18" s="257">
        <v>0</v>
      </c>
      <c r="AV18" s="261">
        <v>0</v>
      </c>
      <c r="AW18" s="258">
        <v>0</v>
      </c>
      <c r="AX18" s="260">
        <v>0</v>
      </c>
      <c r="AY18" s="261">
        <v>0</v>
      </c>
      <c r="AZ18" s="261">
        <v>0</v>
      </c>
      <c r="BA18" s="261">
        <v>2</v>
      </c>
      <c r="BB18" s="261">
        <v>2</v>
      </c>
      <c r="BC18" s="261">
        <v>0</v>
      </c>
      <c r="BD18" s="258">
        <v>4</v>
      </c>
      <c r="BE18" s="263">
        <v>4</v>
      </c>
      <c r="BF18" s="257">
        <v>0</v>
      </c>
      <c r="BG18" s="261">
        <v>0</v>
      </c>
      <c r="BH18" s="258">
        <v>0</v>
      </c>
      <c r="BI18" s="260">
        <v>0</v>
      </c>
      <c r="BJ18" s="261">
        <v>0</v>
      </c>
      <c r="BK18" s="261">
        <v>2</v>
      </c>
      <c r="BL18" s="261">
        <v>1</v>
      </c>
      <c r="BM18" s="261">
        <v>1</v>
      </c>
      <c r="BN18" s="261">
        <v>3</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68"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4</v>
      </c>
      <c r="AD19" s="261">
        <v>21</v>
      </c>
      <c r="AE19" s="261">
        <v>9</v>
      </c>
      <c r="AF19" s="261">
        <v>1</v>
      </c>
      <c r="AG19" s="261">
        <v>2</v>
      </c>
      <c r="AH19" s="258">
        <v>57</v>
      </c>
      <c r="AI19" s="263">
        <v>57</v>
      </c>
      <c r="AJ19" s="257">
        <v>0</v>
      </c>
      <c r="AK19" s="261">
        <v>0</v>
      </c>
      <c r="AL19" s="258">
        <v>0</v>
      </c>
      <c r="AM19" s="260">
        <v>0</v>
      </c>
      <c r="AN19" s="261">
        <v>0</v>
      </c>
      <c r="AO19" s="261">
        <v>1</v>
      </c>
      <c r="AP19" s="261">
        <v>0</v>
      </c>
      <c r="AQ19" s="261">
        <v>0</v>
      </c>
      <c r="AR19" s="261">
        <v>0</v>
      </c>
      <c r="AS19" s="258">
        <v>1</v>
      </c>
      <c r="AT19" s="263">
        <v>1</v>
      </c>
      <c r="AU19" s="257">
        <v>0</v>
      </c>
      <c r="AV19" s="261">
        <v>0</v>
      </c>
      <c r="AW19" s="258">
        <v>0</v>
      </c>
      <c r="AX19" s="260">
        <v>0</v>
      </c>
      <c r="AY19" s="261">
        <v>1</v>
      </c>
      <c r="AZ19" s="261">
        <v>1</v>
      </c>
      <c r="BA19" s="261">
        <v>2</v>
      </c>
      <c r="BB19" s="261">
        <v>1</v>
      </c>
      <c r="BC19" s="261">
        <v>0</v>
      </c>
      <c r="BD19" s="258">
        <v>5</v>
      </c>
      <c r="BE19" s="263">
        <v>5</v>
      </c>
      <c r="BF19" s="257">
        <v>0</v>
      </c>
      <c r="BG19" s="261">
        <v>0</v>
      </c>
      <c r="BH19" s="258">
        <v>0</v>
      </c>
      <c r="BI19" s="260">
        <v>0</v>
      </c>
      <c r="BJ19" s="261">
        <v>3</v>
      </c>
      <c r="BK19" s="261">
        <v>3</v>
      </c>
      <c r="BL19" s="261">
        <v>5</v>
      </c>
      <c r="BM19" s="261">
        <v>1</v>
      </c>
      <c r="BN19" s="261">
        <v>0</v>
      </c>
      <c r="BO19" s="262">
        <v>12</v>
      </c>
      <c r="BP19" s="263">
        <v>12</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2</v>
      </c>
      <c r="CI19" s="261">
        <v>3</v>
      </c>
      <c r="CJ19" s="261">
        <v>0</v>
      </c>
      <c r="CK19" s="258">
        <v>5</v>
      </c>
      <c r="CL19" s="263">
        <v>5</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68"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2</v>
      </c>
      <c r="AD20" s="261">
        <v>15</v>
      </c>
      <c r="AE20" s="261">
        <v>6</v>
      </c>
      <c r="AF20" s="261">
        <v>0</v>
      </c>
      <c r="AG20" s="261">
        <v>0</v>
      </c>
      <c r="AH20" s="258">
        <v>43</v>
      </c>
      <c r="AI20" s="263">
        <v>43</v>
      </c>
      <c r="AJ20" s="257">
        <v>0</v>
      </c>
      <c r="AK20" s="261">
        <v>0</v>
      </c>
      <c r="AL20" s="258">
        <v>0</v>
      </c>
      <c r="AM20" s="260">
        <v>0</v>
      </c>
      <c r="AN20" s="261">
        <v>0</v>
      </c>
      <c r="AO20" s="261">
        <v>2</v>
      </c>
      <c r="AP20" s="261">
        <v>4</v>
      </c>
      <c r="AQ20" s="261">
        <v>1</v>
      </c>
      <c r="AR20" s="261">
        <v>0</v>
      </c>
      <c r="AS20" s="258">
        <v>7</v>
      </c>
      <c r="AT20" s="263">
        <v>7</v>
      </c>
      <c r="AU20" s="257">
        <v>1</v>
      </c>
      <c r="AV20" s="261">
        <v>0</v>
      </c>
      <c r="AW20" s="258">
        <v>1</v>
      </c>
      <c r="AX20" s="260">
        <v>0</v>
      </c>
      <c r="AY20" s="261">
        <v>4</v>
      </c>
      <c r="AZ20" s="261">
        <v>3</v>
      </c>
      <c r="BA20" s="261">
        <v>6</v>
      </c>
      <c r="BB20" s="261">
        <v>3</v>
      </c>
      <c r="BC20" s="261">
        <v>0</v>
      </c>
      <c r="BD20" s="258">
        <v>16</v>
      </c>
      <c r="BE20" s="263">
        <v>17</v>
      </c>
      <c r="BF20" s="257">
        <v>0</v>
      </c>
      <c r="BG20" s="261">
        <v>0</v>
      </c>
      <c r="BH20" s="258">
        <v>0</v>
      </c>
      <c r="BI20" s="260">
        <v>0</v>
      </c>
      <c r="BJ20" s="261">
        <v>2</v>
      </c>
      <c r="BK20" s="261">
        <v>4</v>
      </c>
      <c r="BL20" s="261">
        <v>5</v>
      </c>
      <c r="BM20" s="261">
        <v>3</v>
      </c>
      <c r="BN20" s="261">
        <v>2</v>
      </c>
      <c r="BO20" s="262">
        <v>16</v>
      </c>
      <c r="BP20" s="263">
        <v>16</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1</v>
      </c>
      <c r="CI20" s="261">
        <v>1</v>
      </c>
      <c r="CJ20" s="261">
        <v>0</v>
      </c>
      <c r="CK20" s="258">
        <v>2</v>
      </c>
      <c r="CL20" s="263">
        <v>2</v>
      </c>
      <c r="CM20" s="257">
        <v>0</v>
      </c>
      <c r="CN20" s="261">
        <v>0</v>
      </c>
      <c r="CO20" s="258">
        <v>0</v>
      </c>
      <c r="CP20" s="260">
        <v>0</v>
      </c>
      <c r="CQ20" s="261">
        <v>0</v>
      </c>
      <c r="CR20" s="261">
        <v>0</v>
      </c>
      <c r="CS20" s="261">
        <v>2</v>
      </c>
      <c r="CT20" s="261">
        <v>0</v>
      </c>
      <c r="CU20" s="261">
        <v>0</v>
      </c>
      <c r="CV20" s="258">
        <v>2</v>
      </c>
      <c r="CW20" s="263">
        <v>2</v>
      </c>
    </row>
    <row r="21" spans="2:101" ht="21" customHeight="1" x14ac:dyDescent="0.2">
      <c r="B21" s="468" t="s">
        <v>19</v>
      </c>
      <c r="C21" s="257">
        <v>0</v>
      </c>
      <c r="D21" s="258">
        <v>0</v>
      </c>
      <c r="E21" s="259">
        <v>0</v>
      </c>
      <c r="F21" s="260">
        <v>0</v>
      </c>
      <c r="G21" s="261">
        <v>2</v>
      </c>
      <c r="H21" s="261">
        <v>0</v>
      </c>
      <c r="I21" s="261">
        <v>0</v>
      </c>
      <c r="J21" s="261">
        <v>1</v>
      </c>
      <c r="K21" s="261">
        <v>2</v>
      </c>
      <c r="L21" s="262">
        <v>5</v>
      </c>
      <c r="M21" s="263">
        <v>5</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7</v>
      </c>
      <c r="AD21" s="261">
        <v>4</v>
      </c>
      <c r="AE21" s="261">
        <v>2</v>
      </c>
      <c r="AF21" s="261">
        <v>0</v>
      </c>
      <c r="AG21" s="261">
        <v>0</v>
      </c>
      <c r="AH21" s="258">
        <v>13</v>
      </c>
      <c r="AI21" s="263">
        <v>13</v>
      </c>
      <c r="AJ21" s="257">
        <v>0</v>
      </c>
      <c r="AK21" s="261">
        <v>0</v>
      </c>
      <c r="AL21" s="258">
        <v>0</v>
      </c>
      <c r="AM21" s="260">
        <v>0</v>
      </c>
      <c r="AN21" s="261">
        <v>2</v>
      </c>
      <c r="AO21" s="261">
        <v>2</v>
      </c>
      <c r="AP21" s="261">
        <v>3</v>
      </c>
      <c r="AQ21" s="261">
        <v>0</v>
      </c>
      <c r="AR21" s="261">
        <v>0</v>
      </c>
      <c r="AS21" s="258">
        <v>7</v>
      </c>
      <c r="AT21" s="263">
        <v>7</v>
      </c>
      <c r="AU21" s="257">
        <v>0</v>
      </c>
      <c r="AV21" s="261">
        <v>0</v>
      </c>
      <c r="AW21" s="258">
        <v>0</v>
      </c>
      <c r="AX21" s="260">
        <v>0</v>
      </c>
      <c r="AY21" s="261">
        <v>3</v>
      </c>
      <c r="AZ21" s="261">
        <v>2</v>
      </c>
      <c r="BA21" s="261">
        <v>2</v>
      </c>
      <c r="BB21" s="261">
        <v>0</v>
      </c>
      <c r="BC21" s="261">
        <v>0</v>
      </c>
      <c r="BD21" s="258">
        <v>7</v>
      </c>
      <c r="BE21" s="263">
        <v>7</v>
      </c>
      <c r="BF21" s="257">
        <v>0</v>
      </c>
      <c r="BG21" s="261">
        <v>0</v>
      </c>
      <c r="BH21" s="258">
        <v>0</v>
      </c>
      <c r="BI21" s="260">
        <v>0</v>
      </c>
      <c r="BJ21" s="261">
        <v>1</v>
      </c>
      <c r="BK21" s="261">
        <v>2</v>
      </c>
      <c r="BL21" s="261">
        <v>1</v>
      </c>
      <c r="BM21" s="261">
        <v>0</v>
      </c>
      <c r="BN21" s="261">
        <v>0</v>
      </c>
      <c r="BO21" s="262">
        <v>4</v>
      </c>
      <c r="BP21" s="263">
        <v>4</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0</v>
      </c>
      <c r="CS21" s="261">
        <v>0</v>
      </c>
      <c r="CT21" s="261">
        <v>0</v>
      </c>
      <c r="CU21" s="261">
        <v>3</v>
      </c>
      <c r="CV21" s="258">
        <v>4</v>
      </c>
      <c r="CW21" s="263">
        <v>4</v>
      </c>
    </row>
    <row r="22" spans="2:101" ht="21" customHeight="1" x14ac:dyDescent="0.2">
      <c r="B22" s="468"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1</v>
      </c>
      <c r="AD22" s="261">
        <v>10</v>
      </c>
      <c r="AE22" s="261">
        <v>3</v>
      </c>
      <c r="AF22" s="261">
        <v>1</v>
      </c>
      <c r="AG22" s="261">
        <v>1</v>
      </c>
      <c r="AH22" s="258">
        <v>26</v>
      </c>
      <c r="AI22" s="263">
        <v>26</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0</v>
      </c>
      <c r="AZ22" s="261">
        <v>1</v>
      </c>
      <c r="BA22" s="261">
        <v>1</v>
      </c>
      <c r="BB22" s="261">
        <v>0</v>
      </c>
      <c r="BC22" s="261">
        <v>0</v>
      </c>
      <c r="BD22" s="258">
        <v>2</v>
      </c>
      <c r="BE22" s="263">
        <v>2</v>
      </c>
      <c r="BF22" s="257">
        <v>0</v>
      </c>
      <c r="BG22" s="261">
        <v>0</v>
      </c>
      <c r="BH22" s="258">
        <v>0</v>
      </c>
      <c r="BI22" s="260">
        <v>0</v>
      </c>
      <c r="BJ22" s="261">
        <v>1</v>
      </c>
      <c r="BK22" s="261">
        <v>2</v>
      </c>
      <c r="BL22" s="261">
        <v>2</v>
      </c>
      <c r="BM22" s="261">
        <v>0</v>
      </c>
      <c r="BN22" s="261">
        <v>1</v>
      </c>
      <c r="BO22" s="262">
        <v>6</v>
      </c>
      <c r="BP22" s="263">
        <v>6</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68" t="s">
        <v>21</v>
      </c>
      <c r="C23" s="257">
        <v>0</v>
      </c>
      <c r="D23" s="258">
        <v>0</v>
      </c>
      <c r="E23" s="259">
        <v>0</v>
      </c>
      <c r="F23" s="260">
        <v>0</v>
      </c>
      <c r="G23" s="261">
        <v>0</v>
      </c>
      <c r="H23" s="261">
        <v>0</v>
      </c>
      <c r="I23" s="261">
        <v>0</v>
      </c>
      <c r="J23" s="261">
        <v>0</v>
      </c>
      <c r="K23" s="261">
        <v>1</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3</v>
      </c>
      <c r="AD23" s="261">
        <v>7</v>
      </c>
      <c r="AE23" s="261">
        <v>3</v>
      </c>
      <c r="AF23" s="261">
        <v>2</v>
      </c>
      <c r="AG23" s="261">
        <v>0</v>
      </c>
      <c r="AH23" s="258">
        <v>25</v>
      </c>
      <c r="AI23" s="263">
        <v>25</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1</v>
      </c>
      <c r="BB23" s="261">
        <v>0</v>
      </c>
      <c r="BC23" s="261">
        <v>0</v>
      </c>
      <c r="BD23" s="258">
        <v>1</v>
      </c>
      <c r="BE23" s="263">
        <v>1</v>
      </c>
      <c r="BF23" s="257">
        <v>0</v>
      </c>
      <c r="BG23" s="261">
        <v>0</v>
      </c>
      <c r="BH23" s="258">
        <v>0</v>
      </c>
      <c r="BI23" s="260">
        <v>0</v>
      </c>
      <c r="BJ23" s="261">
        <v>2</v>
      </c>
      <c r="BK23" s="261">
        <v>2</v>
      </c>
      <c r="BL23" s="261">
        <v>2</v>
      </c>
      <c r="BM23" s="261">
        <v>0</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68"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2</v>
      </c>
      <c r="AD24" s="261">
        <v>3</v>
      </c>
      <c r="AE24" s="261">
        <v>2</v>
      </c>
      <c r="AF24" s="261">
        <v>1</v>
      </c>
      <c r="AG24" s="261">
        <v>0</v>
      </c>
      <c r="AH24" s="258">
        <v>8</v>
      </c>
      <c r="AI24" s="263">
        <v>8</v>
      </c>
      <c r="AJ24" s="257">
        <v>0</v>
      </c>
      <c r="AK24" s="261">
        <v>0</v>
      </c>
      <c r="AL24" s="258">
        <v>0</v>
      </c>
      <c r="AM24" s="260">
        <v>0</v>
      </c>
      <c r="AN24" s="261">
        <v>0</v>
      </c>
      <c r="AO24" s="261">
        <v>0</v>
      </c>
      <c r="AP24" s="261">
        <v>0</v>
      </c>
      <c r="AQ24" s="261">
        <v>0</v>
      </c>
      <c r="AR24" s="261">
        <v>0</v>
      </c>
      <c r="AS24" s="258">
        <v>0</v>
      </c>
      <c r="AT24" s="263">
        <v>0</v>
      </c>
      <c r="AU24" s="257">
        <v>0</v>
      </c>
      <c r="AV24" s="261">
        <v>0</v>
      </c>
      <c r="AW24" s="258">
        <v>0</v>
      </c>
      <c r="AX24" s="260">
        <v>0</v>
      </c>
      <c r="AY24" s="261">
        <v>2</v>
      </c>
      <c r="AZ24" s="261">
        <v>2</v>
      </c>
      <c r="BA24" s="261">
        <v>0</v>
      </c>
      <c r="BB24" s="261">
        <v>0</v>
      </c>
      <c r="BC24" s="261">
        <v>0</v>
      </c>
      <c r="BD24" s="258">
        <v>4</v>
      </c>
      <c r="BE24" s="263">
        <v>4</v>
      </c>
      <c r="BF24" s="257">
        <v>0</v>
      </c>
      <c r="BG24" s="261">
        <v>0</v>
      </c>
      <c r="BH24" s="258">
        <v>0</v>
      </c>
      <c r="BI24" s="260">
        <v>0</v>
      </c>
      <c r="BJ24" s="261">
        <v>1</v>
      </c>
      <c r="BK24" s="261">
        <v>1</v>
      </c>
      <c r="BL24" s="261">
        <v>1</v>
      </c>
      <c r="BM24" s="261">
        <v>1</v>
      </c>
      <c r="BN24" s="261">
        <v>0</v>
      </c>
      <c r="BO24" s="262">
        <v>4</v>
      </c>
      <c r="BP24" s="263">
        <v>4</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1</v>
      </c>
      <c r="CI24" s="261">
        <v>2</v>
      </c>
      <c r="CJ24" s="261">
        <v>0</v>
      </c>
      <c r="CK24" s="258">
        <v>3</v>
      </c>
      <c r="CL24" s="263">
        <v>3</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68"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4</v>
      </c>
      <c r="AD25" s="261">
        <v>2</v>
      </c>
      <c r="AE25" s="261">
        <v>4</v>
      </c>
      <c r="AF25" s="261">
        <v>0</v>
      </c>
      <c r="AG25" s="261">
        <v>0</v>
      </c>
      <c r="AH25" s="258">
        <v>10</v>
      </c>
      <c r="AI25" s="263">
        <v>10</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1</v>
      </c>
      <c r="BA25" s="261">
        <v>0</v>
      </c>
      <c r="BB25" s="261">
        <v>0</v>
      </c>
      <c r="BC25" s="261">
        <v>0</v>
      </c>
      <c r="BD25" s="258">
        <v>1</v>
      </c>
      <c r="BE25" s="263">
        <v>1</v>
      </c>
      <c r="BF25" s="257">
        <v>0</v>
      </c>
      <c r="BG25" s="261">
        <v>0</v>
      </c>
      <c r="BH25" s="258">
        <v>0</v>
      </c>
      <c r="BI25" s="260">
        <v>0</v>
      </c>
      <c r="BJ25" s="261">
        <v>2</v>
      </c>
      <c r="BK25" s="261">
        <v>1</v>
      </c>
      <c r="BL25" s="261">
        <v>3</v>
      </c>
      <c r="BM25" s="261">
        <v>2</v>
      </c>
      <c r="BN25" s="261">
        <v>0</v>
      </c>
      <c r="BO25" s="262">
        <v>8</v>
      </c>
      <c r="BP25" s="263">
        <v>8</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68" t="s">
        <v>24</v>
      </c>
      <c r="C26" s="257">
        <v>0</v>
      </c>
      <c r="D26" s="258">
        <v>0</v>
      </c>
      <c r="E26" s="259">
        <v>0</v>
      </c>
      <c r="F26" s="260">
        <v>0</v>
      </c>
      <c r="G26" s="261">
        <v>0</v>
      </c>
      <c r="H26" s="261">
        <v>0</v>
      </c>
      <c r="I26" s="261">
        <v>0</v>
      </c>
      <c r="J26" s="261">
        <v>1</v>
      </c>
      <c r="K26" s="261">
        <v>0</v>
      </c>
      <c r="L26" s="262">
        <v>1</v>
      </c>
      <c r="M26" s="263">
        <v>1</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v>
      </c>
      <c r="AD26" s="261">
        <v>4</v>
      </c>
      <c r="AE26" s="261">
        <v>1</v>
      </c>
      <c r="AF26" s="261">
        <v>0</v>
      </c>
      <c r="AG26" s="261">
        <v>0</v>
      </c>
      <c r="AH26" s="258">
        <v>7</v>
      </c>
      <c r="AI26" s="263">
        <v>7</v>
      </c>
      <c r="AJ26" s="257">
        <v>0</v>
      </c>
      <c r="AK26" s="261">
        <v>0</v>
      </c>
      <c r="AL26" s="258">
        <v>0</v>
      </c>
      <c r="AM26" s="260">
        <v>0</v>
      </c>
      <c r="AN26" s="261">
        <v>0</v>
      </c>
      <c r="AO26" s="261">
        <v>0</v>
      </c>
      <c r="AP26" s="261">
        <v>1</v>
      </c>
      <c r="AQ26" s="261">
        <v>0</v>
      </c>
      <c r="AR26" s="261">
        <v>0</v>
      </c>
      <c r="AS26" s="258">
        <v>1</v>
      </c>
      <c r="AT26" s="263">
        <v>1</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1</v>
      </c>
      <c r="BL26" s="261">
        <v>2</v>
      </c>
      <c r="BM26" s="261">
        <v>0</v>
      </c>
      <c r="BN26" s="261">
        <v>1</v>
      </c>
      <c r="BO26" s="262">
        <v>4</v>
      </c>
      <c r="BP26" s="263">
        <v>4</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68"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v>
      </c>
      <c r="AD27" s="261">
        <v>2</v>
      </c>
      <c r="AE27" s="261">
        <v>1</v>
      </c>
      <c r="AF27" s="261">
        <v>0</v>
      </c>
      <c r="AG27" s="261">
        <v>0</v>
      </c>
      <c r="AH27" s="258">
        <v>11</v>
      </c>
      <c r="AI27" s="263">
        <v>11</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68"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v>
      </c>
      <c r="AD28" s="261">
        <v>1</v>
      </c>
      <c r="AE28" s="261">
        <v>1</v>
      </c>
      <c r="AF28" s="261">
        <v>1</v>
      </c>
      <c r="AG28" s="261">
        <v>1</v>
      </c>
      <c r="AH28" s="258">
        <v>8</v>
      </c>
      <c r="AI28" s="263">
        <v>8</v>
      </c>
      <c r="AJ28" s="257">
        <v>0</v>
      </c>
      <c r="AK28" s="261">
        <v>0</v>
      </c>
      <c r="AL28" s="258">
        <v>0</v>
      </c>
      <c r="AM28" s="260">
        <v>0</v>
      </c>
      <c r="AN28" s="261">
        <v>0</v>
      </c>
      <c r="AO28" s="261">
        <v>1</v>
      </c>
      <c r="AP28" s="261">
        <v>1</v>
      </c>
      <c r="AQ28" s="261">
        <v>0</v>
      </c>
      <c r="AR28" s="261">
        <v>0</v>
      </c>
      <c r="AS28" s="258">
        <v>2</v>
      </c>
      <c r="AT28" s="263">
        <v>2</v>
      </c>
      <c r="AU28" s="257">
        <v>0</v>
      </c>
      <c r="AV28" s="261">
        <v>0</v>
      </c>
      <c r="AW28" s="258">
        <v>0</v>
      </c>
      <c r="AX28" s="260">
        <v>0</v>
      </c>
      <c r="AY28" s="261">
        <v>0</v>
      </c>
      <c r="AZ28" s="261">
        <v>0</v>
      </c>
      <c r="BA28" s="261">
        <v>0</v>
      </c>
      <c r="BB28" s="261">
        <v>0</v>
      </c>
      <c r="BC28" s="261">
        <v>1</v>
      </c>
      <c r="BD28" s="258">
        <v>1</v>
      </c>
      <c r="BE28" s="263">
        <v>1</v>
      </c>
      <c r="BF28" s="257">
        <v>0</v>
      </c>
      <c r="BG28" s="261">
        <v>0</v>
      </c>
      <c r="BH28" s="258">
        <v>0</v>
      </c>
      <c r="BI28" s="260">
        <v>0</v>
      </c>
      <c r="BJ28" s="261">
        <v>0</v>
      </c>
      <c r="BK28" s="261">
        <v>0</v>
      </c>
      <c r="BL28" s="261">
        <v>1</v>
      </c>
      <c r="BM28" s="261">
        <v>2</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68"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0</v>
      </c>
      <c r="AO29" s="261">
        <v>0</v>
      </c>
      <c r="AP29" s="261">
        <v>0</v>
      </c>
      <c r="AQ29" s="261">
        <v>1</v>
      </c>
      <c r="AR29" s="261">
        <v>0</v>
      </c>
      <c r="AS29" s="258">
        <v>1</v>
      </c>
      <c r="AT29" s="263">
        <v>1</v>
      </c>
      <c r="AU29" s="257">
        <v>0</v>
      </c>
      <c r="AV29" s="261">
        <v>0</v>
      </c>
      <c r="AW29" s="258">
        <v>0</v>
      </c>
      <c r="AX29" s="260">
        <v>0</v>
      </c>
      <c r="AY29" s="261">
        <v>0</v>
      </c>
      <c r="AZ29" s="261">
        <v>1</v>
      </c>
      <c r="BA29" s="261">
        <v>0</v>
      </c>
      <c r="BB29" s="261">
        <v>0</v>
      </c>
      <c r="BC29" s="261">
        <v>0</v>
      </c>
      <c r="BD29" s="258">
        <v>1</v>
      </c>
      <c r="BE29" s="263">
        <v>1</v>
      </c>
      <c r="BF29" s="257">
        <v>0</v>
      </c>
      <c r="BG29" s="261">
        <v>0</v>
      </c>
      <c r="BH29" s="258">
        <v>0</v>
      </c>
      <c r="BI29" s="260">
        <v>0</v>
      </c>
      <c r="BJ29" s="261">
        <v>1</v>
      </c>
      <c r="BK29" s="261">
        <v>0</v>
      </c>
      <c r="BL29" s="261">
        <v>1</v>
      </c>
      <c r="BM29" s="261">
        <v>0</v>
      </c>
      <c r="BN29" s="261">
        <v>0</v>
      </c>
      <c r="BO29" s="262">
        <v>2</v>
      </c>
      <c r="BP29" s="263">
        <v>2</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0</v>
      </c>
      <c r="CK29" s="258">
        <v>1</v>
      </c>
      <c r="CL29" s="263">
        <v>1</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68"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5</v>
      </c>
      <c r="AD30" s="261">
        <v>0</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1</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68" t="s">
        <v>29</v>
      </c>
      <c r="C31" s="257">
        <v>0</v>
      </c>
      <c r="D31" s="258">
        <v>0</v>
      </c>
      <c r="E31" s="259">
        <v>0</v>
      </c>
      <c r="F31" s="260">
        <v>0</v>
      </c>
      <c r="G31" s="261">
        <v>0</v>
      </c>
      <c r="H31" s="261">
        <v>0</v>
      </c>
      <c r="I31" s="261">
        <v>1</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0</v>
      </c>
      <c r="AD31" s="261">
        <v>2</v>
      </c>
      <c r="AE31" s="261">
        <v>1</v>
      </c>
      <c r="AF31" s="261">
        <v>0</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2</v>
      </c>
      <c r="CI31" s="261">
        <v>1</v>
      </c>
      <c r="CJ31" s="261">
        <v>0</v>
      </c>
      <c r="CK31" s="258">
        <v>3</v>
      </c>
      <c r="CL31" s="263">
        <v>3</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68"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1</v>
      </c>
      <c r="AE32" s="261">
        <v>1</v>
      </c>
      <c r="AF32" s="261">
        <v>0</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68"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0</v>
      </c>
      <c r="AD33" s="261">
        <v>0</v>
      </c>
      <c r="AE33" s="261">
        <v>1</v>
      </c>
      <c r="AF33" s="261">
        <v>0</v>
      </c>
      <c r="AG33" s="261">
        <v>0</v>
      </c>
      <c r="AH33" s="258">
        <v>1</v>
      </c>
      <c r="AI33" s="263">
        <v>1</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1</v>
      </c>
      <c r="BL33" s="261">
        <v>0</v>
      </c>
      <c r="BM33" s="261">
        <v>1</v>
      </c>
      <c r="BN33" s="261">
        <v>1</v>
      </c>
      <c r="BO33" s="262">
        <v>3</v>
      </c>
      <c r="BP33" s="263">
        <v>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68"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v>
      </c>
      <c r="AD34" s="261">
        <v>5</v>
      </c>
      <c r="AE34" s="261">
        <v>0</v>
      </c>
      <c r="AF34" s="261">
        <v>0</v>
      </c>
      <c r="AG34" s="261">
        <v>1</v>
      </c>
      <c r="AH34" s="258">
        <v>9</v>
      </c>
      <c r="AI34" s="263">
        <v>9</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1</v>
      </c>
      <c r="CJ34" s="261">
        <v>0</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68"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1</v>
      </c>
      <c r="CT35" s="261">
        <v>0</v>
      </c>
      <c r="CU35" s="261">
        <v>0</v>
      </c>
      <c r="CV35" s="258">
        <v>1</v>
      </c>
      <c r="CW35" s="263">
        <v>1</v>
      </c>
    </row>
    <row r="36" spans="2:101" ht="21" customHeight="1" x14ac:dyDescent="0.2">
      <c r="B36" s="468"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0</v>
      </c>
      <c r="AG36" s="261">
        <v>0</v>
      </c>
      <c r="AH36" s="258">
        <v>2</v>
      </c>
      <c r="AI36" s="263">
        <v>2</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1</v>
      </c>
      <c r="BB36" s="261">
        <v>0</v>
      </c>
      <c r="BC36" s="261">
        <v>0</v>
      </c>
      <c r="BD36" s="258">
        <v>2</v>
      </c>
      <c r="BE36" s="263">
        <v>2</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1</v>
      </c>
      <c r="CT36" s="261">
        <v>0</v>
      </c>
      <c r="CU36" s="261">
        <v>0</v>
      </c>
      <c r="CV36" s="258">
        <v>1</v>
      </c>
      <c r="CW36" s="263">
        <v>1</v>
      </c>
    </row>
    <row r="37" spans="2:101" ht="21" customHeight="1" x14ac:dyDescent="0.2">
      <c r="B37" s="468"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2</v>
      </c>
      <c r="BA37" s="261">
        <v>0</v>
      </c>
      <c r="BB37" s="261">
        <v>0</v>
      </c>
      <c r="BC37" s="261">
        <v>0</v>
      </c>
      <c r="BD37" s="258">
        <v>2</v>
      </c>
      <c r="BE37" s="263">
        <v>2</v>
      </c>
      <c r="BF37" s="257">
        <v>0</v>
      </c>
      <c r="BG37" s="261">
        <v>0</v>
      </c>
      <c r="BH37" s="258">
        <v>0</v>
      </c>
      <c r="BI37" s="260">
        <v>0</v>
      </c>
      <c r="BJ37" s="261">
        <v>0</v>
      </c>
      <c r="BK37" s="261">
        <v>1</v>
      </c>
      <c r="BL37" s="261">
        <v>0</v>
      </c>
      <c r="BM37" s="261">
        <v>0</v>
      </c>
      <c r="BN37" s="261">
        <v>0</v>
      </c>
      <c r="BO37" s="262">
        <v>1</v>
      </c>
      <c r="BP37" s="263">
        <v>1</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68"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2</v>
      </c>
      <c r="AD38" s="261">
        <v>1</v>
      </c>
      <c r="AE38" s="261">
        <v>0</v>
      </c>
      <c r="AF38" s="261">
        <v>1</v>
      </c>
      <c r="AG38" s="261">
        <v>0</v>
      </c>
      <c r="AH38" s="258">
        <v>4</v>
      </c>
      <c r="AI38" s="263">
        <v>4</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0</v>
      </c>
      <c r="BL38" s="261">
        <v>0</v>
      </c>
      <c r="BM38" s="261">
        <v>1</v>
      </c>
      <c r="BN38" s="261">
        <v>0</v>
      </c>
      <c r="BO38" s="262">
        <v>1</v>
      </c>
      <c r="BP38" s="263">
        <v>1</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69"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39">
        <f>第１表!F2</f>
        <v>6</v>
      </c>
      <c r="J1" s="539"/>
      <c r="K1" s="235">
        <f>第１表!G2</f>
        <v>1</v>
      </c>
      <c r="L1" s="543">
        <f>IF(K1&lt;3,K1+12-2,K1-2)</f>
        <v>11</v>
      </c>
      <c r="M1" s="543"/>
    </row>
    <row r="2" spans="1:101" s="272" customFormat="1" ht="24" customHeight="1" thickBot="1" x14ac:dyDescent="0.25">
      <c r="A2" s="39"/>
      <c r="B2" s="271" t="s">
        <v>153</v>
      </c>
    </row>
    <row r="3" spans="1:101" ht="21" customHeight="1" thickBot="1" x14ac:dyDescent="0.25">
      <c r="B3" s="556"/>
      <c r="C3" s="547" t="s">
        <v>94</v>
      </c>
      <c r="D3" s="548"/>
      <c r="E3" s="548"/>
      <c r="F3" s="548"/>
      <c r="G3" s="548"/>
      <c r="H3" s="548"/>
      <c r="I3" s="548"/>
      <c r="J3" s="548"/>
      <c r="K3" s="548"/>
      <c r="L3" s="548"/>
      <c r="M3" s="549"/>
      <c r="N3" s="547" t="s">
        <v>88</v>
      </c>
      <c r="O3" s="548"/>
      <c r="P3" s="548"/>
      <c r="Q3" s="548"/>
      <c r="R3" s="548"/>
      <c r="S3" s="548"/>
      <c r="T3" s="548"/>
      <c r="U3" s="548"/>
      <c r="V3" s="548"/>
      <c r="W3" s="548"/>
      <c r="X3" s="549"/>
      <c r="Y3" s="547" t="s">
        <v>140</v>
      </c>
      <c r="Z3" s="548"/>
      <c r="AA3" s="548"/>
      <c r="AB3" s="548"/>
      <c r="AC3" s="548"/>
      <c r="AD3" s="548"/>
      <c r="AE3" s="548"/>
      <c r="AF3" s="548"/>
      <c r="AG3" s="548"/>
      <c r="AH3" s="548"/>
      <c r="AI3" s="549"/>
      <c r="AJ3" s="547" t="s">
        <v>90</v>
      </c>
      <c r="AK3" s="548"/>
      <c r="AL3" s="548"/>
      <c r="AM3" s="548"/>
      <c r="AN3" s="548"/>
      <c r="AO3" s="548"/>
      <c r="AP3" s="548"/>
      <c r="AQ3" s="548"/>
      <c r="AR3" s="548"/>
      <c r="AS3" s="548"/>
      <c r="AT3" s="549"/>
      <c r="AU3" s="560" t="s">
        <v>89</v>
      </c>
      <c r="AV3" s="561"/>
      <c r="AW3" s="561"/>
      <c r="AX3" s="561"/>
      <c r="AY3" s="561"/>
      <c r="AZ3" s="561"/>
      <c r="BA3" s="561"/>
      <c r="BB3" s="561"/>
      <c r="BC3" s="561"/>
      <c r="BD3" s="561"/>
      <c r="BE3" s="562"/>
      <c r="BF3" s="560" t="s">
        <v>91</v>
      </c>
      <c r="BG3" s="561"/>
      <c r="BH3" s="561"/>
      <c r="BI3" s="561"/>
      <c r="BJ3" s="561"/>
      <c r="BK3" s="561"/>
      <c r="BL3" s="561"/>
      <c r="BM3" s="561"/>
      <c r="BN3" s="561"/>
      <c r="BO3" s="561"/>
      <c r="BP3" s="562"/>
      <c r="BQ3" s="560" t="s">
        <v>92</v>
      </c>
      <c r="BR3" s="561"/>
      <c r="BS3" s="561"/>
      <c r="BT3" s="561"/>
      <c r="BU3" s="561"/>
      <c r="BV3" s="561"/>
      <c r="BW3" s="561"/>
      <c r="BX3" s="561"/>
      <c r="BY3" s="561"/>
      <c r="BZ3" s="561"/>
      <c r="CA3" s="562"/>
      <c r="CB3" s="560" t="s">
        <v>93</v>
      </c>
      <c r="CC3" s="561"/>
      <c r="CD3" s="561"/>
      <c r="CE3" s="561"/>
      <c r="CF3" s="561"/>
      <c r="CG3" s="561"/>
      <c r="CH3" s="561"/>
      <c r="CI3" s="561"/>
      <c r="CJ3" s="561"/>
      <c r="CK3" s="561"/>
      <c r="CL3" s="562"/>
      <c r="CM3" s="561" t="s">
        <v>139</v>
      </c>
      <c r="CN3" s="561"/>
      <c r="CO3" s="561"/>
      <c r="CP3" s="561"/>
      <c r="CQ3" s="561"/>
      <c r="CR3" s="561"/>
      <c r="CS3" s="561"/>
      <c r="CT3" s="561"/>
      <c r="CU3" s="561"/>
      <c r="CV3" s="561"/>
      <c r="CW3" s="562"/>
    </row>
    <row r="4" spans="1:101"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78" t="s">
        <v>61</v>
      </c>
      <c r="AV4" s="576"/>
      <c r="AW4" s="577"/>
      <c r="AX4" s="575" t="s">
        <v>62</v>
      </c>
      <c r="AY4" s="576"/>
      <c r="AZ4" s="576"/>
      <c r="BA4" s="576"/>
      <c r="BB4" s="576"/>
      <c r="BC4" s="576"/>
      <c r="BD4" s="577"/>
      <c r="BE4" s="573" t="s">
        <v>52</v>
      </c>
      <c r="BF4" s="578" t="s">
        <v>61</v>
      </c>
      <c r="BG4" s="576"/>
      <c r="BH4" s="577"/>
      <c r="BI4" s="575" t="s">
        <v>62</v>
      </c>
      <c r="BJ4" s="576"/>
      <c r="BK4" s="576"/>
      <c r="BL4" s="576"/>
      <c r="BM4" s="576"/>
      <c r="BN4" s="576"/>
      <c r="BO4" s="577"/>
      <c r="BP4" s="573" t="s">
        <v>52</v>
      </c>
      <c r="BQ4" s="578" t="s">
        <v>61</v>
      </c>
      <c r="BR4" s="576"/>
      <c r="BS4" s="577"/>
      <c r="BT4" s="575" t="s">
        <v>62</v>
      </c>
      <c r="BU4" s="576"/>
      <c r="BV4" s="576"/>
      <c r="BW4" s="576"/>
      <c r="BX4" s="576"/>
      <c r="BY4" s="576"/>
      <c r="BZ4" s="577"/>
      <c r="CA4" s="573" t="s">
        <v>52</v>
      </c>
      <c r="CB4" s="578" t="s">
        <v>61</v>
      </c>
      <c r="CC4" s="576"/>
      <c r="CD4" s="577"/>
      <c r="CE4" s="575" t="s">
        <v>62</v>
      </c>
      <c r="CF4" s="576"/>
      <c r="CG4" s="576"/>
      <c r="CH4" s="576"/>
      <c r="CI4" s="576"/>
      <c r="CJ4" s="576"/>
      <c r="CK4" s="577"/>
      <c r="CL4" s="573" t="s">
        <v>52</v>
      </c>
      <c r="CM4" s="578" t="s">
        <v>61</v>
      </c>
      <c r="CN4" s="576"/>
      <c r="CO4" s="577"/>
      <c r="CP4" s="575" t="s">
        <v>62</v>
      </c>
      <c r="CQ4" s="576"/>
      <c r="CR4" s="576"/>
      <c r="CS4" s="576"/>
      <c r="CT4" s="576"/>
      <c r="CU4" s="576"/>
      <c r="CV4" s="577"/>
      <c r="CW4" s="573" t="s">
        <v>52</v>
      </c>
    </row>
    <row r="5" spans="1:101" ht="30" customHeight="1" thickBot="1" x14ac:dyDescent="0.25">
      <c r="B5" s="558"/>
      <c r="C5" s="325" t="s">
        <v>43</v>
      </c>
      <c r="D5" s="246" t="s">
        <v>44</v>
      </c>
      <c r="E5" s="247" t="s">
        <v>45</v>
      </c>
      <c r="F5" s="248" t="s">
        <v>83</v>
      </c>
      <c r="G5" s="243" t="s">
        <v>47</v>
      </c>
      <c r="H5" s="243" t="s">
        <v>48</v>
      </c>
      <c r="I5" s="243" t="s">
        <v>49</v>
      </c>
      <c r="J5" s="243" t="s">
        <v>50</v>
      </c>
      <c r="K5" s="243" t="s">
        <v>51</v>
      </c>
      <c r="L5" s="249" t="s">
        <v>45</v>
      </c>
      <c r="M5" s="554"/>
      <c r="N5" s="325" t="s">
        <v>43</v>
      </c>
      <c r="O5" s="243" t="s">
        <v>44</v>
      </c>
      <c r="P5" s="246" t="s">
        <v>45</v>
      </c>
      <c r="Q5" s="248" t="s">
        <v>83</v>
      </c>
      <c r="R5" s="243" t="s">
        <v>47</v>
      </c>
      <c r="S5" s="243" t="s">
        <v>48</v>
      </c>
      <c r="T5" s="243" t="s">
        <v>49</v>
      </c>
      <c r="U5" s="243" t="s">
        <v>50</v>
      </c>
      <c r="V5" s="243" t="s">
        <v>51</v>
      </c>
      <c r="W5" s="246" t="s">
        <v>45</v>
      </c>
      <c r="X5" s="554"/>
      <c r="Y5" s="325" t="s">
        <v>43</v>
      </c>
      <c r="Z5" s="243" t="s">
        <v>44</v>
      </c>
      <c r="AA5" s="246" t="s">
        <v>45</v>
      </c>
      <c r="AB5" s="248" t="s">
        <v>83</v>
      </c>
      <c r="AC5" s="243" t="s">
        <v>47</v>
      </c>
      <c r="AD5" s="243" t="s">
        <v>48</v>
      </c>
      <c r="AE5" s="243" t="s">
        <v>49</v>
      </c>
      <c r="AF5" s="243" t="s">
        <v>50</v>
      </c>
      <c r="AG5" s="243" t="s">
        <v>51</v>
      </c>
      <c r="AH5" s="246" t="s">
        <v>45</v>
      </c>
      <c r="AI5" s="554"/>
      <c r="AJ5" s="325" t="s">
        <v>43</v>
      </c>
      <c r="AK5" s="243" t="s">
        <v>44</v>
      </c>
      <c r="AL5" s="246" t="s">
        <v>45</v>
      </c>
      <c r="AM5" s="248" t="s">
        <v>83</v>
      </c>
      <c r="AN5" s="243" t="s">
        <v>47</v>
      </c>
      <c r="AO5" s="243" t="s">
        <v>48</v>
      </c>
      <c r="AP5" s="243" t="s">
        <v>49</v>
      </c>
      <c r="AQ5" s="243" t="s">
        <v>50</v>
      </c>
      <c r="AR5" s="243" t="s">
        <v>51</v>
      </c>
      <c r="AS5" s="246" t="s">
        <v>45</v>
      </c>
      <c r="AT5" s="554"/>
      <c r="AU5" s="325" t="s">
        <v>43</v>
      </c>
      <c r="AV5" s="243" t="s">
        <v>44</v>
      </c>
      <c r="AW5" s="246" t="s">
        <v>45</v>
      </c>
      <c r="AX5" s="248" t="s">
        <v>83</v>
      </c>
      <c r="AY5" s="243" t="s">
        <v>47</v>
      </c>
      <c r="AZ5" s="243" t="s">
        <v>48</v>
      </c>
      <c r="BA5" s="243" t="s">
        <v>49</v>
      </c>
      <c r="BB5" s="243" t="s">
        <v>50</v>
      </c>
      <c r="BC5" s="243" t="s">
        <v>51</v>
      </c>
      <c r="BD5" s="246" t="s">
        <v>45</v>
      </c>
      <c r="BE5" s="574"/>
      <c r="BF5" s="325" t="s">
        <v>43</v>
      </c>
      <c r="BG5" s="243" t="s">
        <v>44</v>
      </c>
      <c r="BH5" s="246" t="s">
        <v>45</v>
      </c>
      <c r="BI5" s="248" t="s">
        <v>83</v>
      </c>
      <c r="BJ5" s="243" t="s">
        <v>47</v>
      </c>
      <c r="BK5" s="243" t="s">
        <v>48</v>
      </c>
      <c r="BL5" s="243" t="s">
        <v>49</v>
      </c>
      <c r="BM5" s="243" t="s">
        <v>50</v>
      </c>
      <c r="BN5" s="243" t="s">
        <v>51</v>
      </c>
      <c r="BO5" s="246" t="s">
        <v>45</v>
      </c>
      <c r="BP5" s="574"/>
      <c r="BQ5" s="325" t="s">
        <v>43</v>
      </c>
      <c r="BR5" s="243" t="s">
        <v>44</v>
      </c>
      <c r="BS5" s="246" t="s">
        <v>45</v>
      </c>
      <c r="BT5" s="248" t="s">
        <v>83</v>
      </c>
      <c r="BU5" s="243" t="s">
        <v>47</v>
      </c>
      <c r="BV5" s="243" t="s">
        <v>48</v>
      </c>
      <c r="BW5" s="243" t="s">
        <v>49</v>
      </c>
      <c r="BX5" s="243" t="s">
        <v>50</v>
      </c>
      <c r="BY5" s="243" t="s">
        <v>51</v>
      </c>
      <c r="BZ5" s="246" t="s">
        <v>45</v>
      </c>
      <c r="CA5" s="574"/>
      <c r="CB5" s="325" t="s">
        <v>43</v>
      </c>
      <c r="CC5" s="243" t="s">
        <v>44</v>
      </c>
      <c r="CD5" s="246" t="s">
        <v>45</v>
      </c>
      <c r="CE5" s="248" t="s">
        <v>83</v>
      </c>
      <c r="CF5" s="243" t="s">
        <v>47</v>
      </c>
      <c r="CG5" s="243" t="s">
        <v>48</v>
      </c>
      <c r="CH5" s="243" t="s">
        <v>49</v>
      </c>
      <c r="CI5" s="243" t="s">
        <v>50</v>
      </c>
      <c r="CJ5" s="243" t="s">
        <v>51</v>
      </c>
      <c r="CK5" s="246" t="s">
        <v>45</v>
      </c>
      <c r="CL5" s="574"/>
      <c r="CM5" s="325" t="s">
        <v>43</v>
      </c>
      <c r="CN5" s="243" t="s">
        <v>44</v>
      </c>
      <c r="CO5" s="246" t="s">
        <v>45</v>
      </c>
      <c r="CP5" s="248" t="s">
        <v>83</v>
      </c>
      <c r="CQ5" s="243" t="s">
        <v>47</v>
      </c>
      <c r="CR5" s="243" t="s">
        <v>48</v>
      </c>
      <c r="CS5" s="243" t="s">
        <v>49</v>
      </c>
      <c r="CT5" s="243" t="s">
        <v>50</v>
      </c>
      <c r="CU5" s="243" t="s">
        <v>51</v>
      </c>
      <c r="CV5" s="246" t="s">
        <v>45</v>
      </c>
      <c r="CW5" s="574"/>
    </row>
    <row r="6" spans="1:101" ht="21" customHeight="1" x14ac:dyDescent="0.2">
      <c r="B6" s="466" t="s">
        <v>4</v>
      </c>
      <c r="C6" s="250">
        <v>0</v>
      </c>
      <c r="D6" s="251">
        <v>0</v>
      </c>
      <c r="E6" s="252">
        <v>0</v>
      </c>
      <c r="F6" s="253">
        <v>0</v>
      </c>
      <c r="G6" s="254">
        <v>22</v>
      </c>
      <c r="H6" s="254">
        <v>36</v>
      </c>
      <c r="I6" s="254">
        <v>20</v>
      </c>
      <c r="J6" s="254">
        <v>21</v>
      </c>
      <c r="K6" s="254">
        <v>14</v>
      </c>
      <c r="L6" s="255">
        <v>113</v>
      </c>
      <c r="M6" s="256">
        <v>113</v>
      </c>
      <c r="N6" s="250">
        <v>0</v>
      </c>
      <c r="O6" s="254">
        <v>0</v>
      </c>
      <c r="P6" s="251">
        <v>0</v>
      </c>
      <c r="Q6" s="253">
        <v>0</v>
      </c>
      <c r="R6" s="254">
        <v>10</v>
      </c>
      <c r="S6" s="254">
        <v>37</v>
      </c>
      <c r="T6" s="254">
        <v>28</v>
      </c>
      <c r="U6" s="254">
        <v>24</v>
      </c>
      <c r="V6" s="254">
        <v>16</v>
      </c>
      <c r="W6" s="251">
        <v>115</v>
      </c>
      <c r="X6" s="256">
        <v>115</v>
      </c>
      <c r="Y6" s="250">
        <v>0</v>
      </c>
      <c r="Z6" s="254">
        <v>0</v>
      </c>
      <c r="AA6" s="251">
        <v>0</v>
      </c>
      <c r="AB6" s="253">
        <v>0</v>
      </c>
      <c r="AC6" s="254">
        <v>853</v>
      </c>
      <c r="AD6" s="254">
        <v>729</v>
      </c>
      <c r="AE6" s="254">
        <v>298</v>
      </c>
      <c r="AF6" s="254">
        <v>145</v>
      </c>
      <c r="AG6" s="254">
        <v>60</v>
      </c>
      <c r="AH6" s="251">
        <v>2085</v>
      </c>
      <c r="AI6" s="256">
        <v>2085</v>
      </c>
      <c r="AJ6" s="250">
        <v>0</v>
      </c>
      <c r="AK6" s="254">
        <v>0</v>
      </c>
      <c r="AL6" s="251">
        <v>0</v>
      </c>
      <c r="AM6" s="253">
        <v>0</v>
      </c>
      <c r="AN6" s="254">
        <v>55</v>
      </c>
      <c r="AO6" s="254">
        <v>61</v>
      </c>
      <c r="AP6" s="254">
        <v>70</v>
      </c>
      <c r="AQ6" s="254">
        <v>25</v>
      </c>
      <c r="AR6" s="254">
        <v>18</v>
      </c>
      <c r="AS6" s="251">
        <v>229</v>
      </c>
      <c r="AT6" s="256">
        <v>229</v>
      </c>
      <c r="AU6" s="250">
        <v>16</v>
      </c>
      <c r="AV6" s="254">
        <v>22</v>
      </c>
      <c r="AW6" s="251">
        <v>38</v>
      </c>
      <c r="AX6" s="253">
        <v>0</v>
      </c>
      <c r="AY6" s="254">
        <v>71</v>
      </c>
      <c r="AZ6" s="254">
        <v>50</v>
      </c>
      <c r="BA6" s="254">
        <v>72</v>
      </c>
      <c r="BB6" s="254">
        <v>44</v>
      </c>
      <c r="BC6" s="254">
        <v>18</v>
      </c>
      <c r="BD6" s="251">
        <v>255</v>
      </c>
      <c r="BE6" s="256">
        <v>293</v>
      </c>
      <c r="BF6" s="250">
        <v>0</v>
      </c>
      <c r="BG6" s="254">
        <v>0</v>
      </c>
      <c r="BH6" s="251">
        <v>0</v>
      </c>
      <c r="BI6" s="253">
        <v>0</v>
      </c>
      <c r="BJ6" s="254">
        <v>65</v>
      </c>
      <c r="BK6" s="254">
        <v>105</v>
      </c>
      <c r="BL6" s="254">
        <v>131</v>
      </c>
      <c r="BM6" s="254">
        <v>96</v>
      </c>
      <c r="BN6" s="254">
        <v>71</v>
      </c>
      <c r="BO6" s="255">
        <v>468</v>
      </c>
      <c r="BP6" s="256">
        <v>468</v>
      </c>
      <c r="BQ6" s="250">
        <v>0</v>
      </c>
      <c r="BR6" s="254">
        <v>0</v>
      </c>
      <c r="BS6" s="251">
        <v>0</v>
      </c>
      <c r="BT6" s="253">
        <v>0</v>
      </c>
      <c r="BU6" s="254">
        <v>2</v>
      </c>
      <c r="BV6" s="254">
        <v>5</v>
      </c>
      <c r="BW6" s="254">
        <v>6</v>
      </c>
      <c r="BX6" s="254">
        <v>5</v>
      </c>
      <c r="BY6" s="254">
        <v>4</v>
      </c>
      <c r="BZ6" s="251">
        <v>22</v>
      </c>
      <c r="CA6" s="256">
        <v>22</v>
      </c>
      <c r="CB6" s="250">
        <v>0</v>
      </c>
      <c r="CC6" s="254">
        <v>0</v>
      </c>
      <c r="CD6" s="251">
        <v>0</v>
      </c>
      <c r="CE6" s="253">
        <v>0</v>
      </c>
      <c r="CF6" s="254">
        <v>1</v>
      </c>
      <c r="CG6" s="254">
        <v>2</v>
      </c>
      <c r="CH6" s="254">
        <v>8</v>
      </c>
      <c r="CI6" s="254">
        <v>19</v>
      </c>
      <c r="CJ6" s="254">
        <v>8</v>
      </c>
      <c r="CK6" s="251">
        <v>38</v>
      </c>
      <c r="CL6" s="256">
        <v>38</v>
      </c>
      <c r="CM6" s="250">
        <v>0</v>
      </c>
      <c r="CN6" s="254">
        <v>0</v>
      </c>
      <c r="CO6" s="251">
        <v>0</v>
      </c>
      <c r="CP6" s="253">
        <v>0</v>
      </c>
      <c r="CQ6" s="254">
        <v>5</v>
      </c>
      <c r="CR6" s="254">
        <v>16</v>
      </c>
      <c r="CS6" s="254">
        <v>21</v>
      </c>
      <c r="CT6" s="254">
        <v>17</v>
      </c>
      <c r="CU6" s="254">
        <v>31</v>
      </c>
      <c r="CV6" s="251">
        <v>90</v>
      </c>
      <c r="CW6" s="256">
        <v>90</v>
      </c>
    </row>
    <row r="7" spans="1:101" ht="21" customHeight="1" x14ac:dyDescent="0.2">
      <c r="B7" s="467" t="s">
        <v>5</v>
      </c>
      <c r="C7" s="257">
        <v>0</v>
      </c>
      <c r="D7" s="258">
        <v>0</v>
      </c>
      <c r="E7" s="259">
        <v>0</v>
      </c>
      <c r="F7" s="260">
        <v>0</v>
      </c>
      <c r="G7" s="261">
        <v>8</v>
      </c>
      <c r="H7" s="261">
        <v>18</v>
      </c>
      <c r="I7" s="261">
        <v>12</v>
      </c>
      <c r="J7" s="261">
        <v>9</v>
      </c>
      <c r="K7" s="261">
        <v>6</v>
      </c>
      <c r="L7" s="262">
        <v>53</v>
      </c>
      <c r="M7" s="263">
        <v>53</v>
      </c>
      <c r="N7" s="257">
        <v>0</v>
      </c>
      <c r="O7" s="261">
        <v>0</v>
      </c>
      <c r="P7" s="258">
        <v>0</v>
      </c>
      <c r="Q7" s="260">
        <v>0</v>
      </c>
      <c r="R7" s="261">
        <v>5</v>
      </c>
      <c r="S7" s="261">
        <v>22</v>
      </c>
      <c r="T7" s="261">
        <v>22</v>
      </c>
      <c r="U7" s="261">
        <v>16</v>
      </c>
      <c r="V7" s="261">
        <v>13</v>
      </c>
      <c r="W7" s="258">
        <v>78</v>
      </c>
      <c r="X7" s="263">
        <v>78</v>
      </c>
      <c r="Y7" s="257">
        <v>0</v>
      </c>
      <c r="Z7" s="261">
        <v>0</v>
      </c>
      <c r="AA7" s="258">
        <v>0</v>
      </c>
      <c r="AB7" s="260">
        <v>0</v>
      </c>
      <c r="AC7" s="261">
        <v>343</v>
      </c>
      <c r="AD7" s="261">
        <v>391</v>
      </c>
      <c r="AE7" s="261">
        <v>156</v>
      </c>
      <c r="AF7" s="261">
        <v>67</v>
      </c>
      <c r="AG7" s="261">
        <v>29</v>
      </c>
      <c r="AH7" s="258">
        <v>986</v>
      </c>
      <c r="AI7" s="263">
        <v>986</v>
      </c>
      <c r="AJ7" s="257">
        <v>0</v>
      </c>
      <c r="AK7" s="261">
        <v>0</v>
      </c>
      <c r="AL7" s="258">
        <v>0</v>
      </c>
      <c r="AM7" s="260">
        <v>0</v>
      </c>
      <c r="AN7" s="261">
        <v>28</v>
      </c>
      <c r="AO7" s="261">
        <v>32</v>
      </c>
      <c r="AP7" s="261">
        <v>37</v>
      </c>
      <c r="AQ7" s="261">
        <v>14</v>
      </c>
      <c r="AR7" s="261">
        <v>13</v>
      </c>
      <c r="AS7" s="258">
        <v>124</v>
      </c>
      <c r="AT7" s="263">
        <v>124</v>
      </c>
      <c r="AU7" s="257">
        <v>9</v>
      </c>
      <c r="AV7" s="261">
        <v>10</v>
      </c>
      <c r="AW7" s="258">
        <v>19</v>
      </c>
      <c r="AX7" s="260">
        <v>0</v>
      </c>
      <c r="AY7" s="261">
        <v>29</v>
      </c>
      <c r="AZ7" s="261">
        <v>24</v>
      </c>
      <c r="BA7" s="261">
        <v>29</v>
      </c>
      <c r="BB7" s="261">
        <v>30</v>
      </c>
      <c r="BC7" s="261">
        <v>8</v>
      </c>
      <c r="BD7" s="258">
        <v>120</v>
      </c>
      <c r="BE7" s="263">
        <v>139</v>
      </c>
      <c r="BF7" s="257">
        <v>0</v>
      </c>
      <c r="BG7" s="261">
        <v>0</v>
      </c>
      <c r="BH7" s="258">
        <v>0</v>
      </c>
      <c r="BI7" s="260">
        <v>0</v>
      </c>
      <c r="BJ7" s="261">
        <v>30</v>
      </c>
      <c r="BK7" s="261">
        <v>34</v>
      </c>
      <c r="BL7" s="261">
        <v>50</v>
      </c>
      <c r="BM7" s="261">
        <v>42</v>
      </c>
      <c r="BN7" s="261">
        <v>26</v>
      </c>
      <c r="BO7" s="262">
        <v>182</v>
      </c>
      <c r="BP7" s="263">
        <v>182</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0</v>
      </c>
      <c r="CI7" s="261">
        <v>1</v>
      </c>
      <c r="CJ7" s="261">
        <v>1</v>
      </c>
      <c r="CK7" s="258">
        <v>3</v>
      </c>
      <c r="CL7" s="263">
        <v>3</v>
      </c>
      <c r="CM7" s="257">
        <v>0</v>
      </c>
      <c r="CN7" s="261">
        <v>0</v>
      </c>
      <c r="CO7" s="258">
        <v>0</v>
      </c>
      <c r="CP7" s="260">
        <v>0</v>
      </c>
      <c r="CQ7" s="261">
        <v>0</v>
      </c>
      <c r="CR7" s="261">
        <v>5</v>
      </c>
      <c r="CS7" s="261">
        <v>6</v>
      </c>
      <c r="CT7" s="261">
        <v>8</v>
      </c>
      <c r="CU7" s="261">
        <v>12</v>
      </c>
      <c r="CV7" s="258">
        <v>31</v>
      </c>
      <c r="CW7" s="263">
        <v>31</v>
      </c>
    </row>
    <row r="8" spans="1:101" ht="21" customHeight="1" x14ac:dyDescent="0.2">
      <c r="B8" s="468" t="s">
        <v>6</v>
      </c>
      <c r="C8" s="257">
        <v>0</v>
      </c>
      <c r="D8" s="258">
        <v>0</v>
      </c>
      <c r="E8" s="259">
        <v>0</v>
      </c>
      <c r="F8" s="260">
        <v>0</v>
      </c>
      <c r="G8" s="261">
        <v>6</v>
      </c>
      <c r="H8" s="261">
        <v>8</v>
      </c>
      <c r="I8" s="261">
        <v>4</v>
      </c>
      <c r="J8" s="261">
        <v>4</v>
      </c>
      <c r="K8" s="261">
        <v>4</v>
      </c>
      <c r="L8" s="262">
        <v>26</v>
      </c>
      <c r="M8" s="263">
        <v>26</v>
      </c>
      <c r="N8" s="257">
        <v>0</v>
      </c>
      <c r="O8" s="261">
        <v>0</v>
      </c>
      <c r="P8" s="258">
        <v>0</v>
      </c>
      <c r="Q8" s="260">
        <v>0</v>
      </c>
      <c r="R8" s="261">
        <v>4</v>
      </c>
      <c r="S8" s="261">
        <v>14</v>
      </c>
      <c r="T8" s="261">
        <v>6</v>
      </c>
      <c r="U8" s="261">
        <v>4</v>
      </c>
      <c r="V8" s="261">
        <v>3</v>
      </c>
      <c r="W8" s="258">
        <v>31</v>
      </c>
      <c r="X8" s="263">
        <v>31</v>
      </c>
      <c r="Y8" s="257">
        <v>0</v>
      </c>
      <c r="Z8" s="261">
        <v>0</v>
      </c>
      <c r="AA8" s="258">
        <v>0</v>
      </c>
      <c r="AB8" s="260">
        <v>0</v>
      </c>
      <c r="AC8" s="261">
        <v>142</v>
      </c>
      <c r="AD8" s="261">
        <v>104</v>
      </c>
      <c r="AE8" s="261">
        <v>38</v>
      </c>
      <c r="AF8" s="261">
        <v>20</v>
      </c>
      <c r="AG8" s="261">
        <v>8</v>
      </c>
      <c r="AH8" s="258">
        <v>312</v>
      </c>
      <c r="AI8" s="263">
        <v>312</v>
      </c>
      <c r="AJ8" s="257">
        <v>0</v>
      </c>
      <c r="AK8" s="261">
        <v>0</v>
      </c>
      <c r="AL8" s="258">
        <v>0</v>
      </c>
      <c r="AM8" s="260">
        <v>0</v>
      </c>
      <c r="AN8" s="261">
        <v>12</v>
      </c>
      <c r="AO8" s="261">
        <v>16</v>
      </c>
      <c r="AP8" s="261">
        <v>21</v>
      </c>
      <c r="AQ8" s="261">
        <v>4</v>
      </c>
      <c r="AR8" s="261">
        <v>4</v>
      </c>
      <c r="AS8" s="258">
        <v>57</v>
      </c>
      <c r="AT8" s="263">
        <v>57</v>
      </c>
      <c r="AU8" s="257">
        <v>1</v>
      </c>
      <c r="AV8" s="261">
        <v>6</v>
      </c>
      <c r="AW8" s="258">
        <v>7</v>
      </c>
      <c r="AX8" s="260">
        <v>0</v>
      </c>
      <c r="AY8" s="261">
        <v>10</v>
      </c>
      <c r="AZ8" s="261">
        <v>10</v>
      </c>
      <c r="BA8" s="261">
        <v>11</v>
      </c>
      <c r="BB8" s="261">
        <v>2</v>
      </c>
      <c r="BC8" s="261">
        <v>3</v>
      </c>
      <c r="BD8" s="258">
        <v>36</v>
      </c>
      <c r="BE8" s="263">
        <v>43</v>
      </c>
      <c r="BF8" s="257">
        <v>0</v>
      </c>
      <c r="BG8" s="261">
        <v>0</v>
      </c>
      <c r="BH8" s="258">
        <v>0</v>
      </c>
      <c r="BI8" s="260">
        <v>0</v>
      </c>
      <c r="BJ8" s="261">
        <v>17</v>
      </c>
      <c r="BK8" s="261">
        <v>26</v>
      </c>
      <c r="BL8" s="261">
        <v>24</v>
      </c>
      <c r="BM8" s="261">
        <v>18</v>
      </c>
      <c r="BN8" s="261">
        <v>18</v>
      </c>
      <c r="BO8" s="262">
        <v>103</v>
      </c>
      <c r="BP8" s="263">
        <v>103</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7</v>
      </c>
      <c r="CI8" s="261">
        <v>6</v>
      </c>
      <c r="CJ8" s="261">
        <v>2</v>
      </c>
      <c r="CK8" s="258">
        <v>16</v>
      </c>
      <c r="CL8" s="263">
        <v>16</v>
      </c>
      <c r="CM8" s="257">
        <v>0</v>
      </c>
      <c r="CN8" s="261">
        <v>0</v>
      </c>
      <c r="CO8" s="258">
        <v>0</v>
      </c>
      <c r="CP8" s="260">
        <v>0</v>
      </c>
      <c r="CQ8" s="261">
        <v>4</v>
      </c>
      <c r="CR8" s="261">
        <v>5</v>
      </c>
      <c r="CS8" s="261">
        <v>9</v>
      </c>
      <c r="CT8" s="261">
        <v>4</v>
      </c>
      <c r="CU8" s="261">
        <v>7</v>
      </c>
      <c r="CV8" s="258">
        <v>29</v>
      </c>
      <c r="CW8" s="263">
        <v>29</v>
      </c>
    </row>
    <row r="9" spans="1:101" ht="21" customHeight="1" x14ac:dyDescent="0.2">
      <c r="B9" s="468" t="s">
        <v>14</v>
      </c>
      <c r="C9" s="257">
        <v>0</v>
      </c>
      <c r="D9" s="258">
        <v>0</v>
      </c>
      <c r="E9" s="259">
        <v>0</v>
      </c>
      <c r="F9" s="260">
        <v>0</v>
      </c>
      <c r="G9" s="261">
        <v>1</v>
      </c>
      <c r="H9" s="261">
        <v>1</v>
      </c>
      <c r="I9" s="261">
        <v>1</v>
      </c>
      <c r="J9" s="261">
        <v>0</v>
      </c>
      <c r="K9" s="261">
        <v>0</v>
      </c>
      <c r="L9" s="262">
        <v>3</v>
      </c>
      <c r="M9" s="263">
        <v>3</v>
      </c>
      <c r="N9" s="257">
        <v>0</v>
      </c>
      <c r="O9" s="261">
        <v>0</v>
      </c>
      <c r="P9" s="258">
        <v>0</v>
      </c>
      <c r="Q9" s="260">
        <v>0</v>
      </c>
      <c r="R9" s="261">
        <v>0</v>
      </c>
      <c r="S9" s="261">
        <v>0</v>
      </c>
      <c r="T9" s="261">
        <v>0</v>
      </c>
      <c r="U9" s="261">
        <v>0</v>
      </c>
      <c r="V9" s="261">
        <v>0</v>
      </c>
      <c r="W9" s="258">
        <v>0</v>
      </c>
      <c r="X9" s="263">
        <v>0</v>
      </c>
      <c r="Y9" s="257">
        <v>0</v>
      </c>
      <c r="Z9" s="261">
        <v>0</v>
      </c>
      <c r="AA9" s="258">
        <v>0</v>
      </c>
      <c r="AB9" s="260">
        <v>0</v>
      </c>
      <c r="AC9" s="261">
        <v>36</v>
      </c>
      <c r="AD9" s="261">
        <v>53</v>
      </c>
      <c r="AE9" s="261">
        <v>17</v>
      </c>
      <c r="AF9" s="261">
        <v>11</v>
      </c>
      <c r="AG9" s="261">
        <v>4</v>
      </c>
      <c r="AH9" s="258">
        <v>121</v>
      </c>
      <c r="AI9" s="263">
        <v>121</v>
      </c>
      <c r="AJ9" s="257">
        <v>0</v>
      </c>
      <c r="AK9" s="261">
        <v>0</v>
      </c>
      <c r="AL9" s="258">
        <v>0</v>
      </c>
      <c r="AM9" s="260">
        <v>0</v>
      </c>
      <c r="AN9" s="261">
        <v>3</v>
      </c>
      <c r="AO9" s="261">
        <v>1</v>
      </c>
      <c r="AP9" s="261">
        <v>0</v>
      </c>
      <c r="AQ9" s="261">
        <v>2</v>
      </c>
      <c r="AR9" s="261">
        <v>0</v>
      </c>
      <c r="AS9" s="258">
        <v>6</v>
      </c>
      <c r="AT9" s="263">
        <v>6</v>
      </c>
      <c r="AU9" s="257">
        <v>2</v>
      </c>
      <c r="AV9" s="261">
        <v>1</v>
      </c>
      <c r="AW9" s="258">
        <v>3</v>
      </c>
      <c r="AX9" s="260">
        <v>0</v>
      </c>
      <c r="AY9" s="261">
        <v>5</v>
      </c>
      <c r="AZ9" s="261">
        <v>3</v>
      </c>
      <c r="BA9" s="261">
        <v>5</v>
      </c>
      <c r="BB9" s="261">
        <v>1</v>
      </c>
      <c r="BC9" s="261">
        <v>2</v>
      </c>
      <c r="BD9" s="258">
        <v>16</v>
      </c>
      <c r="BE9" s="263">
        <v>19</v>
      </c>
      <c r="BF9" s="257">
        <v>0</v>
      </c>
      <c r="BG9" s="261">
        <v>0</v>
      </c>
      <c r="BH9" s="258">
        <v>0</v>
      </c>
      <c r="BI9" s="260">
        <v>0</v>
      </c>
      <c r="BJ9" s="261">
        <v>2</v>
      </c>
      <c r="BK9" s="261">
        <v>5</v>
      </c>
      <c r="BL9" s="261">
        <v>15</v>
      </c>
      <c r="BM9" s="261">
        <v>11</v>
      </c>
      <c r="BN9" s="261">
        <v>6</v>
      </c>
      <c r="BO9" s="262">
        <v>39</v>
      </c>
      <c r="BP9" s="263">
        <v>39</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0</v>
      </c>
      <c r="CI9" s="261">
        <v>2</v>
      </c>
      <c r="CJ9" s="261">
        <v>0</v>
      </c>
      <c r="CK9" s="258">
        <v>3</v>
      </c>
      <c r="CL9" s="263">
        <v>3</v>
      </c>
      <c r="CM9" s="257">
        <v>0</v>
      </c>
      <c r="CN9" s="261">
        <v>0</v>
      </c>
      <c r="CO9" s="258">
        <v>0</v>
      </c>
      <c r="CP9" s="260">
        <v>0</v>
      </c>
      <c r="CQ9" s="261">
        <v>0</v>
      </c>
      <c r="CR9" s="261">
        <v>2</v>
      </c>
      <c r="CS9" s="261">
        <v>2</v>
      </c>
      <c r="CT9" s="261">
        <v>1</v>
      </c>
      <c r="CU9" s="261">
        <v>2</v>
      </c>
      <c r="CV9" s="258">
        <v>7</v>
      </c>
      <c r="CW9" s="263">
        <v>7</v>
      </c>
    </row>
    <row r="10" spans="1:101" ht="21" customHeight="1" x14ac:dyDescent="0.2">
      <c r="B10" s="468" t="s">
        <v>7</v>
      </c>
      <c r="C10" s="257">
        <v>0</v>
      </c>
      <c r="D10" s="258">
        <v>0</v>
      </c>
      <c r="E10" s="259">
        <v>0</v>
      </c>
      <c r="F10" s="260">
        <v>0</v>
      </c>
      <c r="G10" s="261">
        <v>1</v>
      </c>
      <c r="H10" s="261">
        <v>0</v>
      </c>
      <c r="I10" s="261">
        <v>0</v>
      </c>
      <c r="J10" s="261">
        <v>0</v>
      </c>
      <c r="K10" s="261">
        <v>0</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8</v>
      </c>
      <c r="AD10" s="261">
        <v>20</v>
      </c>
      <c r="AE10" s="261">
        <v>6</v>
      </c>
      <c r="AF10" s="261">
        <v>5</v>
      </c>
      <c r="AG10" s="261">
        <v>3</v>
      </c>
      <c r="AH10" s="258">
        <v>72</v>
      </c>
      <c r="AI10" s="263">
        <v>72</v>
      </c>
      <c r="AJ10" s="257">
        <v>0</v>
      </c>
      <c r="AK10" s="261">
        <v>0</v>
      </c>
      <c r="AL10" s="258">
        <v>0</v>
      </c>
      <c r="AM10" s="260">
        <v>0</v>
      </c>
      <c r="AN10" s="261">
        <v>3</v>
      </c>
      <c r="AO10" s="261">
        <v>4</v>
      </c>
      <c r="AP10" s="261">
        <v>4</v>
      </c>
      <c r="AQ10" s="261">
        <v>2</v>
      </c>
      <c r="AR10" s="261">
        <v>0</v>
      </c>
      <c r="AS10" s="258">
        <v>13</v>
      </c>
      <c r="AT10" s="263">
        <v>13</v>
      </c>
      <c r="AU10" s="257">
        <v>1</v>
      </c>
      <c r="AV10" s="261">
        <v>0</v>
      </c>
      <c r="AW10" s="258">
        <v>1</v>
      </c>
      <c r="AX10" s="260">
        <v>0</v>
      </c>
      <c r="AY10" s="261">
        <v>1</v>
      </c>
      <c r="AZ10" s="261">
        <v>0</v>
      </c>
      <c r="BA10" s="261">
        <v>2</v>
      </c>
      <c r="BB10" s="261">
        <v>1</v>
      </c>
      <c r="BC10" s="261">
        <v>0</v>
      </c>
      <c r="BD10" s="258">
        <v>4</v>
      </c>
      <c r="BE10" s="263">
        <v>5</v>
      </c>
      <c r="BF10" s="257">
        <v>0</v>
      </c>
      <c r="BG10" s="261">
        <v>0</v>
      </c>
      <c r="BH10" s="258">
        <v>0</v>
      </c>
      <c r="BI10" s="260">
        <v>0</v>
      </c>
      <c r="BJ10" s="261">
        <v>1</v>
      </c>
      <c r="BK10" s="261">
        <v>2</v>
      </c>
      <c r="BL10" s="261">
        <v>5</v>
      </c>
      <c r="BM10" s="261">
        <v>5</v>
      </c>
      <c r="BN10" s="261">
        <v>2</v>
      </c>
      <c r="BO10" s="262">
        <v>15</v>
      </c>
      <c r="BP10" s="263">
        <v>15</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0</v>
      </c>
      <c r="CT10" s="261">
        <v>0</v>
      </c>
      <c r="CU10" s="261">
        <v>1</v>
      </c>
      <c r="CV10" s="258">
        <v>2</v>
      </c>
      <c r="CW10" s="263">
        <v>2</v>
      </c>
    </row>
    <row r="11" spans="1:101" ht="21" customHeight="1" x14ac:dyDescent="0.2">
      <c r="B11" s="468"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1</v>
      </c>
      <c r="AD11" s="261">
        <v>15</v>
      </c>
      <c r="AE11" s="261">
        <v>5</v>
      </c>
      <c r="AF11" s="261">
        <v>9</v>
      </c>
      <c r="AG11" s="261">
        <v>2</v>
      </c>
      <c r="AH11" s="258">
        <v>72</v>
      </c>
      <c r="AI11" s="263">
        <v>72</v>
      </c>
      <c r="AJ11" s="257">
        <v>0</v>
      </c>
      <c r="AK11" s="261">
        <v>0</v>
      </c>
      <c r="AL11" s="258">
        <v>0</v>
      </c>
      <c r="AM11" s="260">
        <v>0</v>
      </c>
      <c r="AN11" s="261">
        <v>0</v>
      </c>
      <c r="AO11" s="261">
        <v>1</v>
      </c>
      <c r="AP11" s="261">
        <v>0</v>
      </c>
      <c r="AQ11" s="261">
        <v>0</v>
      </c>
      <c r="AR11" s="261">
        <v>0</v>
      </c>
      <c r="AS11" s="258">
        <v>1</v>
      </c>
      <c r="AT11" s="263">
        <v>1</v>
      </c>
      <c r="AU11" s="257">
        <v>0</v>
      </c>
      <c r="AV11" s="261">
        <v>0</v>
      </c>
      <c r="AW11" s="258">
        <v>0</v>
      </c>
      <c r="AX11" s="260">
        <v>0</v>
      </c>
      <c r="AY11" s="261">
        <v>2</v>
      </c>
      <c r="AZ11" s="261">
        <v>0</v>
      </c>
      <c r="BA11" s="261">
        <v>4</v>
      </c>
      <c r="BB11" s="261">
        <v>2</v>
      </c>
      <c r="BC11" s="261">
        <v>0</v>
      </c>
      <c r="BD11" s="258">
        <v>8</v>
      </c>
      <c r="BE11" s="263">
        <v>8</v>
      </c>
      <c r="BF11" s="257">
        <v>0</v>
      </c>
      <c r="BG11" s="261">
        <v>0</v>
      </c>
      <c r="BH11" s="258">
        <v>0</v>
      </c>
      <c r="BI11" s="260">
        <v>0</v>
      </c>
      <c r="BJ11" s="261">
        <v>0</v>
      </c>
      <c r="BK11" s="261">
        <v>4</v>
      </c>
      <c r="BL11" s="261">
        <v>2</v>
      </c>
      <c r="BM11" s="261">
        <v>2</v>
      </c>
      <c r="BN11" s="261">
        <v>0</v>
      </c>
      <c r="BO11" s="262">
        <v>8</v>
      </c>
      <c r="BP11" s="263">
        <v>8</v>
      </c>
      <c r="BQ11" s="257">
        <v>0</v>
      </c>
      <c r="BR11" s="261">
        <v>0</v>
      </c>
      <c r="BS11" s="258">
        <v>0</v>
      </c>
      <c r="BT11" s="260">
        <v>0</v>
      </c>
      <c r="BU11" s="261">
        <v>0</v>
      </c>
      <c r="BV11" s="261">
        <v>0</v>
      </c>
      <c r="BW11" s="261">
        <v>0</v>
      </c>
      <c r="BX11" s="261">
        <v>1</v>
      </c>
      <c r="BY11" s="261">
        <v>1</v>
      </c>
      <c r="BZ11" s="258">
        <v>2</v>
      </c>
      <c r="CA11" s="263">
        <v>2</v>
      </c>
      <c r="CB11" s="257">
        <v>0</v>
      </c>
      <c r="CC11" s="261">
        <v>0</v>
      </c>
      <c r="CD11" s="258">
        <v>0</v>
      </c>
      <c r="CE11" s="260">
        <v>0</v>
      </c>
      <c r="CF11" s="261">
        <v>0</v>
      </c>
      <c r="CG11" s="261">
        <v>0</v>
      </c>
      <c r="CH11" s="261">
        <v>0</v>
      </c>
      <c r="CI11" s="261">
        <v>2</v>
      </c>
      <c r="CJ11" s="261">
        <v>0</v>
      </c>
      <c r="CK11" s="258">
        <v>2</v>
      </c>
      <c r="CL11" s="263">
        <v>2</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68" t="s">
        <v>9</v>
      </c>
      <c r="C12" s="257">
        <v>0</v>
      </c>
      <c r="D12" s="258">
        <v>0</v>
      </c>
      <c r="E12" s="259">
        <v>0</v>
      </c>
      <c r="F12" s="260">
        <v>0</v>
      </c>
      <c r="G12" s="261">
        <v>0</v>
      </c>
      <c r="H12" s="261">
        <v>1</v>
      </c>
      <c r="I12" s="261">
        <v>0</v>
      </c>
      <c r="J12" s="261">
        <v>1</v>
      </c>
      <c r="K12" s="261">
        <v>1</v>
      </c>
      <c r="L12" s="262">
        <v>3</v>
      </c>
      <c r="M12" s="263">
        <v>3</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5</v>
      </c>
      <c r="AD12" s="261">
        <v>28</v>
      </c>
      <c r="AE12" s="261">
        <v>18</v>
      </c>
      <c r="AF12" s="261">
        <v>5</v>
      </c>
      <c r="AG12" s="261">
        <v>1</v>
      </c>
      <c r="AH12" s="258">
        <v>97</v>
      </c>
      <c r="AI12" s="263">
        <v>97</v>
      </c>
      <c r="AJ12" s="257">
        <v>0</v>
      </c>
      <c r="AK12" s="261">
        <v>0</v>
      </c>
      <c r="AL12" s="258">
        <v>0</v>
      </c>
      <c r="AM12" s="260">
        <v>0</v>
      </c>
      <c r="AN12" s="261">
        <v>0</v>
      </c>
      <c r="AO12" s="261">
        <v>1</v>
      </c>
      <c r="AP12" s="261">
        <v>0</v>
      </c>
      <c r="AQ12" s="261">
        <v>0</v>
      </c>
      <c r="AR12" s="261">
        <v>0</v>
      </c>
      <c r="AS12" s="258">
        <v>1</v>
      </c>
      <c r="AT12" s="263">
        <v>1</v>
      </c>
      <c r="AU12" s="257">
        <v>2</v>
      </c>
      <c r="AV12" s="261">
        <v>0</v>
      </c>
      <c r="AW12" s="258">
        <v>2</v>
      </c>
      <c r="AX12" s="260">
        <v>0</v>
      </c>
      <c r="AY12" s="261">
        <v>3</v>
      </c>
      <c r="AZ12" s="261">
        <v>0</v>
      </c>
      <c r="BA12" s="261">
        <v>4</v>
      </c>
      <c r="BB12" s="261">
        <v>0</v>
      </c>
      <c r="BC12" s="261">
        <v>1</v>
      </c>
      <c r="BD12" s="258">
        <v>8</v>
      </c>
      <c r="BE12" s="263">
        <v>10</v>
      </c>
      <c r="BF12" s="257">
        <v>0</v>
      </c>
      <c r="BG12" s="261">
        <v>0</v>
      </c>
      <c r="BH12" s="258">
        <v>0</v>
      </c>
      <c r="BI12" s="260">
        <v>0</v>
      </c>
      <c r="BJ12" s="261">
        <v>0</v>
      </c>
      <c r="BK12" s="261">
        <v>2</v>
      </c>
      <c r="BL12" s="261">
        <v>8</v>
      </c>
      <c r="BM12" s="261">
        <v>2</v>
      </c>
      <c r="BN12" s="261">
        <v>0</v>
      </c>
      <c r="BO12" s="262">
        <v>12</v>
      </c>
      <c r="BP12" s="263">
        <v>12</v>
      </c>
      <c r="BQ12" s="257">
        <v>0</v>
      </c>
      <c r="BR12" s="261">
        <v>0</v>
      </c>
      <c r="BS12" s="258">
        <v>0</v>
      </c>
      <c r="BT12" s="260">
        <v>0</v>
      </c>
      <c r="BU12" s="261">
        <v>0</v>
      </c>
      <c r="BV12" s="261">
        <v>1</v>
      </c>
      <c r="BW12" s="261">
        <v>1</v>
      </c>
      <c r="BX12" s="261">
        <v>1</v>
      </c>
      <c r="BY12" s="261">
        <v>0</v>
      </c>
      <c r="BZ12" s="258">
        <v>3</v>
      </c>
      <c r="CA12" s="263">
        <v>3</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3</v>
      </c>
      <c r="CV12" s="258">
        <v>4</v>
      </c>
      <c r="CW12" s="263">
        <v>4</v>
      </c>
    </row>
    <row r="13" spans="1:101" ht="21" customHeight="1" x14ac:dyDescent="0.2">
      <c r="B13" s="468" t="s">
        <v>10</v>
      </c>
      <c r="C13" s="257">
        <v>0</v>
      </c>
      <c r="D13" s="258">
        <v>0</v>
      </c>
      <c r="E13" s="259">
        <v>0</v>
      </c>
      <c r="F13" s="260">
        <v>0</v>
      </c>
      <c r="G13" s="261">
        <v>1</v>
      </c>
      <c r="H13" s="261">
        <v>2</v>
      </c>
      <c r="I13" s="261">
        <v>1</v>
      </c>
      <c r="J13" s="261">
        <v>1</v>
      </c>
      <c r="K13" s="261">
        <v>0</v>
      </c>
      <c r="L13" s="262">
        <v>5</v>
      </c>
      <c r="M13" s="263">
        <v>5</v>
      </c>
      <c r="N13" s="257">
        <v>0</v>
      </c>
      <c r="O13" s="261">
        <v>0</v>
      </c>
      <c r="P13" s="258">
        <v>0</v>
      </c>
      <c r="Q13" s="260">
        <v>0</v>
      </c>
      <c r="R13" s="261">
        <v>0</v>
      </c>
      <c r="S13" s="261">
        <v>1</v>
      </c>
      <c r="T13" s="261">
        <v>0</v>
      </c>
      <c r="U13" s="261">
        <v>1</v>
      </c>
      <c r="V13" s="261">
        <v>0</v>
      </c>
      <c r="W13" s="258">
        <v>2</v>
      </c>
      <c r="X13" s="263">
        <v>2</v>
      </c>
      <c r="Y13" s="257">
        <v>0</v>
      </c>
      <c r="Z13" s="261">
        <v>0</v>
      </c>
      <c r="AA13" s="258">
        <v>0</v>
      </c>
      <c r="AB13" s="260">
        <v>0</v>
      </c>
      <c r="AC13" s="261">
        <v>36</v>
      </c>
      <c r="AD13" s="261">
        <v>20</v>
      </c>
      <c r="AE13" s="261">
        <v>5</v>
      </c>
      <c r="AF13" s="261">
        <v>4</v>
      </c>
      <c r="AG13" s="261">
        <v>1</v>
      </c>
      <c r="AH13" s="258">
        <v>66</v>
      </c>
      <c r="AI13" s="263">
        <v>66</v>
      </c>
      <c r="AJ13" s="257">
        <v>0</v>
      </c>
      <c r="AK13" s="261">
        <v>0</v>
      </c>
      <c r="AL13" s="258">
        <v>0</v>
      </c>
      <c r="AM13" s="260">
        <v>0</v>
      </c>
      <c r="AN13" s="261">
        <v>1</v>
      </c>
      <c r="AO13" s="261">
        <v>0</v>
      </c>
      <c r="AP13" s="261">
        <v>2</v>
      </c>
      <c r="AQ13" s="261">
        <v>2</v>
      </c>
      <c r="AR13" s="261">
        <v>0</v>
      </c>
      <c r="AS13" s="258">
        <v>5</v>
      </c>
      <c r="AT13" s="263">
        <v>5</v>
      </c>
      <c r="AU13" s="257">
        <v>1</v>
      </c>
      <c r="AV13" s="261">
        <v>1</v>
      </c>
      <c r="AW13" s="258">
        <v>2</v>
      </c>
      <c r="AX13" s="260">
        <v>0</v>
      </c>
      <c r="AY13" s="261">
        <v>4</v>
      </c>
      <c r="AZ13" s="261">
        <v>2</v>
      </c>
      <c r="BA13" s="261">
        <v>3</v>
      </c>
      <c r="BB13" s="261">
        <v>1</v>
      </c>
      <c r="BC13" s="261">
        <v>1</v>
      </c>
      <c r="BD13" s="258">
        <v>11</v>
      </c>
      <c r="BE13" s="263">
        <v>13</v>
      </c>
      <c r="BF13" s="257">
        <v>0</v>
      </c>
      <c r="BG13" s="261">
        <v>0</v>
      </c>
      <c r="BH13" s="258">
        <v>0</v>
      </c>
      <c r="BI13" s="260">
        <v>0</v>
      </c>
      <c r="BJ13" s="261">
        <v>3</v>
      </c>
      <c r="BK13" s="261">
        <v>7</v>
      </c>
      <c r="BL13" s="261">
        <v>5</v>
      </c>
      <c r="BM13" s="261">
        <v>5</v>
      </c>
      <c r="BN13" s="261">
        <v>8</v>
      </c>
      <c r="BO13" s="262">
        <v>28</v>
      </c>
      <c r="BP13" s="263">
        <v>28</v>
      </c>
      <c r="BQ13" s="257">
        <v>0</v>
      </c>
      <c r="BR13" s="261">
        <v>0</v>
      </c>
      <c r="BS13" s="258">
        <v>0</v>
      </c>
      <c r="BT13" s="260">
        <v>0</v>
      </c>
      <c r="BU13" s="261">
        <v>2</v>
      </c>
      <c r="BV13" s="261">
        <v>3</v>
      </c>
      <c r="BW13" s="261">
        <v>5</v>
      </c>
      <c r="BX13" s="261">
        <v>1</v>
      </c>
      <c r="BY13" s="261">
        <v>3</v>
      </c>
      <c r="BZ13" s="258">
        <v>14</v>
      </c>
      <c r="CA13" s="263">
        <v>14</v>
      </c>
      <c r="CB13" s="257">
        <v>0</v>
      </c>
      <c r="CC13" s="261">
        <v>0</v>
      </c>
      <c r="CD13" s="258">
        <v>0</v>
      </c>
      <c r="CE13" s="260">
        <v>0</v>
      </c>
      <c r="CF13" s="261">
        <v>0</v>
      </c>
      <c r="CG13" s="261">
        <v>0</v>
      </c>
      <c r="CH13" s="261">
        <v>0</v>
      </c>
      <c r="CI13" s="261">
        <v>2</v>
      </c>
      <c r="CJ13" s="261">
        <v>0</v>
      </c>
      <c r="CK13" s="258">
        <v>2</v>
      </c>
      <c r="CL13" s="263">
        <v>2</v>
      </c>
      <c r="CM13" s="257">
        <v>0</v>
      </c>
      <c r="CN13" s="261">
        <v>0</v>
      </c>
      <c r="CO13" s="258">
        <v>0</v>
      </c>
      <c r="CP13" s="260">
        <v>0</v>
      </c>
      <c r="CQ13" s="261">
        <v>0</v>
      </c>
      <c r="CR13" s="261">
        <v>1</v>
      </c>
      <c r="CS13" s="261">
        <v>2</v>
      </c>
      <c r="CT13" s="261">
        <v>2</v>
      </c>
      <c r="CU13" s="261">
        <v>0</v>
      </c>
      <c r="CV13" s="258">
        <v>5</v>
      </c>
      <c r="CW13" s="263">
        <v>5</v>
      </c>
    </row>
    <row r="14" spans="1:101" ht="21" customHeight="1" x14ac:dyDescent="0.2">
      <c r="B14" s="468" t="s">
        <v>11</v>
      </c>
      <c r="C14" s="257">
        <v>0</v>
      </c>
      <c r="D14" s="258">
        <v>0</v>
      </c>
      <c r="E14" s="259">
        <v>0</v>
      </c>
      <c r="F14" s="260">
        <v>0</v>
      </c>
      <c r="G14" s="261">
        <v>1</v>
      </c>
      <c r="H14" s="261">
        <v>1</v>
      </c>
      <c r="I14" s="261">
        <v>0</v>
      </c>
      <c r="J14" s="261">
        <v>1</v>
      </c>
      <c r="K14" s="261">
        <v>0</v>
      </c>
      <c r="L14" s="262">
        <v>3</v>
      </c>
      <c r="M14" s="263">
        <v>3</v>
      </c>
      <c r="N14" s="257">
        <v>0</v>
      </c>
      <c r="O14" s="261">
        <v>0</v>
      </c>
      <c r="P14" s="258">
        <v>0</v>
      </c>
      <c r="Q14" s="260">
        <v>0</v>
      </c>
      <c r="R14" s="261">
        <v>1</v>
      </c>
      <c r="S14" s="261">
        <v>0</v>
      </c>
      <c r="T14" s="261">
        <v>0</v>
      </c>
      <c r="U14" s="261">
        <v>1</v>
      </c>
      <c r="V14" s="261">
        <v>0</v>
      </c>
      <c r="W14" s="258">
        <v>2</v>
      </c>
      <c r="X14" s="263">
        <v>2</v>
      </c>
      <c r="Y14" s="257">
        <v>0</v>
      </c>
      <c r="Z14" s="261">
        <v>0</v>
      </c>
      <c r="AA14" s="258">
        <v>0</v>
      </c>
      <c r="AB14" s="260">
        <v>0</v>
      </c>
      <c r="AC14" s="261">
        <v>32</v>
      </c>
      <c r="AD14" s="261">
        <v>4</v>
      </c>
      <c r="AE14" s="261">
        <v>2</v>
      </c>
      <c r="AF14" s="261">
        <v>6</v>
      </c>
      <c r="AG14" s="261">
        <v>1</v>
      </c>
      <c r="AH14" s="258">
        <v>45</v>
      </c>
      <c r="AI14" s="263">
        <v>45</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3</v>
      </c>
      <c r="AZ14" s="261">
        <v>1</v>
      </c>
      <c r="BA14" s="261">
        <v>0</v>
      </c>
      <c r="BB14" s="261">
        <v>2</v>
      </c>
      <c r="BC14" s="261">
        <v>0</v>
      </c>
      <c r="BD14" s="258">
        <v>6</v>
      </c>
      <c r="BE14" s="263">
        <v>7</v>
      </c>
      <c r="BF14" s="257">
        <v>0</v>
      </c>
      <c r="BG14" s="261">
        <v>0</v>
      </c>
      <c r="BH14" s="258">
        <v>0</v>
      </c>
      <c r="BI14" s="260">
        <v>0</v>
      </c>
      <c r="BJ14" s="261">
        <v>1</v>
      </c>
      <c r="BK14" s="261">
        <v>2</v>
      </c>
      <c r="BL14" s="261">
        <v>2</v>
      </c>
      <c r="BM14" s="261">
        <v>1</v>
      </c>
      <c r="BN14" s="261">
        <v>0</v>
      </c>
      <c r="BO14" s="262">
        <v>6</v>
      </c>
      <c r="BP14" s="263">
        <v>6</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68"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19</v>
      </c>
      <c r="AD15" s="261">
        <v>13</v>
      </c>
      <c r="AE15" s="261">
        <v>6</v>
      </c>
      <c r="AF15" s="261">
        <v>3</v>
      </c>
      <c r="AG15" s="261">
        <v>2</v>
      </c>
      <c r="AH15" s="258">
        <v>43</v>
      </c>
      <c r="AI15" s="263">
        <v>43</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2</v>
      </c>
      <c r="AZ15" s="261">
        <v>2</v>
      </c>
      <c r="BA15" s="261">
        <v>2</v>
      </c>
      <c r="BB15" s="261">
        <v>2</v>
      </c>
      <c r="BC15" s="261">
        <v>0</v>
      </c>
      <c r="BD15" s="258">
        <v>8</v>
      </c>
      <c r="BE15" s="263">
        <v>8</v>
      </c>
      <c r="BF15" s="257">
        <v>0</v>
      </c>
      <c r="BG15" s="261">
        <v>0</v>
      </c>
      <c r="BH15" s="258">
        <v>0</v>
      </c>
      <c r="BI15" s="260">
        <v>0</v>
      </c>
      <c r="BJ15" s="261">
        <v>2</v>
      </c>
      <c r="BK15" s="261">
        <v>2</v>
      </c>
      <c r="BL15" s="261">
        <v>0</v>
      </c>
      <c r="BM15" s="261">
        <v>1</v>
      </c>
      <c r="BN15" s="261">
        <v>1</v>
      </c>
      <c r="BO15" s="262">
        <v>6</v>
      </c>
      <c r="BP15" s="263">
        <v>6</v>
      </c>
      <c r="BQ15" s="257">
        <v>0</v>
      </c>
      <c r="BR15" s="261">
        <v>0</v>
      </c>
      <c r="BS15" s="258">
        <v>0</v>
      </c>
      <c r="BT15" s="260">
        <v>0</v>
      </c>
      <c r="BU15" s="261">
        <v>0</v>
      </c>
      <c r="BV15" s="261">
        <v>1</v>
      </c>
      <c r="BW15" s="261">
        <v>0</v>
      </c>
      <c r="BX15" s="261">
        <v>1</v>
      </c>
      <c r="BY15" s="261">
        <v>0</v>
      </c>
      <c r="BZ15" s="258">
        <v>2</v>
      </c>
      <c r="CA15" s="263">
        <v>2</v>
      </c>
      <c r="CB15" s="257">
        <v>0</v>
      </c>
      <c r="CC15" s="261">
        <v>0</v>
      </c>
      <c r="CD15" s="258">
        <v>0</v>
      </c>
      <c r="CE15" s="260">
        <v>0</v>
      </c>
      <c r="CF15" s="261">
        <v>0</v>
      </c>
      <c r="CG15" s="261">
        <v>0</v>
      </c>
      <c r="CH15" s="261">
        <v>0</v>
      </c>
      <c r="CI15" s="261">
        <v>0</v>
      </c>
      <c r="CJ15" s="261">
        <v>0</v>
      </c>
      <c r="CK15" s="258">
        <v>0</v>
      </c>
      <c r="CL15" s="263">
        <v>0</v>
      </c>
      <c r="CM15" s="257">
        <v>0</v>
      </c>
      <c r="CN15" s="261">
        <v>0</v>
      </c>
      <c r="CO15" s="258">
        <v>0</v>
      </c>
      <c r="CP15" s="260">
        <v>0</v>
      </c>
      <c r="CQ15" s="261">
        <v>0</v>
      </c>
      <c r="CR15" s="261">
        <v>2</v>
      </c>
      <c r="CS15" s="261">
        <v>1</v>
      </c>
      <c r="CT15" s="261">
        <v>1</v>
      </c>
      <c r="CU15" s="261">
        <v>0</v>
      </c>
      <c r="CV15" s="258">
        <v>4</v>
      </c>
      <c r="CW15" s="263">
        <v>4</v>
      </c>
    </row>
    <row r="16" spans="1:101" ht="21" customHeight="1" x14ac:dyDescent="0.2">
      <c r="B16" s="468"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0</v>
      </c>
      <c r="AD16" s="261">
        <v>10</v>
      </c>
      <c r="AE16" s="261">
        <v>7</v>
      </c>
      <c r="AF16" s="261">
        <v>2</v>
      </c>
      <c r="AG16" s="261">
        <v>3</v>
      </c>
      <c r="AH16" s="258">
        <v>32</v>
      </c>
      <c r="AI16" s="263">
        <v>32</v>
      </c>
      <c r="AJ16" s="257">
        <v>0</v>
      </c>
      <c r="AK16" s="261">
        <v>0</v>
      </c>
      <c r="AL16" s="258">
        <v>0</v>
      </c>
      <c r="AM16" s="260">
        <v>0</v>
      </c>
      <c r="AN16" s="261">
        <v>1</v>
      </c>
      <c r="AO16" s="261">
        <v>0</v>
      </c>
      <c r="AP16" s="261">
        <v>0</v>
      </c>
      <c r="AQ16" s="261">
        <v>0</v>
      </c>
      <c r="AR16" s="261">
        <v>0</v>
      </c>
      <c r="AS16" s="258">
        <v>1</v>
      </c>
      <c r="AT16" s="263">
        <v>1</v>
      </c>
      <c r="AU16" s="257">
        <v>0</v>
      </c>
      <c r="AV16" s="261">
        <v>0</v>
      </c>
      <c r="AW16" s="258">
        <v>0</v>
      </c>
      <c r="AX16" s="260">
        <v>0</v>
      </c>
      <c r="AY16" s="261">
        <v>0</v>
      </c>
      <c r="AZ16" s="261">
        <v>0</v>
      </c>
      <c r="BA16" s="261">
        <v>1</v>
      </c>
      <c r="BB16" s="261">
        <v>0</v>
      </c>
      <c r="BC16" s="261">
        <v>0</v>
      </c>
      <c r="BD16" s="258">
        <v>1</v>
      </c>
      <c r="BE16" s="263">
        <v>1</v>
      </c>
      <c r="BF16" s="257">
        <v>0</v>
      </c>
      <c r="BG16" s="261">
        <v>0</v>
      </c>
      <c r="BH16" s="258">
        <v>0</v>
      </c>
      <c r="BI16" s="260">
        <v>0</v>
      </c>
      <c r="BJ16" s="261">
        <v>1</v>
      </c>
      <c r="BK16" s="261">
        <v>0</v>
      </c>
      <c r="BL16" s="261">
        <v>0</v>
      </c>
      <c r="BM16" s="261">
        <v>0</v>
      </c>
      <c r="BN16" s="261">
        <v>0</v>
      </c>
      <c r="BO16" s="262">
        <v>1</v>
      </c>
      <c r="BP16" s="263">
        <v>1</v>
      </c>
      <c r="BQ16" s="257">
        <v>0</v>
      </c>
      <c r="BR16" s="261">
        <v>0</v>
      </c>
      <c r="BS16" s="258">
        <v>0</v>
      </c>
      <c r="BT16" s="260">
        <v>0</v>
      </c>
      <c r="BU16" s="261">
        <v>0</v>
      </c>
      <c r="BV16" s="261">
        <v>0</v>
      </c>
      <c r="BW16" s="261">
        <v>0</v>
      </c>
      <c r="BX16" s="261">
        <v>1</v>
      </c>
      <c r="BY16" s="261">
        <v>0</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68"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6</v>
      </c>
      <c r="AD17" s="261">
        <v>6</v>
      </c>
      <c r="AE17" s="261">
        <v>2</v>
      </c>
      <c r="AF17" s="261">
        <v>1</v>
      </c>
      <c r="AG17" s="261">
        <v>1</v>
      </c>
      <c r="AH17" s="258">
        <v>16</v>
      </c>
      <c r="AI17" s="263">
        <v>16</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0</v>
      </c>
      <c r="BL17" s="261">
        <v>0</v>
      </c>
      <c r="BM17" s="261">
        <v>1</v>
      </c>
      <c r="BN17" s="261">
        <v>0</v>
      </c>
      <c r="BO17" s="262">
        <v>1</v>
      </c>
      <c r="BP17" s="263">
        <v>1</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1</v>
      </c>
      <c r="CK17" s="258">
        <v>2</v>
      </c>
      <c r="CL17" s="263">
        <v>2</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68" t="s">
        <v>16</v>
      </c>
      <c r="C18" s="257">
        <v>0</v>
      </c>
      <c r="D18" s="258">
        <v>0</v>
      </c>
      <c r="E18" s="259">
        <v>0</v>
      </c>
      <c r="F18" s="260">
        <v>0</v>
      </c>
      <c r="G18" s="261">
        <v>0</v>
      </c>
      <c r="H18" s="261">
        <v>0</v>
      </c>
      <c r="I18" s="261">
        <v>0</v>
      </c>
      <c r="J18" s="261">
        <v>1</v>
      </c>
      <c r="K18" s="261">
        <v>1</v>
      </c>
      <c r="L18" s="262">
        <v>2</v>
      </c>
      <c r="M18" s="263">
        <v>2</v>
      </c>
      <c r="N18" s="257">
        <v>0</v>
      </c>
      <c r="O18" s="261">
        <v>0</v>
      </c>
      <c r="P18" s="258">
        <v>0</v>
      </c>
      <c r="Q18" s="260">
        <v>0</v>
      </c>
      <c r="R18" s="261">
        <v>0</v>
      </c>
      <c r="S18" s="261">
        <v>0</v>
      </c>
      <c r="T18" s="261">
        <v>0</v>
      </c>
      <c r="U18" s="261">
        <v>1</v>
      </c>
      <c r="V18" s="261">
        <v>0</v>
      </c>
      <c r="W18" s="258">
        <v>1</v>
      </c>
      <c r="X18" s="263">
        <v>1</v>
      </c>
      <c r="Y18" s="257">
        <v>0</v>
      </c>
      <c r="Z18" s="261">
        <v>0</v>
      </c>
      <c r="AA18" s="258">
        <v>0</v>
      </c>
      <c r="AB18" s="260">
        <v>0</v>
      </c>
      <c r="AC18" s="261">
        <v>6</v>
      </c>
      <c r="AD18" s="261">
        <v>5</v>
      </c>
      <c r="AE18" s="261">
        <v>5</v>
      </c>
      <c r="AF18" s="261">
        <v>0</v>
      </c>
      <c r="AG18" s="261">
        <v>1</v>
      </c>
      <c r="AH18" s="258">
        <v>17</v>
      </c>
      <c r="AI18" s="263">
        <v>17</v>
      </c>
      <c r="AJ18" s="257">
        <v>0</v>
      </c>
      <c r="AK18" s="261">
        <v>0</v>
      </c>
      <c r="AL18" s="258">
        <v>0</v>
      </c>
      <c r="AM18" s="260">
        <v>0</v>
      </c>
      <c r="AN18" s="261">
        <v>0</v>
      </c>
      <c r="AO18" s="261">
        <v>1</v>
      </c>
      <c r="AP18" s="261">
        <v>1</v>
      </c>
      <c r="AQ18" s="261">
        <v>0</v>
      </c>
      <c r="AR18" s="261">
        <v>0</v>
      </c>
      <c r="AS18" s="258">
        <v>2</v>
      </c>
      <c r="AT18" s="263">
        <v>2</v>
      </c>
      <c r="AU18" s="257">
        <v>0</v>
      </c>
      <c r="AV18" s="261">
        <v>1</v>
      </c>
      <c r="AW18" s="258">
        <v>1</v>
      </c>
      <c r="AX18" s="260">
        <v>0</v>
      </c>
      <c r="AY18" s="261">
        <v>0</v>
      </c>
      <c r="AZ18" s="261">
        <v>1</v>
      </c>
      <c r="BA18" s="261">
        <v>0</v>
      </c>
      <c r="BB18" s="261">
        <v>0</v>
      </c>
      <c r="BC18" s="261">
        <v>1</v>
      </c>
      <c r="BD18" s="258">
        <v>2</v>
      </c>
      <c r="BE18" s="263">
        <v>3</v>
      </c>
      <c r="BF18" s="257">
        <v>0</v>
      </c>
      <c r="BG18" s="261">
        <v>0</v>
      </c>
      <c r="BH18" s="258">
        <v>0</v>
      </c>
      <c r="BI18" s="260">
        <v>0</v>
      </c>
      <c r="BJ18" s="261">
        <v>1</v>
      </c>
      <c r="BK18" s="261">
        <v>2</v>
      </c>
      <c r="BL18" s="261">
        <v>2</v>
      </c>
      <c r="BM18" s="261">
        <v>1</v>
      </c>
      <c r="BN18" s="261">
        <v>1</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68" t="s">
        <v>17</v>
      </c>
      <c r="C19" s="257">
        <v>0</v>
      </c>
      <c r="D19" s="258">
        <v>0</v>
      </c>
      <c r="E19" s="259">
        <v>0</v>
      </c>
      <c r="F19" s="260">
        <v>0</v>
      </c>
      <c r="G19" s="261">
        <v>1</v>
      </c>
      <c r="H19" s="261">
        <v>0</v>
      </c>
      <c r="I19" s="261">
        <v>0</v>
      </c>
      <c r="J19" s="261">
        <v>0</v>
      </c>
      <c r="K19" s="261">
        <v>0</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1</v>
      </c>
      <c r="AD19" s="261">
        <v>19</v>
      </c>
      <c r="AE19" s="261">
        <v>10</v>
      </c>
      <c r="AF19" s="261">
        <v>3</v>
      </c>
      <c r="AG19" s="261">
        <v>2</v>
      </c>
      <c r="AH19" s="258">
        <v>55</v>
      </c>
      <c r="AI19" s="263">
        <v>55</v>
      </c>
      <c r="AJ19" s="257">
        <v>0</v>
      </c>
      <c r="AK19" s="261">
        <v>0</v>
      </c>
      <c r="AL19" s="258">
        <v>0</v>
      </c>
      <c r="AM19" s="260">
        <v>0</v>
      </c>
      <c r="AN19" s="261">
        <v>0</v>
      </c>
      <c r="AO19" s="261">
        <v>0</v>
      </c>
      <c r="AP19" s="261">
        <v>0</v>
      </c>
      <c r="AQ19" s="261">
        <v>0</v>
      </c>
      <c r="AR19" s="261">
        <v>0</v>
      </c>
      <c r="AS19" s="258">
        <v>0</v>
      </c>
      <c r="AT19" s="263">
        <v>0</v>
      </c>
      <c r="AU19" s="257">
        <v>0</v>
      </c>
      <c r="AV19" s="261">
        <v>0</v>
      </c>
      <c r="AW19" s="258">
        <v>0</v>
      </c>
      <c r="AX19" s="260">
        <v>0</v>
      </c>
      <c r="AY19" s="261">
        <v>0</v>
      </c>
      <c r="AZ19" s="261">
        <v>1</v>
      </c>
      <c r="BA19" s="261">
        <v>1</v>
      </c>
      <c r="BB19" s="261">
        <v>1</v>
      </c>
      <c r="BC19" s="261">
        <v>1</v>
      </c>
      <c r="BD19" s="258">
        <v>4</v>
      </c>
      <c r="BE19" s="263">
        <v>4</v>
      </c>
      <c r="BF19" s="257">
        <v>0</v>
      </c>
      <c r="BG19" s="261">
        <v>0</v>
      </c>
      <c r="BH19" s="258">
        <v>0</v>
      </c>
      <c r="BI19" s="260">
        <v>0</v>
      </c>
      <c r="BJ19" s="261">
        <v>1</v>
      </c>
      <c r="BK19" s="261">
        <v>5</v>
      </c>
      <c r="BL19" s="261">
        <v>2</v>
      </c>
      <c r="BM19" s="261">
        <v>3</v>
      </c>
      <c r="BN19" s="261">
        <v>3</v>
      </c>
      <c r="BO19" s="262">
        <v>14</v>
      </c>
      <c r="BP19" s="263">
        <v>14</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3</v>
      </c>
      <c r="CJ19" s="261">
        <v>2</v>
      </c>
      <c r="CK19" s="258">
        <v>6</v>
      </c>
      <c r="CL19" s="263">
        <v>6</v>
      </c>
      <c r="CM19" s="257">
        <v>0</v>
      </c>
      <c r="CN19" s="261">
        <v>0</v>
      </c>
      <c r="CO19" s="258">
        <v>0</v>
      </c>
      <c r="CP19" s="260">
        <v>0</v>
      </c>
      <c r="CQ19" s="261">
        <v>0</v>
      </c>
      <c r="CR19" s="261">
        <v>0</v>
      </c>
      <c r="CS19" s="261">
        <v>0</v>
      </c>
      <c r="CT19" s="261">
        <v>0</v>
      </c>
      <c r="CU19" s="261">
        <v>1</v>
      </c>
      <c r="CV19" s="258">
        <v>1</v>
      </c>
      <c r="CW19" s="263">
        <v>1</v>
      </c>
    </row>
    <row r="20" spans="2:101" ht="21" customHeight="1" x14ac:dyDescent="0.2">
      <c r="B20" s="468"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19</v>
      </c>
      <c r="AD20" s="261">
        <v>10</v>
      </c>
      <c r="AE20" s="261">
        <v>10</v>
      </c>
      <c r="AF20" s="261">
        <v>3</v>
      </c>
      <c r="AG20" s="261">
        <v>0</v>
      </c>
      <c r="AH20" s="258">
        <v>42</v>
      </c>
      <c r="AI20" s="263">
        <v>42</v>
      </c>
      <c r="AJ20" s="257">
        <v>0</v>
      </c>
      <c r="AK20" s="261">
        <v>0</v>
      </c>
      <c r="AL20" s="258">
        <v>0</v>
      </c>
      <c r="AM20" s="260">
        <v>0</v>
      </c>
      <c r="AN20" s="261">
        <v>2</v>
      </c>
      <c r="AO20" s="261">
        <v>0</v>
      </c>
      <c r="AP20" s="261">
        <v>2</v>
      </c>
      <c r="AQ20" s="261">
        <v>1</v>
      </c>
      <c r="AR20" s="261">
        <v>0</v>
      </c>
      <c r="AS20" s="258">
        <v>5</v>
      </c>
      <c r="AT20" s="263">
        <v>5</v>
      </c>
      <c r="AU20" s="257">
        <v>0</v>
      </c>
      <c r="AV20" s="261">
        <v>1</v>
      </c>
      <c r="AW20" s="258">
        <v>1</v>
      </c>
      <c r="AX20" s="260">
        <v>0</v>
      </c>
      <c r="AY20" s="261">
        <v>1</v>
      </c>
      <c r="AZ20" s="261">
        <v>0</v>
      </c>
      <c r="BA20" s="261">
        <v>2</v>
      </c>
      <c r="BB20" s="261">
        <v>1</v>
      </c>
      <c r="BC20" s="261">
        <v>0</v>
      </c>
      <c r="BD20" s="258">
        <v>4</v>
      </c>
      <c r="BE20" s="263">
        <v>5</v>
      </c>
      <c r="BF20" s="257">
        <v>0</v>
      </c>
      <c r="BG20" s="261">
        <v>0</v>
      </c>
      <c r="BH20" s="258">
        <v>0</v>
      </c>
      <c r="BI20" s="260">
        <v>0</v>
      </c>
      <c r="BJ20" s="261">
        <v>2</v>
      </c>
      <c r="BK20" s="261">
        <v>4</v>
      </c>
      <c r="BL20" s="261">
        <v>5</v>
      </c>
      <c r="BM20" s="261">
        <v>1</v>
      </c>
      <c r="BN20" s="261">
        <v>1</v>
      </c>
      <c r="BO20" s="262">
        <v>13</v>
      </c>
      <c r="BP20" s="263">
        <v>13</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0</v>
      </c>
      <c r="CR20" s="261">
        <v>0</v>
      </c>
      <c r="CS20" s="261">
        <v>1</v>
      </c>
      <c r="CT20" s="261">
        <v>1</v>
      </c>
      <c r="CU20" s="261">
        <v>3</v>
      </c>
      <c r="CV20" s="258">
        <v>5</v>
      </c>
      <c r="CW20" s="263">
        <v>5</v>
      </c>
    </row>
    <row r="21" spans="2:101" ht="21" customHeight="1" x14ac:dyDescent="0.2">
      <c r="B21" s="468" t="s">
        <v>19</v>
      </c>
      <c r="C21" s="257">
        <v>0</v>
      </c>
      <c r="D21" s="258">
        <v>0</v>
      </c>
      <c r="E21" s="259">
        <v>0</v>
      </c>
      <c r="F21" s="260">
        <v>0</v>
      </c>
      <c r="G21" s="261">
        <v>0</v>
      </c>
      <c r="H21" s="261">
        <v>2</v>
      </c>
      <c r="I21" s="261">
        <v>0</v>
      </c>
      <c r="J21" s="261">
        <v>1</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7</v>
      </c>
      <c r="AD21" s="261">
        <v>6</v>
      </c>
      <c r="AE21" s="261">
        <v>1</v>
      </c>
      <c r="AF21" s="261">
        <v>1</v>
      </c>
      <c r="AG21" s="261">
        <v>0</v>
      </c>
      <c r="AH21" s="258">
        <v>15</v>
      </c>
      <c r="AI21" s="263">
        <v>15</v>
      </c>
      <c r="AJ21" s="257">
        <v>0</v>
      </c>
      <c r="AK21" s="261">
        <v>0</v>
      </c>
      <c r="AL21" s="258">
        <v>0</v>
      </c>
      <c r="AM21" s="260">
        <v>0</v>
      </c>
      <c r="AN21" s="261">
        <v>2</v>
      </c>
      <c r="AO21" s="261">
        <v>2</v>
      </c>
      <c r="AP21" s="261">
        <v>0</v>
      </c>
      <c r="AQ21" s="261">
        <v>0</v>
      </c>
      <c r="AR21" s="261">
        <v>0</v>
      </c>
      <c r="AS21" s="258">
        <v>4</v>
      </c>
      <c r="AT21" s="263">
        <v>4</v>
      </c>
      <c r="AU21" s="257">
        <v>0</v>
      </c>
      <c r="AV21" s="261">
        <v>0</v>
      </c>
      <c r="AW21" s="258">
        <v>0</v>
      </c>
      <c r="AX21" s="260">
        <v>0</v>
      </c>
      <c r="AY21" s="261">
        <v>1</v>
      </c>
      <c r="AZ21" s="261">
        <v>0</v>
      </c>
      <c r="BA21" s="261">
        <v>2</v>
      </c>
      <c r="BB21" s="261">
        <v>0</v>
      </c>
      <c r="BC21" s="261">
        <v>0</v>
      </c>
      <c r="BD21" s="258">
        <v>3</v>
      </c>
      <c r="BE21" s="263">
        <v>3</v>
      </c>
      <c r="BF21" s="257">
        <v>0</v>
      </c>
      <c r="BG21" s="261">
        <v>0</v>
      </c>
      <c r="BH21" s="258">
        <v>0</v>
      </c>
      <c r="BI21" s="260">
        <v>0</v>
      </c>
      <c r="BJ21" s="261">
        <v>0</v>
      </c>
      <c r="BK21" s="261">
        <v>0</v>
      </c>
      <c r="BL21" s="261">
        <v>0</v>
      </c>
      <c r="BM21" s="261">
        <v>0</v>
      </c>
      <c r="BN21" s="261">
        <v>1</v>
      </c>
      <c r="BO21" s="262">
        <v>1</v>
      </c>
      <c r="BP21" s="263">
        <v>1</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0</v>
      </c>
      <c r="CU21" s="261">
        <v>1</v>
      </c>
      <c r="CV21" s="258">
        <v>1</v>
      </c>
      <c r="CW21" s="263">
        <v>1</v>
      </c>
    </row>
    <row r="22" spans="2:101" ht="21" customHeight="1" x14ac:dyDescent="0.2">
      <c r="B22" s="468"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8</v>
      </c>
      <c r="AD22" s="261">
        <v>9</v>
      </c>
      <c r="AE22" s="261">
        <v>2</v>
      </c>
      <c r="AF22" s="261">
        <v>0</v>
      </c>
      <c r="AG22" s="261">
        <v>0</v>
      </c>
      <c r="AH22" s="258">
        <v>19</v>
      </c>
      <c r="AI22" s="263">
        <v>19</v>
      </c>
      <c r="AJ22" s="257">
        <v>0</v>
      </c>
      <c r="AK22" s="261">
        <v>0</v>
      </c>
      <c r="AL22" s="258">
        <v>0</v>
      </c>
      <c r="AM22" s="260">
        <v>0</v>
      </c>
      <c r="AN22" s="261">
        <v>0</v>
      </c>
      <c r="AO22" s="261">
        <v>0</v>
      </c>
      <c r="AP22" s="261">
        <v>0</v>
      </c>
      <c r="AQ22" s="261">
        <v>0</v>
      </c>
      <c r="AR22" s="261">
        <v>0</v>
      </c>
      <c r="AS22" s="258">
        <v>0</v>
      </c>
      <c r="AT22" s="263">
        <v>0</v>
      </c>
      <c r="AU22" s="257">
        <v>0</v>
      </c>
      <c r="AV22" s="261">
        <v>1</v>
      </c>
      <c r="AW22" s="258">
        <v>1</v>
      </c>
      <c r="AX22" s="260">
        <v>0</v>
      </c>
      <c r="AY22" s="261">
        <v>1</v>
      </c>
      <c r="AZ22" s="261">
        <v>0</v>
      </c>
      <c r="BA22" s="261">
        <v>1</v>
      </c>
      <c r="BB22" s="261">
        <v>0</v>
      </c>
      <c r="BC22" s="261">
        <v>0</v>
      </c>
      <c r="BD22" s="258">
        <v>2</v>
      </c>
      <c r="BE22" s="263">
        <v>3</v>
      </c>
      <c r="BF22" s="257">
        <v>0</v>
      </c>
      <c r="BG22" s="261">
        <v>0</v>
      </c>
      <c r="BH22" s="258">
        <v>0</v>
      </c>
      <c r="BI22" s="260">
        <v>0</v>
      </c>
      <c r="BJ22" s="261">
        <v>1</v>
      </c>
      <c r="BK22" s="261">
        <v>2</v>
      </c>
      <c r="BL22" s="261">
        <v>3</v>
      </c>
      <c r="BM22" s="261">
        <v>0</v>
      </c>
      <c r="BN22" s="261">
        <v>1</v>
      </c>
      <c r="BO22" s="262">
        <v>7</v>
      </c>
      <c r="BP22" s="263">
        <v>7</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68" t="s">
        <v>21</v>
      </c>
      <c r="C23" s="257">
        <v>0</v>
      </c>
      <c r="D23" s="258">
        <v>0</v>
      </c>
      <c r="E23" s="259">
        <v>0</v>
      </c>
      <c r="F23" s="260">
        <v>0</v>
      </c>
      <c r="G23" s="261">
        <v>1</v>
      </c>
      <c r="H23" s="261">
        <v>0</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2</v>
      </c>
      <c r="AD23" s="261">
        <v>3</v>
      </c>
      <c r="AE23" s="261">
        <v>2</v>
      </c>
      <c r="AF23" s="261">
        <v>2</v>
      </c>
      <c r="AG23" s="261">
        <v>0</v>
      </c>
      <c r="AH23" s="258">
        <v>19</v>
      </c>
      <c r="AI23" s="263">
        <v>19</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1</v>
      </c>
      <c r="BB23" s="261">
        <v>0</v>
      </c>
      <c r="BC23" s="261">
        <v>0</v>
      </c>
      <c r="BD23" s="258">
        <v>2</v>
      </c>
      <c r="BE23" s="263">
        <v>2</v>
      </c>
      <c r="BF23" s="257">
        <v>0</v>
      </c>
      <c r="BG23" s="261">
        <v>0</v>
      </c>
      <c r="BH23" s="258">
        <v>0</v>
      </c>
      <c r="BI23" s="260">
        <v>0</v>
      </c>
      <c r="BJ23" s="261">
        <v>0</v>
      </c>
      <c r="BK23" s="261">
        <v>2</v>
      </c>
      <c r="BL23" s="261">
        <v>1</v>
      </c>
      <c r="BM23" s="261">
        <v>2</v>
      </c>
      <c r="BN23" s="261">
        <v>0</v>
      </c>
      <c r="BO23" s="262">
        <v>5</v>
      </c>
      <c r="BP23" s="263">
        <v>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68" t="s">
        <v>22</v>
      </c>
      <c r="C24" s="257">
        <v>0</v>
      </c>
      <c r="D24" s="258">
        <v>0</v>
      </c>
      <c r="E24" s="259">
        <v>0</v>
      </c>
      <c r="F24" s="260">
        <v>0</v>
      </c>
      <c r="G24" s="261">
        <v>0</v>
      </c>
      <c r="H24" s="261">
        <v>0</v>
      </c>
      <c r="I24" s="261">
        <v>1</v>
      </c>
      <c r="J24" s="261">
        <v>0</v>
      </c>
      <c r="K24" s="261">
        <v>0</v>
      </c>
      <c r="L24" s="262">
        <v>1</v>
      </c>
      <c r="M24" s="263">
        <v>1</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6</v>
      </c>
      <c r="AD24" s="261">
        <v>3</v>
      </c>
      <c r="AE24" s="261">
        <v>1</v>
      </c>
      <c r="AF24" s="261">
        <v>0</v>
      </c>
      <c r="AG24" s="261">
        <v>0</v>
      </c>
      <c r="AH24" s="258">
        <v>10</v>
      </c>
      <c r="AI24" s="263">
        <v>10</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3</v>
      </c>
      <c r="BA24" s="261">
        <v>1</v>
      </c>
      <c r="BB24" s="261">
        <v>0</v>
      </c>
      <c r="BC24" s="261">
        <v>0</v>
      </c>
      <c r="BD24" s="258">
        <v>4</v>
      </c>
      <c r="BE24" s="263">
        <v>4</v>
      </c>
      <c r="BF24" s="257">
        <v>0</v>
      </c>
      <c r="BG24" s="261">
        <v>0</v>
      </c>
      <c r="BH24" s="258">
        <v>0</v>
      </c>
      <c r="BI24" s="260">
        <v>0</v>
      </c>
      <c r="BJ24" s="261">
        <v>0</v>
      </c>
      <c r="BK24" s="261">
        <v>0</v>
      </c>
      <c r="BL24" s="261">
        <v>0</v>
      </c>
      <c r="BM24" s="261">
        <v>0</v>
      </c>
      <c r="BN24" s="261">
        <v>0</v>
      </c>
      <c r="BO24" s="262">
        <v>0</v>
      </c>
      <c r="BP24" s="263">
        <v>0</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68" t="s">
        <v>23</v>
      </c>
      <c r="C25" s="257">
        <v>0</v>
      </c>
      <c r="D25" s="258">
        <v>0</v>
      </c>
      <c r="E25" s="259">
        <v>0</v>
      </c>
      <c r="F25" s="260">
        <v>0</v>
      </c>
      <c r="G25" s="261">
        <v>0</v>
      </c>
      <c r="H25" s="261">
        <v>0</v>
      </c>
      <c r="I25" s="261">
        <v>0</v>
      </c>
      <c r="J25" s="261">
        <v>0</v>
      </c>
      <c r="K25" s="261">
        <v>1</v>
      </c>
      <c r="L25" s="262">
        <v>1</v>
      </c>
      <c r="M25" s="263">
        <v>1</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1</v>
      </c>
      <c r="AD25" s="261">
        <v>1</v>
      </c>
      <c r="AE25" s="261">
        <v>1</v>
      </c>
      <c r="AF25" s="261">
        <v>0</v>
      </c>
      <c r="AG25" s="261">
        <v>0</v>
      </c>
      <c r="AH25" s="258">
        <v>3</v>
      </c>
      <c r="AI25" s="263">
        <v>3</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2</v>
      </c>
      <c r="BL25" s="261">
        <v>3</v>
      </c>
      <c r="BM25" s="261">
        <v>0</v>
      </c>
      <c r="BN25" s="261">
        <v>0</v>
      </c>
      <c r="BO25" s="262">
        <v>6</v>
      </c>
      <c r="BP25" s="263">
        <v>6</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68" t="s">
        <v>24</v>
      </c>
      <c r="C26" s="257">
        <v>0</v>
      </c>
      <c r="D26" s="258">
        <v>0</v>
      </c>
      <c r="E26" s="259">
        <v>0</v>
      </c>
      <c r="F26" s="260">
        <v>0</v>
      </c>
      <c r="G26" s="261">
        <v>0</v>
      </c>
      <c r="H26" s="261">
        <v>0</v>
      </c>
      <c r="I26" s="261">
        <v>0</v>
      </c>
      <c r="J26" s="261">
        <v>2</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0</v>
      </c>
      <c r="AD26" s="261">
        <v>0</v>
      </c>
      <c r="AE26" s="261">
        <v>0</v>
      </c>
      <c r="AF26" s="261">
        <v>1</v>
      </c>
      <c r="AG26" s="261">
        <v>0</v>
      </c>
      <c r="AH26" s="258">
        <v>1</v>
      </c>
      <c r="AI26" s="263">
        <v>1</v>
      </c>
      <c r="AJ26" s="257">
        <v>0</v>
      </c>
      <c r="AK26" s="261">
        <v>0</v>
      </c>
      <c r="AL26" s="258">
        <v>0</v>
      </c>
      <c r="AM26" s="260">
        <v>0</v>
      </c>
      <c r="AN26" s="261">
        <v>0</v>
      </c>
      <c r="AO26" s="261">
        <v>1</v>
      </c>
      <c r="AP26" s="261">
        <v>1</v>
      </c>
      <c r="AQ26" s="261">
        <v>0</v>
      </c>
      <c r="AR26" s="261">
        <v>1</v>
      </c>
      <c r="AS26" s="258">
        <v>3</v>
      </c>
      <c r="AT26" s="263">
        <v>3</v>
      </c>
      <c r="AU26" s="257">
        <v>0</v>
      </c>
      <c r="AV26" s="261">
        <v>0</v>
      </c>
      <c r="AW26" s="258">
        <v>0</v>
      </c>
      <c r="AX26" s="260">
        <v>0</v>
      </c>
      <c r="AY26" s="261">
        <v>3</v>
      </c>
      <c r="AZ26" s="261">
        <v>0</v>
      </c>
      <c r="BA26" s="261">
        <v>1</v>
      </c>
      <c r="BB26" s="261">
        <v>1</v>
      </c>
      <c r="BC26" s="261">
        <v>0</v>
      </c>
      <c r="BD26" s="258">
        <v>5</v>
      </c>
      <c r="BE26" s="263">
        <v>5</v>
      </c>
      <c r="BF26" s="257">
        <v>0</v>
      </c>
      <c r="BG26" s="261">
        <v>0</v>
      </c>
      <c r="BH26" s="258">
        <v>0</v>
      </c>
      <c r="BI26" s="260">
        <v>0</v>
      </c>
      <c r="BJ26" s="261">
        <v>0</v>
      </c>
      <c r="BK26" s="261">
        <v>0</v>
      </c>
      <c r="BL26" s="261">
        <v>0</v>
      </c>
      <c r="BM26" s="261">
        <v>0</v>
      </c>
      <c r="BN26" s="261">
        <v>1</v>
      </c>
      <c r="BO26" s="262">
        <v>1</v>
      </c>
      <c r="BP26" s="263">
        <v>1</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68"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5</v>
      </c>
      <c r="AD27" s="261">
        <v>2</v>
      </c>
      <c r="AE27" s="261">
        <v>0</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68"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2</v>
      </c>
      <c r="AD28" s="261">
        <v>2</v>
      </c>
      <c r="AE28" s="261">
        <v>2</v>
      </c>
      <c r="AF28" s="261">
        <v>0</v>
      </c>
      <c r="AG28" s="261">
        <v>1</v>
      </c>
      <c r="AH28" s="258">
        <v>7</v>
      </c>
      <c r="AI28" s="263">
        <v>7</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1</v>
      </c>
      <c r="AZ28" s="261">
        <v>0</v>
      </c>
      <c r="BA28" s="261">
        <v>0</v>
      </c>
      <c r="BB28" s="261">
        <v>0</v>
      </c>
      <c r="BC28" s="261">
        <v>0</v>
      </c>
      <c r="BD28" s="258">
        <v>1</v>
      </c>
      <c r="BE28" s="263">
        <v>1</v>
      </c>
      <c r="BF28" s="257">
        <v>0</v>
      </c>
      <c r="BG28" s="261">
        <v>0</v>
      </c>
      <c r="BH28" s="258">
        <v>0</v>
      </c>
      <c r="BI28" s="260">
        <v>0</v>
      </c>
      <c r="BJ28" s="261">
        <v>0</v>
      </c>
      <c r="BK28" s="261">
        <v>1</v>
      </c>
      <c r="BL28" s="261">
        <v>2</v>
      </c>
      <c r="BM28" s="261">
        <v>1</v>
      </c>
      <c r="BN28" s="261">
        <v>0</v>
      </c>
      <c r="BO28" s="262">
        <v>4</v>
      </c>
      <c r="BP28" s="263">
        <v>4</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68"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v>
      </c>
      <c r="AD29" s="261">
        <v>3</v>
      </c>
      <c r="AE29" s="261">
        <v>0</v>
      </c>
      <c r="AF29" s="261">
        <v>0</v>
      </c>
      <c r="AG29" s="261">
        <v>0</v>
      </c>
      <c r="AH29" s="258">
        <v>6</v>
      </c>
      <c r="AI29" s="263">
        <v>6</v>
      </c>
      <c r="AJ29" s="257">
        <v>0</v>
      </c>
      <c r="AK29" s="261">
        <v>0</v>
      </c>
      <c r="AL29" s="258">
        <v>0</v>
      </c>
      <c r="AM29" s="260">
        <v>0</v>
      </c>
      <c r="AN29" s="261">
        <v>0</v>
      </c>
      <c r="AO29" s="261">
        <v>1</v>
      </c>
      <c r="AP29" s="261">
        <v>1</v>
      </c>
      <c r="AQ29" s="261">
        <v>0</v>
      </c>
      <c r="AR29" s="261">
        <v>0</v>
      </c>
      <c r="AS29" s="258">
        <v>2</v>
      </c>
      <c r="AT29" s="263">
        <v>2</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68"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5</v>
      </c>
      <c r="AD30" s="261">
        <v>0</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2</v>
      </c>
      <c r="BL30" s="261">
        <v>0</v>
      </c>
      <c r="BM30" s="261">
        <v>0</v>
      </c>
      <c r="BN30" s="261">
        <v>0</v>
      </c>
      <c r="BO30" s="262">
        <v>2</v>
      </c>
      <c r="BP30" s="263">
        <v>2</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68"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0</v>
      </c>
      <c r="AE31" s="261">
        <v>0</v>
      </c>
      <c r="AF31" s="261">
        <v>1</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1</v>
      </c>
      <c r="BA31" s="261">
        <v>0</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68"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0</v>
      </c>
      <c r="AF32" s="261">
        <v>0</v>
      </c>
      <c r="AG32" s="261">
        <v>0</v>
      </c>
      <c r="AH32" s="258">
        <v>1</v>
      </c>
      <c r="AI32" s="263">
        <v>1</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68"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v>
      </c>
      <c r="AD33" s="261">
        <v>2</v>
      </c>
      <c r="AE33" s="261">
        <v>1</v>
      </c>
      <c r="AF33" s="261">
        <v>0</v>
      </c>
      <c r="AG33" s="261">
        <v>0</v>
      </c>
      <c r="AH33" s="258">
        <v>6</v>
      </c>
      <c r="AI33" s="263">
        <v>6</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0</v>
      </c>
      <c r="BM33" s="261">
        <v>0</v>
      </c>
      <c r="BN33" s="261">
        <v>0</v>
      </c>
      <c r="BO33" s="262">
        <v>0</v>
      </c>
      <c r="BP33" s="263">
        <v>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68" t="s">
        <v>32</v>
      </c>
      <c r="C34" s="257">
        <v>0</v>
      </c>
      <c r="D34" s="258">
        <v>0</v>
      </c>
      <c r="E34" s="259">
        <v>0</v>
      </c>
      <c r="F34" s="260">
        <v>0</v>
      </c>
      <c r="G34" s="261">
        <v>1</v>
      </c>
      <c r="H34" s="261">
        <v>1</v>
      </c>
      <c r="I34" s="261">
        <v>0</v>
      </c>
      <c r="J34" s="261">
        <v>0</v>
      </c>
      <c r="K34" s="261">
        <v>0</v>
      </c>
      <c r="L34" s="262">
        <v>2</v>
      </c>
      <c r="M34" s="263">
        <v>2</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2</v>
      </c>
      <c r="AD34" s="261">
        <v>0</v>
      </c>
      <c r="AE34" s="261">
        <v>0</v>
      </c>
      <c r="AF34" s="261">
        <v>0</v>
      </c>
      <c r="AG34" s="261">
        <v>0</v>
      </c>
      <c r="AH34" s="258">
        <v>2</v>
      </c>
      <c r="AI34" s="263">
        <v>2</v>
      </c>
      <c r="AJ34" s="257">
        <v>0</v>
      </c>
      <c r="AK34" s="261">
        <v>0</v>
      </c>
      <c r="AL34" s="258">
        <v>0</v>
      </c>
      <c r="AM34" s="260">
        <v>0</v>
      </c>
      <c r="AN34" s="261">
        <v>2</v>
      </c>
      <c r="AO34" s="261">
        <v>0</v>
      </c>
      <c r="AP34" s="261">
        <v>0</v>
      </c>
      <c r="AQ34" s="261">
        <v>0</v>
      </c>
      <c r="AR34" s="261">
        <v>0</v>
      </c>
      <c r="AS34" s="258">
        <v>2</v>
      </c>
      <c r="AT34" s="263">
        <v>2</v>
      </c>
      <c r="AU34" s="257">
        <v>0</v>
      </c>
      <c r="AV34" s="261">
        <v>0</v>
      </c>
      <c r="AW34" s="258">
        <v>0</v>
      </c>
      <c r="AX34" s="260">
        <v>0</v>
      </c>
      <c r="AY34" s="261">
        <v>0</v>
      </c>
      <c r="AZ34" s="261">
        <v>0</v>
      </c>
      <c r="BA34" s="261">
        <v>1</v>
      </c>
      <c r="BB34" s="261">
        <v>0</v>
      </c>
      <c r="BC34" s="261">
        <v>0</v>
      </c>
      <c r="BD34" s="258">
        <v>1</v>
      </c>
      <c r="BE34" s="263">
        <v>1</v>
      </c>
      <c r="BF34" s="257">
        <v>0</v>
      </c>
      <c r="BG34" s="261">
        <v>0</v>
      </c>
      <c r="BH34" s="258">
        <v>0</v>
      </c>
      <c r="BI34" s="260">
        <v>0</v>
      </c>
      <c r="BJ34" s="261">
        <v>0</v>
      </c>
      <c r="BK34" s="261">
        <v>0</v>
      </c>
      <c r="BL34" s="261">
        <v>0</v>
      </c>
      <c r="BM34" s="261">
        <v>0</v>
      </c>
      <c r="BN34" s="261">
        <v>1</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0</v>
      </c>
      <c r="CI34" s="261">
        <v>0</v>
      </c>
      <c r="CJ34" s="261">
        <v>1</v>
      </c>
      <c r="CK34" s="258">
        <v>1</v>
      </c>
      <c r="CL34" s="263">
        <v>1</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68"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1</v>
      </c>
      <c r="BM35" s="261">
        <v>0</v>
      </c>
      <c r="BN35" s="261">
        <v>0</v>
      </c>
      <c r="BO35" s="262">
        <v>1</v>
      </c>
      <c r="BP35" s="263">
        <v>1</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1</v>
      </c>
      <c r="CV35" s="258">
        <v>1</v>
      </c>
      <c r="CW35" s="263">
        <v>1</v>
      </c>
    </row>
    <row r="36" spans="2:101" ht="21" customHeight="1" x14ac:dyDescent="0.2">
      <c r="B36" s="468"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row>
    <row r="37" spans="2:101" ht="21" customHeight="1" x14ac:dyDescent="0.2">
      <c r="B37" s="468"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0</v>
      </c>
      <c r="BA37" s="261">
        <v>0</v>
      </c>
      <c r="BB37" s="261">
        <v>0</v>
      </c>
      <c r="BC37" s="261">
        <v>1</v>
      </c>
      <c r="BD37" s="258">
        <v>1</v>
      </c>
      <c r="BE37" s="263">
        <v>1</v>
      </c>
      <c r="BF37" s="257">
        <v>0</v>
      </c>
      <c r="BG37" s="261">
        <v>0</v>
      </c>
      <c r="BH37" s="258">
        <v>0</v>
      </c>
      <c r="BI37" s="260">
        <v>0</v>
      </c>
      <c r="BJ37" s="261">
        <v>1</v>
      </c>
      <c r="BK37" s="261">
        <v>0</v>
      </c>
      <c r="BL37" s="261">
        <v>0</v>
      </c>
      <c r="BM37" s="261">
        <v>0</v>
      </c>
      <c r="BN37" s="261">
        <v>0</v>
      </c>
      <c r="BO37" s="262">
        <v>1</v>
      </c>
      <c r="BP37" s="263">
        <v>1</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68"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1</v>
      </c>
      <c r="AD38" s="261">
        <v>0</v>
      </c>
      <c r="AE38" s="261">
        <v>0</v>
      </c>
      <c r="AF38" s="261">
        <v>0</v>
      </c>
      <c r="AG38" s="261">
        <v>0</v>
      </c>
      <c r="AH38" s="258">
        <v>1</v>
      </c>
      <c r="AI38" s="263">
        <v>1</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1</v>
      </c>
      <c r="BA38" s="261">
        <v>1</v>
      </c>
      <c r="BB38" s="261">
        <v>0</v>
      </c>
      <c r="BC38" s="261">
        <v>0</v>
      </c>
      <c r="BD38" s="258">
        <v>2</v>
      </c>
      <c r="BE38" s="263">
        <v>2</v>
      </c>
      <c r="BF38" s="257">
        <v>0</v>
      </c>
      <c r="BG38" s="261">
        <v>0</v>
      </c>
      <c r="BH38" s="258">
        <v>0</v>
      </c>
      <c r="BI38" s="260">
        <v>0</v>
      </c>
      <c r="BJ38" s="261">
        <v>0</v>
      </c>
      <c r="BK38" s="261">
        <v>1</v>
      </c>
      <c r="BL38" s="261">
        <v>1</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69"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4</v>
      </c>
      <c r="H1" s="539">
        <f>第１表!F2</f>
        <v>6</v>
      </c>
      <c r="I1" s="539"/>
      <c r="J1" s="235">
        <f>第１表!G2</f>
        <v>1</v>
      </c>
      <c r="K1" s="543">
        <f>IF(J1&lt;3,J1+12-2,J1-2)</f>
        <v>11</v>
      </c>
      <c r="L1" s="543"/>
    </row>
    <row r="2" spans="2:24" ht="24" customHeight="1" thickBot="1" x14ac:dyDescent="0.25">
      <c r="B2" s="271" t="s">
        <v>131</v>
      </c>
    </row>
    <row r="3" spans="2:24" ht="21" customHeight="1" x14ac:dyDescent="0.2">
      <c r="B3" s="555"/>
      <c r="C3" s="551" t="s">
        <v>141</v>
      </c>
      <c r="D3" s="551"/>
      <c r="E3" s="551"/>
      <c r="F3" s="551"/>
      <c r="G3" s="551"/>
      <c r="H3" s="551"/>
      <c r="I3" s="551"/>
      <c r="J3" s="551"/>
      <c r="K3" s="551"/>
      <c r="L3" s="551"/>
      <c r="M3" s="581"/>
      <c r="N3" s="551" t="s">
        <v>113</v>
      </c>
      <c r="O3" s="551"/>
      <c r="P3" s="551"/>
      <c r="Q3" s="551"/>
      <c r="R3" s="551"/>
      <c r="S3" s="551"/>
      <c r="T3" s="551"/>
      <c r="U3" s="551"/>
      <c r="V3" s="551"/>
      <c r="W3" s="551"/>
      <c r="X3" s="581"/>
    </row>
    <row r="4" spans="2:24" ht="21" customHeight="1" x14ac:dyDescent="0.2">
      <c r="B4" s="579"/>
      <c r="C4" s="582" t="s">
        <v>61</v>
      </c>
      <c r="D4" s="582"/>
      <c r="E4" s="583"/>
      <c r="F4" s="584" t="s">
        <v>62</v>
      </c>
      <c r="G4" s="582"/>
      <c r="H4" s="582"/>
      <c r="I4" s="582"/>
      <c r="J4" s="582"/>
      <c r="K4" s="582"/>
      <c r="L4" s="585"/>
      <c r="M4" s="586" t="s">
        <v>52</v>
      </c>
      <c r="N4" s="582" t="s">
        <v>61</v>
      </c>
      <c r="O4" s="582"/>
      <c r="P4" s="583"/>
      <c r="Q4" s="584" t="s">
        <v>62</v>
      </c>
      <c r="R4" s="582"/>
      <c r="S4" s="582"/>
      <c r="T4" s="582"/>
      <c r="U4" s="582"/>
      <c r="V4" s="582"/>
      <c r="W4" s="585"/>
      <c r="X4" s="586" t="s">
        <v>52</v>
      </c>
    </row>
    <row r="5" spans="2:24" ht="30" customHeight="1" thickBot="1" x14ac:dyDescent="0.25">
      <c r="B5" s="580"/>
      <c r="C5" s="243" t="s">
        <v>43</v>
      </c>
      <c r="D5" s="243" t="s">
        <v>44</v>
      </c>
      <c r="E5" s="246" t="s">
        <v>45</v>
      </c>
      <c r="F5" s="248" t="s">
        <v>83</v>
      </c>
      <c r="G5" s="243" t="s">
        <v>47</v>
      </c>
      <c r="H5" s="243" t="s">
        <v>48</v>
      </c>
      <c r="I5" s="243" t="s">
        <v>49</v>
      </c>
      <c r="J5" s="243" t="s">
        <v>50</v>
      </c>
      <c r="K5" s="243" t="s">
        <v>51</v>
      </c>
      <c r="L5" s="246" t="s">
        <v>45</v>
      </c>
      <c r="M5" s="554"/>
      <c r="N5" s="243" t="s">
        <v>43</v>
      </c>
      <c r="O5" s="243" t="s">
        <v>44</v>
      </c>
      <c r="P5" s="246" t="s">
        <v>45</v>
      </c>
      <c r="Q5" s="248" t="s">
        <v>83</v>
      </c>
      <c r="R5" s="243" t="s">
        <v>47</v>
      </c>
      <c r="S5" s="243" t="s">
        <v>48</v>
      </c>
      <c r="T5" s="243" t="s">
        <v>49</v>
      </c>
      <c r="U5" s="243" t="s">
        <v>50</v>
      </c>
      <c r="V5" s="243" t="s">
        <v>51</v>
      </c>
      <c r="W5" s="246" t="s">
        <v>45</v>
      </c>
      <c r="X5" s="554"/>
    </row>
    <row r="6" spans="2:24" ht="21" customHeight="1" x14ac:dyDescent="0.2">
      <c r="B6" s="466" t="s">
        <v>4</v>
      </c>
      <c r="C6" s="254">
        <v>0</v>
      </c>
      <c r="D6" s="254">
        <v>0</v>
      </c>
      <c r="E6" s="251">
        <v>0</v>
      </c>
      <c r="F6" s="253">
        <v>0</v>
      </c>
      <c r="G6" s="254">
        <v>104088</v>
      </c>
      <c r="H6" s="254">
        <v>105320</v>
      </c>
      <c r="I6" s="254">
        <v>63387</v>
      </c>
      <c r="J6" s="254">
        <v>31628</v>
      </c>
      <c r="K6" s="254">
        <v>14599</v>
      </c>
      <c r="L6" s="251">
        <v>319022</v>
      </c>
      <c r="M6" s="256">
        <v>319022</v>
      </c>
      <c r="N6" s="254">
        <v>23</v>
      </c>
      <c r="O6" s="254">
        <v>42</v>
      </c>
      <c r="P6" s="251">
        <v>65</v>
      </c>
      <c r="Q6" s="253">
        <v>0</v>
      </c>
      <c r="R6" s="254">
        <v>6771</v>
      </c>
      <c r="S6" s="254">
        <v>9334</v>
      </c>
      <c r="T6" s="254">
        <v>11920</v>
      </c>
      <c r="U6" s="254">
        <v>6932</v>
      </c>
      <c r="V6" s="254">
        <v>4903</v>
      </c>
      <c r="W6" s="251">
        <v>39860</v>
      </c>
      <c r="X6" s="256">
        <v>39925</v>
      </c>
    </row>
    <row r="7" spans="2:24" ht="21" customHeight="1" x14ac:dyDescent="0.2">
      <c r="B7" s="467" t="s">
        <v>5</v>
      </c>
      <c r="C7" s="261">
        <v>0</v>
      </c>
      <c r="D7" s="261">
        <v>0</v>
      </c>
      <c r="E7" s="258">
        <v>0</v>
      </c>
      <c r="F7" s="260">
        <v>0</v>
      </c>
      <c r="G7" s="261">
        <v>36278</v>
      </c>
      <c r="H7" s="261">
        <v>50200</v>
      </c>
      <c r="I7" s="261">
        <v>29648</v>
      </c>
      <c r="J7" s="261">
        <v>14608</v>
      </c>
      <c r="K7" s="261">
        <v>6942</v>
      </c>
      <c r="L7" s="258">
        <v>137676</v>
      </c>
      <c r="M7" s="263">
        <v>137676</v>
      </c>
      <c r="N7" s="261">
        <v>11</v>
      </c>
      <c r="O7" s="261">
        <v>14</v>
      </c>
      <c r="P7" s="258">
        <v>25</v>
      </c>
      <c r="Q7" s="260">
        <v>0</v>
      </c>
      <c r="R7" s="261">
        <v>3416</v>
      </c>
      <c r="S7" s="261">
        <v>4865</v>
      </c>
      <c r="T7" s="261">
        <v>6044</v>
      </c>
      <c r="U7" s="261">
        <v>3966</v>
      </c>
      <c r="V7" s="261">
        <v>2675</v>
      </c>
      <c r="W7" s="258">
        <v>20966</v>
      </c>
      <c r="X7" s="263">
        <v>20991</v>
      </c>
    </row>
    <row r="8" spans="2:24" ht="21" customHeight="1" x14ac:dyDescent="0.2">
      <c r="B8" s="468" t="s">
        <v>6</v>
      </c>
      <c r="C8" s="261">
        <v>0</v>
      </c>
      <c r="D8" s="261">
        <v>0</v>
      </c>
      <c r="E8" s="258">
        <v>0</v>
      </c>
      <c r="F8" s="260">
        <v>0</v>
      </c>
      <c r="G8" s="261">
        <v>14526</v>
      </c>
      <c r="H8" s="261">
        <v>11600</v>
      </c>
      <c r="I8" s="261">
        <v>7651</v>
      </c>
      <c r="J8" s="261">
        <v>4333</v>
      </c>
      <c r="K8" s="261">
        <v>2091</v>
      </c>
      <c r="L8" s="258">
        <v>40201</v>
      </c>
      <c r="M8" s="263">
        <v>40201</v>
      </c>
      <c r="N8" s="261">
        <v>7</v>
      </c>
      <c r="O8" s="261">
        <v>9</v>
      </c>
      <c r="P8" s="258">
        <v>16</v>
      </c>
      <c r="Q8" s="260">
        <v>0</v>
      </c>
      <c r="R8" s="261">
        <v>1557</v>
      </c>
      <c r="S8" s="261">
        <v>2201</v>
      </c>
      <c r="T8" s="261">
        <v>2680</v>
      </c>
      <c r="U8" s="261">
        <v>1359</v>
      </c>
      <c r="V8" s="261">
        <v>1076</v>
      </c>
      <c r="W8" s="258">
        <v>8873</v>
      </c>
      <c r="X8" s="263">
        <v>8889</v>
      </c>
    </row>
    <row r="9" spans="2:24" ht="21" customHeight="1" x14ac:dyDescent="0.2">
      <c r="B9" s="468" t="s">
        <v>14</v>
      </c>
      <c r="C9" s="261">
        <v>0</v>
      </c>
      <c r="D9" s="261">
        <v>0</v>
      </c>
      <c r="E9" s="258">
        <v>0</v>
      </c>
      <c r="F9" s="260">
        <v>0</v>
      </c>
      <c r="G9" s="261">
        <v>8074</v>
      </c>
      <c r="H9" s="261">
        <v>9473</v>
      </c>
      <c r="I9" s="261">
        <v>5564</v>
      </c>
      <c r="J9" s="261">
        <v>2860</v>
      </c>
      <c r="K9" s="261">
        <v>1354</v>
      </c>
      <c r="L9" s="258">
        <v>27325</v>
      </c>
      <c r="M9" s="263">
        <v>27325</v>
      </c>
      <c r="N9" s="261">
        <v>0</v>
      </c>
      <c r="O9" s="261">
        <v>0</v>
      </c>
      <c r="P9" s="258">
        <v>0</v>
      </c>
      <c r="Q9" s="260">
        <v>0</v>
      </c>
      <c r="R9" s="261">
        <v>149</v>
      </c>
      <c r="S9" s="261">
        <v>233</v>
      </c>
      <c r="T9" s="261">
        <v>541</v>
      </c>
      <c r="U9" s="261">
        <v>271</v>
      </c>
      <c r="V9" s="261">
        <v>219</v>
      </c>
      <c r="W9" s="258">
        <v>1413</v>
      </c>
      <c r="X9" s="263">
        <v>1413</v>
      </c>
    </row>
    <row r="10" spans="2:24" ht="21" customHeight="1" x14ac:dyDescent="0.2">
      <c r="B10" s="468" t="s">
        <v>7</v>
      </c>
      <c r="C10" s="261">
        <v>0</v>
      </c>
      <c r="D10" s="261">
        <v>0</v>
      </c>
      <c r="E10" s="258">
        <v>0</v>
      </c>
      <c r="F10" s="260">
        <v>0</v>
      </c>
      <c r="G10" s="261">
        <v>8600</v>
      </c>
      <c r="H10" s="261">
        <v>5407</v>
      </c>
      <c r="I10" s="261">
        <v>2619</v>
      </c>
      <c r="J10" s="261">
        <v>993</v>
      </c>
      <c r="K10" s="261">
        <v>519</v>
      </c>
      <c r="L10" s="258">
        <v>18138</v>
      </c>
      <c r="M10" s="263">
        <v>18138</v>
      </c>
      <c r="N10" s="261">
        <v>0</v>
      </c>
      <c r="O10" s="261">
        <v>5</v>
      </c>
      <c r="P10" s="258">
        <v>5</v>
      </c>
      <c r="Q10" s="260">
        <v>0</v>
      </c>
      <c r="R10" s="261">
        <v>721</v>
      </c>
      <c r="S10" s="261">
        <v>878</v>
      </c>
      <c r="T10" s="261">
        <v>1076</v>
      </c>
      <c r="U10" s="261">
        <v>532</v>
      </c>
      <c r="V10" s="261">
        <v>147</v>
      </c>
      <c r="W10" s="258">
        <v>3354</v>
      </c>
      <c r="X10" s="263">
        <v>3359</v>
      </c>
    </row>
    <row r="11" spans="2:24" ht="21" customHeight="1" x14ac:dyDescent="0.2">
      <c r="B11" s="468" t="s">
        <v>8</v>
      </c>
      <c r="C11" s="261">
        <v>0</v>
      </c>
      <c r="D11" s="261">
        <v>0</v>
      </c>
      <c r="E11" s="258">
        <v>0</v>
      </c>
      <c r="F11" s="260">
        <v>0</v>
      </c>
      <c r="G11" s="261">
        <v>5069</v>
      </c>
      <c r="H11" s="261">
        <v>4947</v>
      </c>
      <c r="I11" s="261">
        <v>2517</v>
      </c>
      <c r="J11" s="261">
        <v>1252</v>
      </c>
      <c r="K11" s="261">
        <v>491</v>
      </c>
      <c r="L11" s="258">
        <v>14276</v>
      </c>
      <c r="M11" s="263">
        <v>14276</v>
      </c>
      <c r="N11" s="261">
        <v>0</v>
      </c>
      <c r="O11" s="261">
        <v>0</v>
      </c>
      <c r="P11" s="258">
        <v>0</v>
      </c>
      <c r="Q11" s="260">
        <v>0</v>
      </c>
      <c r="R11" s="261">
        <v>63</v>
      </c>
      <c r="S11" s="261">
        <v>86</v>
      </c>
      <c r="T11" s="261">
        <v>72</v>
      </c>
      <c r="U11" s="261">
        <v>104</v>
      </c>
      <c r="V11" s="261">
        <v>82</v>
      </c>
      <c r="W11" s="258">
        <v>407</v>
      </c>
      <c r="X11" s="263">
        <v>407</v>
      </c>
    </row>
    <row r="12" spans="2:24" ht="21" customHeight="1" x14ac:dyDescent="0.2">
      <c r="B12" s="468" t="s">
        <v>9</v>
      </c>
      <c r="C12" s="261">
        <v>0</v>
      </c>
      <c r="D12" s="261">
        <v>0</v>
      </c>
      <c r="E12" s="258">
        <v>0</v>
      </c>
      <c r="F12" s="260">
        <v>0</v>
      </c>
      <c r="G12" s="261">
        <v>3180</v>
      </c>
      <c r="H12" s="261">
        <v>1992</v>
      </c>
      <c r="I12" s="261">
        <v>1775</v>
      </c>
      <c r="J12" s="261">
        <v>908</v>
      </c>
      <c r="K12" s="261">
        <v>333</v>
      </c>
      <c r="L12" s="258">
        <v>8188</v>
      </c>
      <c r="M12" s="263">
        <v>8188</v>
      </c>
      <c r="N12" s="261">
        <v>0</v>
      </c>
      <c r="O12" s="261">
        <v>0</v>
      </c>
      <c r="P12" s="258">
        <v>0</v>
      </c>
      <c r="Q12" s="260">
        <v>0</v>
      </c>
      <c r="R12" s="261">
        <v>24</v>
      </c>
      <c r="S12" s="261">
        <v>61</v>
      </c>
      <c r="T12" s="261">
        <v>68</v>
      </c>
      <c r="U12" s="261">
        <v>0</v>
      </c>
      <c r="V12" s="261">
        <v>78</v>
      </c>
      <c r="W12" s="258">
        <v>231</v>
      </c>
      <c r="X12" s="263">
        <v>231</v>
      </c>
    </row>
    <row r="13" spans="2:24" ht="21" customHeight="1" x14ac:dyDescent="0.2">
      <c r="B13" s="468" t="s">
        <v>10</v>
      </c>
      <c r="C13" s="261">
        <v>0</v>
      </c>
      <c r="D13" s="261">
        <v>0</v>
      </c>
      <c r="E13" s="258">
        <v>0</v>
      </c>
      <c r="F13" s="260">
        <v>0</v>
      </c>
      <c r="G13" s="261">
        <v>4200</v>
      </c>
      <c r="H13" s="261">
        <v>2250</v>
      </c>
      <c r="I13" s="261">
        <v>1455</v>
      </c>
      <c r="J13" s="261">
        <v>635</v>
      </c>
      <c r="K13" s="261">
        <v>230</v>
      </c>
      <c r="L13" s="258">
        <v>8770</v>
      </c>
      <c r="M13" s="263">
        <v>8770</v>
      </c>
      <c r="N13" s="261">
        <v>0</v>
      </c>
      <c r="O13" s="261">
        <v>5</v>
      </c>
      <c r="P13" s="258">
        <v>5</v>
      </c>
      <c r="Q13" s="260">
        <v>0</v>
      </c>
      <c r="R13" s="261">
        <v>53</v>
      </c>
      <c r="S13" s="261">
        <v>107</v>
      </c>
      <c r="T13" s="261">
        <v>232</v>
      </c>
      <c r="U13" s="261">
        <v>113</v>
      </c>
      <c r="V13" s="261">
        <v>119</v>
      </c>
      <c r="W13" s="258">
        <v>624</v>
      </c>
      <c r="X13" s="263">
        <v>629</v>
      </c>
    </row>
    <row r="14" spans="2:24" ht="21" customHeight="1" x14ac:dyDescent="0.2">
      <c r="B14" s="468" t="s">
        <v>11</v>
      </c>
      <c r="C14" s="261">
        <v>0</v>
      </c>
      <c r="D14" s="261">
        <v>0</v>
      </c>
      <c r="E14" s="258">
        <v>0</v>
      </c>
      <c r="F14" s="260">
        <v>0</v>
      </c>
      <c r="G14" s="261">
        <v>4282</v>
      </c>
      <c r="H14" s="261">
        <v>2512</v>
      </c>
      <c r="I14" s="261">
        <v>1612</v>
      </c>
      <c r="J14" s="261">
        <v>854</v>
      </c>
      <c r="K14" s="261">
        <v>342</v>
      </c>
      <c r="L14" s="258">
        <v>9602</v>
      </c>
      <c r="M14" s="263">
        <v>9602</v>
      </c>
      <c r="N14" s="261">
        <v>0</v>
      </c>
      <c r="O14" s="261">
        <v>0</v>
      </c>
      <c r="P14" s="258">
        <v>0</v>
      </c>
      <c r="Q14" s="260">
        <v>0</v>
      </c>
      <c r="R14" s="261">
        <v>148</v>
      </c>
      <c r="S14" s="261">
        <v>138</v>
      </c>
      <c r="T14" s="261">
        <v>114</v>
      </c>
      <c r="U14" s="261">
        <v>8</v>
      </c>
      <c r="V14" s="261">
        <v>11</v>
      </c>
      <c r="W14" s="258">
        <v>419</v>
      </c>
      <c r="X14" s="263">
        <v>419</v>
      </c>
    </row>
    <row r="15" spans="2:24" ht="21" customHeight="1" x14ac:dyDescent="0.2">
      <c r="B15" s="468" t="s">
        <v>12</v>
      </c>
      <c r="C15" s="261">
        <v>0</v>
      </c>
      <c r="D15" s="261">
        <v>0</v>
      </c>
      <c r="E15" s="258">
        <v>0</v>
      </c>
      <c r="F15" s="260">
        <v>0</v>
      </c>
      <c r="G15" s="261">
        <v>3180</v>
      </c>
      <c r="H15" s="261">
        <v>2050</v>
      </c>
      <c r="I15" s="261">
        <v>1350</v>
      </c>
      <c r="J15" s="261">
        <v>671</v>
      </c>
      <c r="K15" s="261">
        <v>272</v>
      </c>
      <c r="L15" s="258">
        <v>7523</v>
      </c>
      <c r="M15" s="263">
        <v>7523</v>
      </c>
      <c r="N15" s="261">
        <v>0</v>
      </c>
      <c r="O15" s="261">
        <v>0</v>
      </c>
      <c r="P15" s="258">
        <v>0</v>
      </c>
      <c r="Q15" s="260">
        <v>0</v>
      </c>
      <c r="R15" s="261">
        <v>26</v>
      </c>
      <c r="S15" s="261">
        <v>11</v>
      </c>
      <c r="T15" s="261">
        <v>0</v>
      </c>
      <c r="U15" s="261">
        <v>8</v>
      </c>
      <c r="V15" s="261">
        <v>17</v>
      </c>
      <c r="W15" s="258">
        <v>62</v>
      </c>
      <c r="X15" s="263">
        <v>62</v>
      </c>
    </row>
    <row r="16" spans="2:24" ht="21" customHeight="1" x14ac:dyDescent="0.2">
      <c r="B16" s="468" t="s">
        <v>13</v>
      </c>
      <c r="C16" s="261">
        <v>0</v>
      </c>
      <c r="D16" s="261">
        <v>0</v>
      </c>
      <c r="E16" s="258">
        <v>0</v>
      </c>
      <c r="F16" s="260">
        <v>0</v>
      </c>
      <c r="G16" s="261">
        <v>1033</v>
      </c>
      <c r="H16" s="261">
        <v>1101</v>
      </c>
      <c r="I16" s="261">
        <v>686</v>
      </c>
      <c r="J16" s="261">
        <v>276</v>
      </c>
      <c r="K16" s="261">
        <v>138</v>
      </c>
      <c r="L16" s="258">
        <v>3234</v>
      </c>
      <c r="M16" s="263">
        <v>3234</v>
      </c>
      <c r="N16" s="261">
        <v>0</v>
      </c>
      <c r="O16" s="261">
        <v>0</v>
      </c>
      <c r="P16" s="258">
        <v>0</v>
      </c>
      <c r="Q16" s="260">
        <v>0</v>
      </c>
      <c r="R16" s="261">
        <v>31</v>
      </c>
      <c r="S16" s="261">
        <v>81</v>
      </c>
      <c r="T16" s="261">
        <v>65</v>
      </c>
      <c r="U16" s="261">
        <v>35</v>
      </c>
      <c r="V16" s="261">
        <v>56</v>
      </c>
      <c r="W16" s="258">
        <v>268</v>
      </c>
      <c r="X16" s="263">
        <v>268</v>
      </c>
    </row>
    <row r="17" spans="2:24" ht="21" customHeight="1" x14ac:dyDescent="0.2">
      <c r="B17" s="468" t="s">
        <v>15</v>
      </c>
      <c r="C17" s="261">
        <v>0</v>
      </c>
      <c r="D17" s="261">
        <v>0</v>
      </c>
      <c r="E17" s="258">
        <v>0</v>
      </c>
      <c r="F17" s="260">
        <v>0</v>
      </c>
      <c r="G17" s="261">
        <v>1369</v>
      </c>
      <c r="H17" s="261">
        <v>1468</v>
      </c>
      <c r="I17" s="261">
        <v>807</v>
      </c>
      <c r="J17" s="261">
        <v>301</v>
      </c>
      <c r="K17" s="261">
        <v>146</v>
      </c>
      <c r="L17" s="258">
        <v>4091</v>
      </c>
      <c r="M17" s="263">
        <v>4091</v>
      </c>
      <c r="N17" s="261">
        <v>0</v>
      </c>
      <c r="O17" s="261">
        <v>0</v>
      </c>
      <c r="P17" s="258">
        <v>0</v>
      </c>
      <c r="Q17" s="260">
        <v>0</v>
      </c>
      <c r="R17" s="261">
        <v>26</v>
      </c>
      <c r="S17" s="261">
        <v>22</v>
      </c>
      <c r="T17" s="261">
        <v>110</v>
      </c>
      <c r="U17" s="261">
        <v>17</v>
      </c>
      <c r="V17" s="261">
        <v>24</v>
      </c>
      <c r="W17" s="258">
        <v>199</v>
      </c>
      <c r="X17" s="263">
        <v>199</v>
      </c>
    </row>
    <row r="18" spans="2:24" ht="21" customHeight="1" x14ac:dyDescent="0.2">
      <c r="B18" s="468" t="s">
        <v>16</v>
      </c>
      <c r="C18" s="261">
        <v>0</v>
      </c>
      <c r="D18" s="261">
        <v>0</v>
      </c>
      <c r="E18" s="258">
        <v>0</v>
      </c>
      <c r="F18" s="260">
        <v>0</v>
      </c>
      <c r="G18" s="261">
        <v>1017</v>
      </c>
      <c r="H18" s="261">
        <v>1293</v>
      </c>
      <c r="I18" s="261">
        <v>859</v>
      </c>
      <c r="J18" s="261">
        <v>442</v>
      </c>
      <c r="K18" s="261">
        <v>142</v>
      </c>
      <c r="L18" s="258">
        <v>3753</v>
      </c>
      <c r="M18" s="263">
        <v>3753</v>
      </c>
      <c r="N18" s="261">
        <v>0</v>
      </c>
      <c r="O18" s="261">
        <v>0</v>
      </c>
      <c r="P18" s="258">
        <v>0</v>
      </c>
      <c r="Q18" s="260">
        <v>0</v>
      </c>
      <c r="R18" s="261">
        <v>45</v>
      </c>
      <c r="S18" s="261">
        <v>133</v>
      </c>
      <c r="T18" s="261">
        <v>68</v>
      </c>
      <c r="U18" s="261">
        <v>52</v>
      </c>
      <c r="V18" s="261">
        <v>47</v>
      </c>
      <c r="W18" s="258">
        <v>345</v>
      </c>
      <c r="X18" s="263">
        <v>345</v>
      </c>
    </row>
    <row r="19" spans="2:24" ht="21" customHeight="1" x14ac:dyDescent="0.2">
      <c r="B19" s="468" t="s">
        <v>17</v>
      </c>
      <c r="C19" s="261">
        <v>0</v>
      </c>
      <c r="D19" s="261">
        <v>0</v>
      </c>
      <c r="E19" s="258">
        <v>0</v>
      </c>
      <c r="F19" s="260">
        <v>0</v>
      </c>
      <c r="G19" s="261">
        <v>2212</v>
      </c>
      <c r="H19" s="261">
        <v>2866</v>
      </c>
      <c r="I19" s="261">
        <v>1625</v>
      </c>
      <c r="J19" s="261">
        <v>1319</v>
      </c>
      <c r="K19" s="261">
        <v>635</v>
      </c>
      <c r="L19" s="258">
        <v>8657</v>
      </c>
      <c r="M19" s="263">
        <v>8657</v>
      </c>
      <c r="N19" s="261">
        <v>5</v>
      </c>
      <c r="O19" s="261">
        <v>9</v>
      </c>
      <c r="P19" s="258">
        <v>14</v>
      </c>
      <c r="Q19" s="260">
        <v>0</v>
      </c>
      <c r="R19" s="261">
        <v>130</v>
      </c>
      <c r="S19" s="261">
        <v>96</v>
      </c>
      <c r="T19" s="261">
        <v>118</v>
      </c>
      <c r="U19" s="261">
        <v>96</v>
      </c>
      <c r="V19" s="261">
        <v>44</v>
      </c>
      <c r="W19" s="258">
        <v>484</v>
      </c>
      <c r="X19" s="263">
        <v>498</v>
      </c>
    </row>
    <row r="20" spans="2:24" ht="21" customHeight="1" x14ac:dyDescent="0.2">
      <c r="B20" s="468" t="s">
        <v>18</v>
      </c>
      <c r="C20" s="261">
        <v>0</v>
      </c>
      <c r="D20" s="261">
        <v>0</v>
      </c>
      <c r="E20" s="258">
        <v>0</v>
      </c>
      <c r="F20" s="260">
        <v>0</v>
      </c>
      <c r="G20" s="261">
        <v>2487</v>
      </c>
      <c r="H20" s="261">
        <v>1645</v>
      </c>
      <c r="I20" s="261">
        <v>967</v>
      </c>
      <c r="J20" s="261">
        <v>400</v>
      </c>
      <c r="K20" s="261">
        <v>177</v>
      </c>
      <c r="L20" s="258">
        <v>5676</v>
      </c>
      <c r="M20" s="263">
        <v>5676</v>
      </c>
      <c r="N20" s="261">
        <v>0</v>
      </c>
      <c r="O20" s="261">
        <v>0</v>
      </c>
      <c r="P20" s="258">
        <v>0</v>
      </c>
      <c r="Q20" s="260">
        <v>0</v>
      </c>
      <c r="R20" s="261">
        <v>81</v>
      </c>
      <c r="S20" s="261">
        <v>70</v>
      </c>
      <c r="T20" s="261">
        <v>294</v>
      </c>
      <c r="U20" s="261">
        <v>159</v>
      </c>
      <c r="V20" s="261">
        <v>88</v>
      </c>
      <c r="W20" s="258">
        <v>692</v>
      </c>
      <c r="X20" s="263">
        <v>692</v>
      </c>
    </row>
    <row r="21" spans="2:24" ht="21" customHeight="1" x14ac:dyDescent="0.2">
      <c r="B21" s="468" t="s">
        <v>19</v>
      </c>
      <c r="C21" s="261">
        <v>0</v>
      </c>
      <c r="D21" s="261">
        <v>0</v>
      </c>
      <c r="E21" s="258">
        <v>0</v>
      </c>
      <c r="F21" s="260">
        <v>0</v>
      </c>
      <c r="G21" s="261">
        <v>971</v>
      </c>
      <c r="H21" s="261">
        <v>954</v>
      </c>
      <c r="I21" s="261">
        <v>471</v>
      </c>
      <c r="J21" s="261">
        <v>238</v>
      </c>
      <c r="K21" s="261">
        <v>133</v>
      </c>
      <c r="L21" s="258">
        <v>2767</v>
      </c>
      <c r="M21" s="263">
        <v>2767</v>
      </c>
      <c r="N21" s="261">
        <v>0</v>
      </c>
      <c r="O21" s="261">
        <v>0</v>
      </c>
      <c r="P21" s="258">
        <v>0</v>
      </c>
      <c r="Q21" s="260">
        <v>0</v>
      </c>
      <c r="R21" s="261">
        <v>95</v>
      </c>
      <c r="S21" s="261">
        <v>170</v>
      </c>
      <c r="T21" s="261">
        <v>219</v>
      </c>
      <c r="U21" s="261">
        <v>30</v>
      </c>
      <c r="V21" s="261">
        <v>57</v>
      </c>
      <c r="W21" s="258">
        <v>571</v>
      </c>
      <c r="X21" s="263">
        <v>571</v>
      </c>
    </row>
    <row r="22" spans="2:24" ht="21" customHeight="1" x14ac:dyDescent="0.2">
      <c r="B22" s="468" t="s">
        <v>20</v>
      </c>
      <c r="C22" s="261">
        <v>0</v>
      </c>
      <c r="D22" s="261">
        <v>0</v>
      </c>
      <c r="E22" s="258">
        <v>0</v>
      </c>
      <c r="F22" s="260">
        <v>0</v>
      </c>
      <c r="G22" s="261">
        <v>1366</v>
      </c>
      <c r="H22" s="261">
        <v>788</v>
      </c>
      <c r="I22" s="261">
        <v>538</v>
      </c>
      <c r="J22" s="261">
        <v>158</v>
      </c>
      <c r="K22" s="261">
        <v>72</v>
      </c>
      <c r="L22" s="258">
        <v>2922</v>
      </c>
      <c r="M22" s="263">
        <v>2922</v>
      </c>
      <c r="N22" s="261">
        <v>0</v>
      </c>
      <c r="O22" s="261">
        <v>0</v>
      </c>
      <c r="P22" s="258">
        <v>0</v>
      </c>
      <c r="Q22" s="260">
        <v>0</v>
      </c>
      <c r="R22" s="261">
        <v>27</v>
      </c>
      <c r="S22" s="261">
        <v>4</v>
      </c>
      <c r="T22" s="261">
        <v>66</v>
      </c>
      <c r="U22" s="261">
        <v>42</v>
      </c>
      <c r="V22" s="261">
        <v>21</v>
      </c>
      <c r="W22" s="258">
        <v>160</v>
      </c>
      <c r="X22" s="263">
        <v>160</v>
      </c>
    </row>
    <row r="23" spans="2:24" ht="21" customHeight="1" x14ac:dyDescent="0.2">
      <c r="B23" s="468" t="s">
        <v>21</v>
      </c>
      <c r="C23" s="261">
        <v>0</v>
      </c>
      <c r="D23" s="261">
        <v>0</v>
      </c>
      <c r="E23" s="258">
        <v>0</v>
      </c>
      <c r="F23" s="260">
        <v>0</v>
      </c>
      <c r="G23" s="261">
        <v>1455</v>
      </c>
      <c r="H23" s="261">
        <v>1342</v>
      </c>
      <c r="I23" s="261">
        <v>807</v>
      </c>
      <c r="J23" s="261">
        <v>349</v>
      </c>
      <c r="K23" s="261">
        <v>97</v>
      </c>
      <c r="L23" s="258">
        <v>4050</v>
      </c>
      <c r="M23" s="263">
        <v>4050</v>
      </c>
      <c r="N23" s="261">
        <v>0</v>
      </c>
      <c r="O23" s="261">
        <v>0</v>
      </c>
      <c r="P23" s="258">
        <v>0</v>
      </c>
      <c r="Q23" s="260">
        <v>0</v>
      </c>
      <c r="R23" s="261">
        <v>0</v>
      </c>
      <c r="S23" s="261">
        <v>0</v>
      </c>
      <c r="T23" s="261">
        <v>0</v>
      </c>
      <c r="U23" s="261">
        <v>3</v>
      </c>
      <c r="V23" s="261">
        <v>0</v>
      </c>
      <c r="W23" s="258">
        <v>3</v>
      </c>
      <c r="X23" s="263">
        <v>3</v>
      </c>
    </row>
    <row r="24" spans="2:24" ht="21" customHeight="1" x14ac:dyDescent="0.2">
      <c r="B24" s="468" t="s">
        <v>22</v>
      </c>
      <c r="C24" s="261">
        <v>0</v>
      </c>
      <c r="D24" s="261">
        <v>0</v>
      </c>
      <c r="E24" s="258">
        <v>0</v>
      </c>
      <c r="F24" s="260">
        <v>0</v>
      </c>
      <c r="G24" s="261">
        <v>691</v>
      </c>
      <c r="H24" s="261">
        <v>826</v>
      </c>
      <c r="I24" s="261">
        <v>316</v>
      </c>
      <c r="J24" s="261">
        <v>188</v>
      </c>
      <c r="K24" s="261">
        <v>45</v>
      </c>
      <c r="L24" s="258">
        <v>2066</v>
      </c>
      <c r="M24" s="263">
        <v>2066</v>
      </c>
      <c r="N24" s="261">
        <v>0</v>
      </c>
      <c r="O24" s="261">
        <v>0</v>
      </c>
      <c r="P24" s="258">
        <v>0</v>
      </c>
      <c r="Q24" s="260">
        <v>0</v>
      </c>
      <c r="R24" s="261">
        <v>14</v>
      </c>
      <c r="S24" s="261">
        <v>29</v>
      </c>
      <c r="T24" s="261">
        <v>22</v>
      </c>
      <c r="U24" s="261">
        <v>0</v>
      </c>
      <c r="V24" s="261">
        <v>46</v>
      </c>
      <c r="W24" s="258">
        <v>111</v>
      </c>
      <c r="X24" s="263">
        <v>111</v>
      </c>
    </row>
    <row r="25" spans="2:24" ht="21" customHeight="1" x14ac:dyDescent="0.2">
      <c r="B25" s="468" t="s">
        <v>23</v>
      </c>
      <c r="C25" s="261">
        <v>0</v>
      </c>
      <c r="D25" s="261">
        <v>0</v>
      </c>
      <c r="E25" s="258">
        <v>0</v>
      </c>
      <c r="F25" s="260">
        <v>0</v>
      </c>
      <c r="G25" s="261">
        <v>497</v>
      </c>
      <c r="H25" s="261">
        <v>408</v>
      </c>
      <c r="I25" s="261">
        <v>275</v>
      </c>
      <c r="J25" s="261">
        <v>165</v>
      </c>
      <c r="K25" s="261">
        <v>34</v>
      </c>
      <c r="L25" s="258">
        <v>1379</v>
      </c>
      <c r="M25" s="263">
        <v>1379</v>
      </c>
      <c r="N25" s="261">
        <v>0</v>
      </c>
      <c r="O25" s="261">
        <v>0</v>
      </c>
      <c r="P25" s="258">
        <v>0</v>
      </c>
      <c r="Q25" s="260">
        <v>0</v>
      </c>
      <c r="R25" s="261">
        <v>0</v>
      </c>
      <c r="S25" s="261">
        <v>0</v>
      </c>
      <c r="T25" s="261">
        <v>34</v>
      </c>
      <c r="U25" s="261">
        <v>22</v>
      </c>
      <c r="V25" s="261">
        <v>0</v>
      </c>
      <c r="W25" s="258">
        <v>56</v>
      </c>
      <c r="X25" s="263">
        <v>56</v>
      </c>
    </row>
    <row r="26" spans="2:24" ht="21" customHeight="1" x14ac:dyDescent="0.2">
      <c r="B26" s="468" t="s">
        <v>24</v>
      </c>
      <c r="C26" s="261">
        <v>0</v>
      </c>
      <c r="D26" s="261">
        <v>0</v>
      </c>
      <c r="E26" s="258">
        <v>0</v>
      </c>
      <c r="F26" s="260">
        <v>0</v>
      </c>
      <c r="G26" s="261">
        <v>192</v>
      </c>
      <c r="H26" s="261">
        <v>150</v>
      </c>
      <c r="I26" s="261">
        <v>148</v>
      </c>
      <c r="J26" s="261">
        <v>72</v>
      </c>
      <c r="K26" s="261">
        <v>16</v>
      </c>
      <c r="L26" s="258">
        <v>578</v>
      </c>
      <c r="M26" s="263">
        <v>578</v>
      </c>
      <c r="N26" s="261">
        <v>0</v>
      </c>
      <c r="O26" s="261">
        <v>0</v>
      </c>
      <c r="P26" s="258">
        <v>0</v>
      </c>
      <c r="Q26" s="260">
        <v>0</v>
      </c>
      <c r="R26" s="261">
        <v>63</v>
      </c>
      <c r="S26" s="261">
        <v>68</v>
      </c>
      <c r="T26" s="261">
        <v>31</v>
      </c>
      <c r="U26" s="261">
        <v>26</v>
      </c>
      <c r="V26" s="261">
        <v>7</v>
      </c>
      <c r="W26" s="258">
        <v>195</v>
      </c>
      <c r="X26" s="263">
        <v>195</v>
      </c>
    </row>
    <row r="27" spans="2:24" ht="21" customHeight="1" x14ac:dyDescent="0.2">
      <c r="B27" s="468" t="s">
        <v>25</v>
      </c>
      <c r="C27" s="261">
        <v>0</v>
      </c>
      <c r="D27" s="261">
        <v>0</v>
      </c>
      <c r="E27" s="258">
        <v>0</v>
      </c>
      <c r="F27" s="260">
        <v>0</v>
      </c>
      <c r="G27" s="261">
        <v>754</v>
      </c>
      <c r="H27" s="261">
        <v>307</v>
      </c>
      <c r="I27" s="261">
        <v>165</v>
      </c>
      <c r="J27" s="261">
        <v>32</v>
      </c>
      <c r="K27" s="261">
        <v>0</v>
      </c>
      <c r="L27" s="258">
        <v>1258</v>
      </c>
      <c r="M27" s="263">
        <v>1258</v>
      </c>
      <c r="N27" s="261">
        <v>0</v>
      </c>
      <c r="O27" s="261">
        <v>0</v>
      </c>
      <c r="P27" s="258">
        <v>0</v>
      </c>
      <c r="Q27" s="260">
        <v>0</v>
      </c>
      <c r="R27" s="261">
        <v>0</v>
      </c>
      <c r="S27" s="261">
        <v>0</v>
      </c>
      <c r="T27" s="261">
        <v>0</v>
      </c>
      <c r="U27" s="261">
        <v>0</v>
      </c>
      <c r="V27" s="261">
        <v>0</v>
      </c>
      <c r="W27" s="258">
        <v>0</v>
      </c>
      <c r="X27" s="263">
        <v>0</v>
      </c>
    </row>
    <row r="28" spans="2:24" ht="21" customHeight="1" x14ac:dyDescent="0.2">
      <c r="B28" s="468" t="s">
        <v>26</v>
      </c>
      <c r="C28" s="261">
        <v>0</v>
      </c>
      <c r="D28" s="261">
        <v>0</v>
      </c>
      <c r="E28" s="258">
        <v>0</v>
      </c>
      <c r="F28" s="260">
        <v>0</v>
      </c>
      <c r="G28" s="261">
        <v>345</v>
      </c>
      <c r="H28" s="261">
        <v>334</v>
      </c>
      <c r="I28" s="261">
        <v>284</v>
      </c>
      <c r="J28" s="261">
        <v>106</v>
      </c>
      <c r="K28" s="261">
        <v>73</v>
      </c>
      <c r="L28" s="258">
        <v>1142</v>
      </c>
      <c r="M28" s="263">
        <v>1142</v>
      </c>
      <c r="N28" s="261">
        <v>0</v>
      </c>
      <c r="O28" s="261">
        <v>0</v>
      </c>
      <c r="P28" s="258">
        <v>0</v>
      </c>
      <c r="Q28" s="260">
        <v>0</v>
      </c>
      <c r="R28" s="261">
        <v>0</v>
      </c>
      <c r="S28" s="261">
        <v>32</v>
      </c>
      <c r="T28" s="261">
        <v>31</v>
      </c>
      <c r="U28" s="261">
        <v>18</v>
      </c>
      <c r="V28" s="261">
        <v>13</v>
      </c>
      <c r="W28" s="258">
        <v>94</v>
      </c>
      <c r="X28" s="263">
        <v>94</v>
      </c>
    </row>
    <row r="29" spans="2:24" ht="21" customHeight="1" x14ac:dyDescent="0.2">
      <c r="B29" s="468" t="s">
        <v>27</v>
      </c>
      <c r="C29" s="261">
        <v>0</v>
      </c>
      <c r="D29" s="261">
        <v>0</v>
      </c>
      <c r="E29" s="258">
        <v>0</v>
      </c>
      <c r="F29" s="260">
        <v>0</v>
      </c>
      <c r="G29" s="261">
        <v>279</v>
      </c>
      <c r="H29" s="261">
        <v>156</v>
      </c>
      <c r="I29" s="261">
        <v>65</v>
      </c>
      <c r="J29" s="261">
        <v>13</v>
      </c>
      <c r="K29" s="261">
        <v>0</v>
      </c>
      <c r="L29" s="258">
        <v>513</v>
      </c>
      <c r="M29" s="263">
        <v>513</v>
      </c>
      <c r="N29" s="261">
        <v>0</v>
      </c>
      <c r="O29" s="261">
        <v>0</v>
      </c>
      <c r="P29" s="258">
        <v>0</v>
      </c>
      <c r="Q29" s="260">
        <v>0</v>
      </c>
      <c r="R29" s="261">
        <v>8</v>
      </c>
      <c r="S29" s="261">
        <v>5</v>
      </c>
      <c r="T29" s="261">
        <v>8</v>
      </c>
      <c r="U29" s="261">
        <v>22</v>
      </c>
      <c r="V29" s="261">
        <v>24</v>
      </c>
      <c r="W29" s="258">
        <v>67</v>
      </c>
      <c r="X29" s="263">
        <v>67</v>
      </c>
    </row>
    <row r="30" spans="2:24" ht="21" customHeight="1" x14ac:dyDescent="0.2">
      <c r="B30" s="468" t="s">
        <v>28</v>
      </c>
      <c r="C30" s="261">
        <v>0</v>
      </c>
      <c r="D30" s="261">
        <v>0</v>
      </c>
      <c r="E30" s="258">
        <v>0</v>
      </c>
      <c r="F30" s="260">
        <v>0</v>
      </c>
      <c r="G30" s="261">
        <v>226</v>
      </c>
      <c r="H30" s="261">
        <v>85</v>
      </c>
      <c r="I30" s="261">
        <v>9</v>
      </c>
      <c r="J30" s="261">
        <v>26</v>
      </c>
      <c r="K30" s="261">
        <v>4</v>
      </c>
      <c r="L30" s="258">
        <v>350</v>
      </c>
      <c r="M30" s="263">
        <v>350</v>
      </c>
      <c r="N30" s="261">
        <v>0</v>
      </c>
      <c r="O30" s="261">
        <v>0</v>
      </c>
      <c r="P30" s="258">
        <v>0</v>
      </c>
      <c r="Q30" s="260">
        <v>0</v>
      </c>
      <c r="R30" s="261">
        <v>9</v>
      </c>
      <c r="S30" s="261">
        <v>9</v>
      </c>
      <c r="T30" s="261">
        <v>8</v>
      </c>
      <c r="U30" s="261">
        <v>23</v>
      </c>
      <c r="V30" s="261">
        <v>0</v>
      </c>
      <c r="W30" s="258">
        <v>49</v>
      </c>
      <c r="X30" s="263">
        <v>49</v>
      </c>
    </row>
    <row r="31" spans="2:24" ht="21" customHeight="1" x14ac:dyDescent="0.2">
      <c r="B31" s="468" t="s">
        <v>29</v>
      </c>
      <c r="C31" s="261">
        <v>0</v>
      </c>
      <c r="D31" s="261">
        <v>0</v>
      </c>
      <c r="E31" s="258">
        <v>0</v>
      </c>
      <c r="F31" s="260">
        <v>0</v>
      </c>
      <c r="G31" s="261">
        <v>124</v>
      </c>
      <c r="H31" s="261">
        <v>137</v>
      </c>
      <c r="I31" s="261">
        <v>62</v>
      </c>
      <c r="J31" s="261">
        <v>25</v>
      </c>
      <c r="K31" s="261">
        <v>0</v>
      </c>
      <c r="L31" s="258">
        <v>348</v>
      </c>
      <c r="M31" s="263">
        <v>348</v>
      </c>
      <c r="N31" s="261">
        <v>0</v>
      </c>
      <c r="O31" s="261">
        <v>0</v>
      </c>
      <c r="P31" s="258">
        <v>0</v>
      </c>
      <c r="Q31" s="260">
        <v>0</v>
      </c>
      <c r="R31" s="261">
        <v>11</v>
      </c>
      <c r="S31" s="261">
        <v>0</v>
      </c>
      <c r="T31" s="261">
        <v>0</v>
      </c>
      <c r="U31" s="261">
        <v>0</v>
      </c>
      <c r="V31" s="261">
        <v>0</v>
      </c>
      <c r="W31" s="258">
        <v>11</v>
      </c>
      <c r="X31" s="263">
        <v>11</v>
      </c>
    </row>
    <row r="32" spans="2:24" ht="21" customHeight="1" x14ac:dyDescent="0.2">
      <c r="B32" s="468" t="s">
        <v>30</v>
      </c>
      <c r="C32" s="261">
        <v>0</v>
      </c>
      <c r="D32" s="261">
        <v>0</v>
      </c>
      <c r="E32" s="258">
        <v>0</v>
      </c>
      <c r="F32" s="260">
        <v>0</v>
      </c>
      <c r="G32" s="261">
        <v>219</v>
      </c>
      <c r="H32" s="261">
        <v>70</v>
      </c>
      <c r="I32" s="261">
        <v>106</v>
      </c>
      <c r="J32" s="261">
        <v>55</v>
      </c>
      <c r="K32" s="261">
        <v>1</v>
      </c>
      <c r="L32" s="258">
        <v>451</v>
      </c>
      <c r="M32" s="263">
        <v>451</v>
      </c>
      <c r="N32" s="261">
        <v>0</v>
      </c>
      <c r="O32" s="261">
        <v>0</v>
      </c>
      <c r="P32" s="258">
        <v>0</v>
      </c>
      <c r="Q32" s="260">
        <v>0</v>
      </c>
      <c r="R32" s="261">
        <v>16</v>
      </c>
      <c r="S32" s="261">
        <v>17</v>
      </c>
      <c r="T32" s="261">
        <v>15</v>
      </c>
      <c r="U32" s="261">
        <v>0</v>
      </c>
      <c r="V32" s="261">
        <v>0</v>
      </c>
      <c r="W32" s="258">
        <v>48</v>
      </c>
      <c r="X32" s="263">
        <v>48</v>
      </c>
    </row>
    <row r="33" spans="2:24" ht="21" customHeight="1" x14ac:dyDescent="0.2">
      <c r="B33" s="468" t="s">
        <v>31</v>
      </c>
      <c r="C33" s="261">
        <v>0</v>
      </c>
      <c r="D33" s="261">
        <v>0</v>
      </c>
      <c r="E33" s="258">
        <v>0</v>
      </c>
      <c r="F33" s="260">
        <v>0</v>
      </c>
      <c r="G33" s="261">
        <v>147</v>
      </c>
      <c r="H33" s="261">
        <v>81</v>
      </c>
      <c r="I33" s="261">
        <v>126</v>
      </c>
      <c r="J33" s="261">
        <v>24</v>
      </c>
      <c r="K33" s="261">
        <v>0</v>
      </c>
      <c r="L33" s="258">
        <v>378</v>
      </c>
      <c r="M33" s="263">
        <v>378</v>
      </c>
      <c r="N33" s="261">
        <v>0</v>
      </c>
      <c r="O33" s="261">
        <v>0</v>
      </c>
      <c r="P33" s="258">
        <v>0</v>
      </c>
      <c r="Q33" s="260">
        <v>0</v>
      </c>
      <c r="R33" s="261">
        <v>0</v>
      </c>
      <c r="S33" s="261">
        <v>0</v>
      </c>
      <c r="T33" s="261">
        <v>4</v>
      </c>
      <c r="U33" s="261">
        <v>16</v>
      </c>
      <c r="V33" s="261">
        <v>17</v>
      </c>
      <c r="W33" s="258">
        <v>37</v>
      </c>
      <c r="X33" s="263">
        <v>37</v>
      </c>
    </row>
    <row r="34" spans="2:24" ht="21" customHeight="1" x14ac:dyDescent="0.2">
      <c r="B34" s="468" t="s">
        <v>32</v>
      </c>
      <c r="C34" s="261">
        <v>0</v>
      </c>
      <c r="D34" s="261">
        <v>0</v>
      </c>
      <c r="E34" s="258">
        <v>0</v>
      </c>
      <c r="F34" s="260">
        <v>0</v>
      </c>
      <c r="G34" s="261">
        <v>284</v>
      </c>
      <c r="H34" s="261">
        <v>222</v>
      </c>
      <c r="I34" s="261">
        <v>93</v>
      </c>
      <c r="J34" s="261">
        <v>30</v>
      </c>
      <c r="K34" s="261">
        <v>17</v>
      </c>
      <c r="L34" s="258">
        <v>646</v>
      </c>
      <c r="M34" s="263">
        <v>646</v>
      </c>
      <c r="N34" s="261">
        <v>0</v>
      </c>
      <c r="O34" s="261">
        <v>0</v>
      </c>
      <c r="P34" s="258">
        <v>0</v>
      </c>
      <c r="Q34" s="260">
        <v>0</v>
      </c>
      <c r="R34" s="261">
        <v>58</v>
      </c>
      <c r="S34" s="261">
        <v>0</v>
      </c>
      <c r="T34" s="261">
        <v>0</v>
      </c>
      <c r="U34" s="261">
        <v>0</v>
      </c>
      <c r="V34" s="261">
        <v>13</v>
      </c>
      <c r="W34" s="258">
        <v>71</v>
      </c>
      <c r="X34" s="263">
        <v>71</v>
      </c>
    </row>
    <row r="35" spans="2:24" ht="21" customHeight="1" x14ac:dyDescent="0.2">
      <c r="B35" s="468" t="s">
        <v>33</v>
      </c>
      <c r="C35" s="261">
        <v>0</v>
      </c>
      <c r="D35" s="261">
        <v>0</v>
      </c>
      <c r="E35" s="258">
        <v>0</v>
      </c>
      <c r="F35" s="260">
        <v>0</v>
      </c>
      <c r="G35" s="261">
        <v>140</v>
      </c>
      <c r="H35" s="261">
        <v>103</v>
      </c>
      <c r="I35" s="261">
        <v>88</v>
      </c>
      <c r="J35" s="261">
        <v>9</v>
      </c>
      <c r="K35" s="261">
        <v>7</v>
      </c>
      <c r="L35" s="258">
        <v>347</v>
      </c>
      <c r="M35" s="263">
        <v>347</v>
      </c>
      <c r="N35" s="261">
        <v>0</v>
      </c>
      <c r="O35" s="261">
        <v>0</v>
      </c>
      <c r="P35" s="258">
        <v>0</v>
      </c>
      <c r="Q35" s="260">
        <v>0</v>
      </c>
      <c r="R35" s="261">
        <v>0</v>
      </c>
      <c r="S35" s="261">
        <v>0</v>
      </c>
      <c r="T35" s="261">
        <v>0</v>
      </c>
      <c r="U35" s="261">
        <v>0</v>
      </c>
      <c r="V35" s="261">
        <v>0</v>
      </c>
      <c r="W35" s="258">
        <v>0</v>
      </c>
      <c r="X35" s="263">
        <v>0</v>
      </c>
    </row>
    <row r="36" spans="2:24" ht="21" customHeight="1" x14ac:dyDescent="0.2">
      <c r="B36" s="468" t="s">
        <v>34</v>
      </c>
      <c r="C36" s="261">
        <v>0</v>
      </c>
      <c r="D36" s="261">
        <v>0</v>
      </c>
      <c r="E36" s="258">
        <v>0</v>
      </c>
      <c r="F36" s="260">
        <v>0</v>
      </c>
      <c r="G36" s="261">
        <v>82</v>
      </c>
      <c r="H36" s="261">
        <v>33</v>
      </c>
      <c r="I36" s="261">
        <v>31</v>
      </c>
      <c r="J36" s="261">
        <v>12</v>
      </c>
      <c r="K36" s="261">
        <v>4</v>
      </c>
      <c r="L36" s="258">
        <v>162</v>
      </c>
      <c r="M36" s="263">
        <v>162</v>
      </c>
      <c r="N36" s="261">
        <v>0</v>
      </c>
      <c r="O36" s="261">
        <v>0</v>
      </c>
      <c r="P36" s="258">
        <v>0</v>
      </c>
      <c r="Q36" s="260">
        <v>0</v>
      </c>
      <c r="R36" s="261">
        <v>0</v>
      </c>
      <c r="S36" s="261">
        <v>0</v>
      </c>
      <c r="T36" s="261">
        <v>0</v>
      </c>
      <c r="U36" s="261">
        <v>0</v>
      </c>
      <c r="V36" s="261">
        <v>6</v>
      </c>
      <c r="W36" s="258">
        <v>6</v>
      </c>
      <c r="X36" s="263">
        <v>6</v>
      </c>
    </row>
    <row r="37" spans="2:24" ht="21" customHeight="1" x14ac:dyDescent="0.2">
      <c r="B37" s="468" t="s">
        <v>35</v>
      </c>
      <c r="C37" s="261">
        <v>0</v>
      </c>
      <c r="D37" s="261">
        <v>0</v>
      </c>
      <c r="E37" s="258">
        <v>0</v>
      </c>
      <c r="F37" s="260">
        <v>0</v>
      </c>
      <c r="G37" s="261">
        <v>132</v>
      </c>
      <c r="H37" s="261">
        <v>104</v>
      </c>
      <c r="I37" s="261">
        <v>176</v>
      </c>
      <c r="J37" s="261">
        <v>137</v>
      </c>
      <c r="K37" s="261">
        <v>32</v>
      </c>
      <c r="L37" s="258">
        <v>581</v>
      </c>
      <c r="M37" s="263">
        <v>581</v>
      </c>
      <c r="N37" s="261">
        <v>0</v>
      </c>
      <c r="O37" s="261">
        <v>0</v>
      </c>
      <c r="P37" s="258">
        <v>0</v>
      </c>
      <c r="Q37" s="260">
        <v>0</v>
      </c>
      <c r="R37" s="261">
        <v>0</v>
      </c>
      <c r="S37" s="261">
        <v>18</v>
      </c>
      <c r="T37" s="261">
        <v>0</v>
      </c>
      <c r="U37" s="261">
        <v>0</v>
      </c>
      <c r="V37" s="261">
        <v>0</v>
      </c>
      <c r="W37" s="258">
        <v>18</v>
      </c>
      <c r="X37" s="263">
        <v>18</v>
      </c>
    </row>
    <row r="38" spans="2:24" ht="21" customHeight="1" x14ac:dyDescent="0.2">
      <c r="B38" s="468" t="s">
        <v>36</v>
      </c>
      <c r="C38" s="261">
        <v>0</v>
      </c>
      <c r="D38" s="261">
        <v>0</v>
      </c>
      <c r="E38" s="258">
        <v>0</v>
      </c>
      <c r="F38" s="260">
        <v>0</v>
      </c>
      <c r="G38" s="261">
        <v>555</v>
      </c>
      <c r="H38" s="261">
        <v>359</v>
      </c>
      <c r="I38" s="261">
        <v>420</v>
      </c>
      <c r="J38" s="261">
        <v>134</v>
      </c>
      <c r="K38" s="261">
        <v>226</v>
      </c>
      <c r="L38" s="258">
        <v>1694</v>
      </c>
      <c r="M38" s="263">
        <v>1694</v>
      </c>
      <c r="N38" s="261">
        <v>0</v>
      </c>
      <c r="O38" s="261">
        <v>0</v>
      </c>
      <c r="P38" s="258">
        <v>0</v>
      </c>
      <c r="Q38" s="260">
        <v>0</v>
      </c>
      <c r="R38" s="261">
        <v>0</v>
      </c>
      <c r="S38" s="261">
        <v>0</v>
      </c>
      <c r="T38" s="261">
        <v>0</v>
      </c>
      <c r="U38" s="261">
        <v>0</v>
      </c>
      <c r="V38" s="261">
        <v>0</v>
      </c>
      <c r="W38" s="258">
        <v>0</v>
      </c>
      <c r="X38" s="263">
        <v>0</v>
      </c>
    </row>
    <row r="39" spans="2:24" ht="21" customHeight="1" thickBot="1" x14ac:dyDescent="0.25">
      <c r="B39" s="469" t="s">
        <v>37</v>
      </c>
      <c r="C39" s="268">
        <v>0</v>
      </c>
      <c r="D39" s="268">
        <v>0</v>
      </c>
      <c r="E39" s="265">
        <v>0</v>
      </c>
      <c r="F39" s="267">
        <v>0</v>
      </c>
      <c r="G39" s="268">
        <v>122</v>
      </c>
      <c r="H39" s="268">
        <v>57</v>
      </c>
      <c r="I39" s="268">
        <v>72</v>
      </c>
      <c r="J39" s="268">
        <v>3</v>
      </c>
      <c r="K39" s="268">
        <v>26</v>
      </c>
      <c r="L39" s="265">
        <v>280</v>
      </c>
      <c r="M39" s="270">
        <v>280</v>
      </c>
      <c r="N39" s="268">
        <v>0</v>
      </c>
      <c r="O39" s="268">
        <v>0</v>
      </c>
      <c r="P39" s="265">
        <v>0</v>
      </c>
      <c r="Q39" s="267">
        <v>0</v>
      </c>
      <c r="R39" s="268">
        <v>0</v>
      </c>
      <c r="S39" s="268">
        <v>0</v>
      </c>
      <c r="T39" s="268">
        <v>0</v>
      </c>
      <c r="U39" s="268">
        <v>10</v>
      </c>
      <c r="V39" s="268">
        <v>16</v>
      </c>
      <c r="W39" s="265">
        <v>26</v>
      </c>
      <c r="X39" s="270">
        <v>26</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4</v>
      </c>
      <c r="H1" s="539">
        <f>第１表!F2</f>
        <v>6</v>
      </c>
      <c r="I1" s="539"/>
      <c r="J1" s="235">
        <f>第１表!G2</f>
        <v>1</v>
      </c>
      <c r="K1" s="543">
        <f>IF(J1&lt;3,J1+12-2,J1-2)</f>
        <v>11</v>
      </c>
      <c r="L1" s="543"/>
    </row>
    <row r="2" spans="2:24" ht="24" customHeight="1" thickBot="1" x14ac:dyDescent="0.25">
      <c r="B2" s="271" t="s">
        <v>133</v>
      </c>
    </row>
    <row r="3" spans="2:24" ht="21" customHeight="1" x14ac:dyDescent="0.2">
      <c r="B3" s="555"/>
      <c r="C3" s="551" t="s">
        <v>141</v>
      </c>
      <c r="D3" s="551"/>
      <c r="E3" s="551"/>
      <c r="F3" s="551"/>
      <c r="G3" s="551"/>
      <c r="H3" s="551"/>
      <c r="I3" s="551"/>
      <c r="J3" s="551"/>
      <c r="K3" s="551"/>
      <c r="L3" s="551"/>
      <c r="M3" s="581"/>
      <c r="N3" s="551" t="s">
        <v>113</v>
      </c>
      <c r="O3" s="551"/>
      <c r="P3" s="551"/>
      <c r="Q3" s="551"/>
      <c r="R3" s="551"/>
      <c r="S3" s="551"/>
      <c r="T3" s="551"/>
      <c r="U3" s="551"/>
      <c r="V3" s="551"/>
      <c r="W3" s="551"/>
      <c r="X3" s="581"/>
    </row>
    <row r="4" spans="2:24" ht="21" customHeight="1" x14ac:dyDescent="0.2">
      <c r="B4" s="579"/>
      <c r="C4" s="582" t="s">
        <v>61</v>
      </c>
      <c r="D4" s="582"/>
      <c r="E4" s="583"/>
      <c r="F4" s="584" t="s">
        <v>62</v>
      </c>
      <c r="G4" s="582"/>
      <c r="H4" s="582"/>
      <c r="I4" s="582"/>
      <c r="J4" s="582"/>
      <c r="K4" s="582"/>
      <c r="L4" s="585"/>
      <c r="M4" s="586" t="s">
        <v>52</v>
      </c>
      <c r="N4" s="582" t="s">
        <v>61</v>
      </c>
      <c r="O4" s="582"/>
      <c r="P4" s="583"/>
      <c r="Q4" s="584" t="s">
        <v>62</v>
      </c>
      <c r="R4" s="582"/>
      <c r="S4" s="582"/>
      <c r="T4" s="582"/>
      <c r="U4" s="582"/>
      <c r="V4" s="582"/>
      <c r="W4" s="585"/>
      <c r="X4" s="586" t="s">
        <v>52</v>
      </c>
    </row>
    <row r="5" spans="2:24" ht="30" customHeight="1" thickBot="1" x14ac:dyDescent="0.25">
      <c r="B5" s="580"/>
      <c r="C5" s="243" t="s">
        <v>43</v>
      </c>
      <c r="D5" s="243" t="s">
        <v>44</v>
      </c>
      <c r="E5" s="246" t="s">
        <v>45</v>
      </c>
      <c r="F5" s="248" t="s">
        <v>83</v>
      </c>
      <c r="G5" s="243" t="s">
        <v>47</v>
      </c>
      <c r="H5" s="243" t="s">
        <v>48</v>
      </c>
      <c r="I5" s="243" t="s">
        <v>49</v>
      </c>
      <c r="J5" s="243" t="s">
        <v>50</v>
      </c>
      <c r="K5" s="243" t="s">
        <v>51</v>
      </c>
      <c r="L5" s="246" t="s">
        <v>45</v>
      </c>
      <c r="M5" s="554"/>
      <c r="N5" s="243" t="s">
        <v>43</v>
      </c>
      <c r="O5" s="243" t="s">
        <v>44</v>
      </c>
      <c r="P5" s="246" t="s">
        <v>45</v>
      </c>
      <c r="Q5" s="248" t="s">
        <v>83</v>
      </c>
      <c r="R5" s="243" t="s">
        <v>47</v>
      </c>
      <c r="S5" s="243" t="s">
        <v>48</v>
      </c>
      <c r="T5" s="243" t="s">
        <v>49</v>
      </c>
      <c r="U5" s="243" t="s">
        <v>50</v>
      </c>
      <c r="V5" s="243" t="s">
        <v>51</v>
      </c>
      <c r="W5" s="246" t="s">
        <v>45</v>
      </c>
      <c r="X5" s="554"/>
    </row>
    <row r="6" spans="2:24" ht="21" customHeight="1" x14ac:dyDescent="0.2">
      <c r="B6" s="466" t="s">
        <v>4</v>
      </c>
      <c r="C6" s="254">
        <v>0</v>
      </c>
      <c r="D6" s="254">
        <v>0</v>
      </c>
      <c r="E6" s="251">
        <v>0</v>
      </c>
      <c r="F6" s="253">
        <v>0</v>
      </c>
      <c r="G6" s="254">
        <v>6616</v>
      </c>
      <c r="H6" s="254">
        <v>6301</v>
      </c>
      <c r="I6" s="254">
        <v>3477</v>
      </c>
      <c r="J6" s="254">
        <v>1487</v>
      </c>
      <c r="K6" s="254">
        <v>566</v>
      </c>
      <c r="L6" s="251">
        <v>18447</v>
      </c>
      <c r="M6" s="256">
        <v>18447</v>
      </c>
      <c r="N6" s="254">
        <v>0</v>
      </c>
      <c r="O6" s="254">
        <v>0</v>
      </c>
      <c r="P6" s="251">
        <v>0</v>
      </c>
      <c r="Q6" s="253">
        <v>0</v>
      </c>
      <c r="R6" s="254">
        <v>627</v>
      </c>
      <c r="S6" s="254">
        <v>648</v>
      </c>
      <c r="T6" s="254">
        <v>849</v>
      </c>
      <c r="U6" s="254">
        <v>415</v>
      </c>
      <c r="V6" s="254">
        <v>209</v>
      </c>
      <c r="W6" s="251">
        <v>2748</v>
      </c>
      <c r="X6" s="256">
        <v>2748</v>
      </c>
    </row>
    <row r="7" spans="2:24" ht="21" customHeight="1" x14ac:dyDescent="0.2">
      <c r="B7" s="467" t="s">
        <v>5</v>
      </c>
      <c r="C7" s="261">
        <v>0</v>
      </c>
      <c r="D7" s="261">
        <v>0</v>
      </c>
      <c r="E7" s="258">
        <v>0</v>
      </c>
      <c r="F7" s="260">
        <v>0</v>
      </c>
      <c r="G7" s="261">
        <v>2610</v>
      </c>
      <c r="H7" s="261">
        <v>3101</v>
      </c>
      <c r="I7" s="261">
        <v>1698</v>
      </c>
      <c r="J7" s="261">
        <v>784</v>
      </c>
      <c r="K7" s="261">
        <v>263</v>
      </c>
      <c r="L7" s="258">
        <v>8456</v>
      </c>
      <c r="M7" s="263">
        <v>8456</v>
      </c>
      <c r="N7" s="261">
        <v>0</v>
      </c>
      <c r="O7" s="261">
        <v>0</v>
      </c>
      <c r="P7" s="258">
        <v>0</v>
      </c>
      <c r="Q7" s="260">
        <v>0</v>
      </c>
      <c r="R7" s="261">
        <v>313</v>
      </c>
      <c r="S7" s="261">
        <v>316</v>
      </c>
      <c r="T7" s="261">
        <v>436</v>
      </c>
      <c r="U7" s="261">
        <v>229</v>
      </c>
      <c r="V7" s="261">
        <v>101</v>
      </c>
      <c r="W7" s="258">
        <v>1395</v>
      </c>
      <c r="X7" s="263">
        <v>1395</v>
      </c>
    </row>
    <row r="8" spans="2:24" ht="21" customHeight="1" x14ac:dyDescent="0.2">
      <c r="B8" s="468" t="s">
        <v>6</v>
      </c>
      <c r="C8" s="261">
        <v>0</v>
      </c>
      <c r="D8" s="261">
        <v>0</v>
      </c>
      <c r="E8" s="258">
        <v>0</v>
      </c>
      <c r="F8" s="260">
        <v>0</v>
      </c>
      <c r="G8" s="261">
        <v>766</v>
      </c>
      <c r="H8" s="261">
        <v>537</v>
      </c>
      <c r="I8" s="261">
        <v>247</v>
      </c>
      <c r="J8" s="261">
        <v>197</v>
      </c>
      <c r="K8" s="261">
        <v>66</v>
      </c>
      <c r="L8" s="258">
        <v>1813</v>
      </c>
      <c r="M8" s="263">
        <v>1813</v>
      </c>
      <c r="N8" s="261">
        <v>0</v>
      </c>
      <c r="O8" s="261">
        <v>0</v>
      </c>
      <c r="P8" s="258">
        <v>0</v>
      </c>
      <c r="Q8" s="260">
        <v>0</v>
      </c>
      <c r="R8" s="261">
        <v>155</v>
      </c>
      <c r="S8" s="261">
        <v>121</v>
      </c>
      <c r="T8" s="261">
        <v>149</v>
      </c>
      <c r="U8" s="261">
        <v>68</v>
      </c>
      <c r="V8" s="261">
        <v>64</v>
      </c>
      <c r="W8" s="258">
        <v>557</v>
      </c>
      <c r="X8" s="263">
        <v>557</v>
      </c>
    </row>
    <row r="9" spans="2:24" ht="21" customHeight="1" x14ac:dyDescent="0.2">
      <c r="B9" s="468" t="s">
        <v>14</v>
      </c>
      <c r="C9" s="261">
        <v>0</v>
      </c>
      <c r="D9" s="261">
        <v>0</v>
      </c>
      <c r="E9" s="258">
        <v>0</v>
      </c>
      <c r="F9" s="260">
        <v>0</v>
      </c>
      <c r="G9" s="261">
        <v>575</v>
      </c>
      <c r="H9" s="261">
        <v>595</v>
      </c>
      <c r="I9" s="261">
        <v>372</v>
      </c>
      <c r="J9" s="261">
        <v>134</v>
      </c>
      <c r="K9" s="261">
        <v>56</v>
      </c>
      <c r="L9" s="258">
        <v>1732</v>
      </c>
      <c r="M9" s="263">
        <v>1732</v>
      </c>
      <c r="N9" s="261">
        <v>0</v>
      </c>
      <c r="O9" s="261">
        <v>0</v>
      </c>
      <c r="P9" s="258">
        <v>0</v>
      </c>
      <c r="Q9" s="260">
        <v>0</v>
      </c>
      <c r="R9" s="261">
        <v>1</v>
      </c>
      <c r="S9" s="261">
        <v>28</v>
      </c>
      <c r="T9" s="261">
        <v>40</v>
      </c>
      <c r="U9" s="261">
        <v>0</v>
      </c>
      <c r="V9" s="261">
        <v>0</v>
      </c>
      <c r="W9" s="258">
        <v>69</v>
      </c>
      <c r="X9" s="263">
        <v>69</v>
      </c>
    </row>
    <row r="10" spans="2:24" ht="21" customHeight="1" x14ac:dyDescent="0.2">
      <c r="B10" s="468" t="s">
        <v>7</v>
      </c>
      <c r="C10" s="261">
        <v>0</v>
      </c>
      <c r="D10" s="261">
        <v>0</v>
      </c>
      <c r="E10" s="258">
        <v>0</v>
      </c>
      <c r="F10" s="260">
        <v>0</v>
      </c>
      <c r="G10" s="261">
        <v>524</v>
      </c>
      <c r="H10" s="261">
        <v>395</v>
      </c>
      <c r="I10" s="261">
        <v>167</v>
      </c>
      <c r="J10" s="261">
        <v>65</v>
      </c>
      <c r="K10" s="261">
        <v>20</v>
      </c>
      <c r="L10" s="258">
        <v>1171</v>
      </c>
      <c r="M10" s="263">
        <v>1171</v>
      </c>
      <c r="N10" s="261">
        <v>0</v>
      </c>
      <c r="O10" s="261">
        <v>0</v>
      </c>
      <c r="P10" s="258">
        <v>0</v>
      </c>
      <c r="Q10" s="260">
        <v>0</v>
      </c>
      <c r="R10" s="261">
        <v>75</v>
      </c>
      <c r="S10" s="261">
        <v>72</v>
      </c>
      <c r="T10" s="261">
        <v>71</v>
      </c>
      <c r="U10" s="261">
        <v>39</v>
      </c>
      <c r="V10" s="261">
        <v>23</v>
      </c>
      <c r="W10" s="258">
        <v>280</v>
      </c>
      <c r="X10" s="263">
        <v>280</v>
      </c>
    </row>
    <row r="11" spans="2:24" ht="21" customHeight="1" x14ac:dyDescent="0.2">
      <c r="B11" s="468" t="s">
        <v>8</v>
      </c>
      <c r="C11" s="261">
        <v>0</v>
      </c>
      <c r="D11" s="261">
        <v>0</v>
      </c>
      <c r="E11" s="258">
        <v>0</v>
      </c>
      <c r="F11" s="260">
        <v>0</v>
      </c>
      <c r="G11" s="261">
        <v>208</v>
      </c>
      <c r="H11" s="261">
        <v>272</v>
      </c>
      <c r="I11" s="261">
        <v>196</v>
      </c>
      <c r="J11" s="261">
        <v>35</v>
      </c>
      <c r="K11" s="261">
        <v>26</v>
      </c>
      <c r="L11" s="258">
        <v>737</v>
      </c>
      <c r="M11" s="263">
        <v>737</v>
      </c>
      <c r="N11" s="261">
        <v>0</v>
      </c>
      <c r="O11" s="261">
        <v>0</v>
      </c>
      <c r="P11" s="258">
        <v>0</v>
      </c>
      <c r="Q11" s="260">
        <v>0</v>
      </c>
      <c r="R11" s="261">
        <v>10</v>
      </c>
      <c r="S11" s="261">
        <v>0</v>
      </c>
      <c r="T11" s="261">
        <v>0</v>
      </c>
      <c r="U11" s="261">
        <v>8</v>
      </c>
      <c r="V11" s="261">
        <v>0</v>
      </c>
      <c r="W11" s="258">
        <v>18</v>
      </c>
      <c r="X11" s="263">
        <v>18</v>
      </c>
    </row>
    <row r="12" spans="2:24" ht="21" customHeight="1" x14ac:dyDescent="0.2">
      <c r="B12" s="468" t="s">
        <v>9</v>
      </c>
      <c r="C12" s="261">
        <v>0</v>
      </c>
      <c r="D12" s="261">
        <v>0</v>
      </c>
      <c r="E12" s="258">
        <v>0</v>
      </c>
      <c r="F12" s="260">
        <v>0</v>
      </c>
      <c r="G12" s="261">
        <v>267</v>
      </c>
      <c r="H12" s="261">
        <v>181</v>
      </c>
      <c r="I12" s="261">
        <v>117</v>
      </c>
      <c r="J12" s="261">
        <v>47</v>
      </c>
      <c r="K12" s="261">
        <v>41</v>
      </c>
      <c r="L12" s="258">
        <v>653</v>
      </c>
      <c r="M12" s="263">
        <v>653</v>
      </c>
      <c r="N12" s="261">
        <v>0</v>
      </c>
      <c r="O12" s="261">
        <v>0</v>
      </c>
      <c r="P12" s="258">
        <v>0</v>
      </c>
      <c r="Q12" s="260">
        <v>0</v>
      </c>
      <c r="R12" s="261">
        <v>0</v>
      </c>
      <c r="S12" s="261">
        <v>0</v>
      </c>
      <c r="T12" s="261">
        <v>0</v>
      </c>
      <c r="U12" s="261">
        <v>0</v>
      </c>
      <c r="V12" s="261">
        <v>13</v>
      </c>
      <c r="W12" s="258">
        <v>13</v>
      </c>
      <c r="X12" s="263">
        <v>13</v>
      </c>
    </row>
    <row r="13" spans="2:24" ht="21" customHeight="1" x14ac:dyDescent="0.2">
      <c r="B13" s="468" t="s">
        <v>10</v>
      </c>
      <c r="C13" s="261">
        <v>0</v>
      </c>
      <c r="D13" s="261">
        <v>0</v>
      </c>
      <c r="E13" s="258">
        <v>0</v>
      </c>
      <c r="F13" s="260">
        <v>0</v>
      </c>
      <c r="G13" s="261">
        <v>291</v>
      </c>
      <c r="H13" s="261">
        <v>209</v>
      </c>
      <c r="I13" s="261">
        <v>65</v>
      </c>
      <c r="J13" s="261">
        <v>52</v>
      </c>
      <c r="K13" s="261">
        <v>26</v>
      </c>
      <c r="L13" s="258">
        <v>643</v>
      </c>
      <c r="M13" s="263">
        <v>643</v>
      </c>
      <c r="N13" s="261">
        <v>0</v>
      </c>
      <c r="O13" s="261">
        <v>0</v>
      </c>
      <c r="P13" s="258">
        <v>0</v>
      </c>
      <c r="Q13" s="260">
        <v>0</v>
      </c>
      <c r="R13" s="261">
        <v>20</v>
      </c>
      <c r="S13" s="261">
        <v>1</v>
      </c>
      <c r="T13" s="261">
        <v>24</v>
      </c>
      <c r="U13" s="261">
        <v>0</v>
      </c>
      <c r="V13" s="261">
        <v>4</v>
      </c>
      <c r="W13" s="258">
        <v>49</v>
      </c>
      <c r="X13" s="263">
        <v>49</v>
      </c>
    </row>
    <row r="14" spans="2:24" ht="21" customHeight="1" x14ac:dyDescent="0.2">
      <c r="B14" s="468" t="s">
        <v>11</v>
      </c>
      <c r="C14" s="261">
        <v>0</v>
      </c>
      <c r="D14" s="261">
        <v>0</v>
      </c>
      <c r="E14" s="258">
        <v>0</v>
      </c>
      <c r="F14" s="260">
        <v>0</v>
      </c>
      <c r="G14" s="261">
        <v>106</v>
      </c>
      <c r="H14" s="261">
        <v>61</v>
      </c>
      <c r="I14" s="261">
        <v>51</v>
      </c>
      <c r="J14" s="261">
        <v>23</v>
      </c>
      <c r="K14" s="261">
        <v>13</v>
      </c>
      <c r="L14" s="258">
        <v>254</v>
      </c>
      <c r="M14" s="263">
        <v>254</v>
      </c>
      <c r="N14" s="261">
        <v>0</v>
      </c>
      <c r="O14" s="261">
        <v>0</v>
      </c>
      <c r="P14" s="258">
        <v>0</v>
      </c>
      <c r="Q14" s="260">
        <v>0</v>
      </c>
      <c r="R14" s="261">
        <v>14</v>
      </c>
      <c r="S14" s="261">
        <v>24</v>
      </c>
      <c r="T14" s="261">
        <v>9</v>
      </c>
      <c r="U14" s="261">
        <v>0</v>
      </c>
      <c r="V14" s="261">
        <v>0</v>
      </c>
      <c r="W14" s="258">
        <v>47</v>
      </c>
      <c r="X14" s="263">
        <v>47</v>
      </c>
    </row>
    <row r="15" spans="2:24" ht="21" customHeight="1" x14ac:dyDescent="0.2">
      <c r="B15" s="468" t="s">
        <v>12</v>
      </c>
      <c r="C15" s="261">
        <v>0</v>
      </c>
      <c r="D15" s="261">
        <v>0</v>
      </c>
      <c r="E15" s="258">
        <v>0</v>
      </c>
      <c r="F15" s="260">
        <v>0</v>
      </c>
      <c r="G15" s="261">
        <v>192</v>
      </c>
      <c r="H15" s="261">
        <v>144</v>
      </c>
      <c r="I15" s="261">
        <v>106</v>
      </c>
      <c r="J15" s="261">
        <v>38</v>
      </c>
      <c r="K15" s="261">
        <v>8</v>
      </c>
      <c r="L15" s="258">
        <v>488</v>
      </c>
      <c r="M15" s="263">
        <v>488</v>
      </c>
      <c r="N15" s="261">
        <v>0</v>
      </c>
      <c r="O15" s="261">
        <v>0</v>
      </c>
      <c r="P15" s="258">
        <v>0</v>
      </c>
      <c r="Q15" s="260">
        <v>0</v>
      </c>
      <c r="R15" s="261">
        <v>0</v>
      </c>
      <c r="S15" s="261">
        <v>0</v>
      </c>
      <c r="T15" s="261">
        <v>0</v>
      </c>
      <c r="U15" s="261">
        <v>0</v>
      </c>
      <c r="V15" s="261">
        <v>0</v>
      </c>
      <c r="W15" s="258">
        <v>0</v>
      </c>
      <c r="X15" s="263">
        <v>0</v>
      </c>
    </row>
    <row r="16" spans="2:24" ht="21" customHeight="1" x14ac:dyDescent="0.2">
      <c r="B16" s="468" t="s">
        <v>13</v>
      </c>
      <c r="C16" s="261">
        <v>0</v>
      </c>
      <c r="D16" s="261">
        <v>0</v>
      </c>
      <c r="E16" s="258">
        <v>0</v>
      </c>
      <c r="F16" s="260">
        <v>0</v>
      </c>
      <c r="G16" s="261">
        <v>120</v>
      </c>
      <c r="H16" s="261">
        <v>79</v>
      </c>
      <c r="I16" s="261">
        <v>51</v>
      </c>
      <c r="J16" s="261">
        <v>24</v>
      </c>
      <c r="K16" s="261">
        <v>0</v>
      </c>
      <c r="L16" s="258">
        <v>274</v>
      </c>
      <c r="M16" s="263">
        <v>274</v>
      </c>
      <c r="N16" s="261">
        <v>0</v>
      </c>
      <c r="O16" s="261">
        <v>0</v>
      </c>
      <c r="P16" s="258">
        <v>0</v>
      </c>
      <c r="Q16" s="260">
        <v>0</v>
      </c>
      <c r="R16" s="261">
        <v>0</v>
      </c>
      <c r="S16" s="261">
        <v>29</v>
      </c>
      <c r="T16" s="261">
        <v>14</v>
      </c>
      <c r="U16" s="261">
        <v>7</v>
      </c>
      <c r="V16" s="261">
        <v>4</v>
      </c>
      <c r="W16" s="258">
        <v>54</v>
      </c>
      <c r="X16" s="263">
        <v>54</v>
      </c>
    </row>
    <row r="17" spans="2:24" ht="21" customHeight="1" x14ac:dyDescent="0.2">
      <c r="B17" s="468" t="s">
        <v>15</v>
      </c>
      <c r="C17" s="261">
        <v>0</v>
      </c>
      <c r="D17" s="261">
        <v>0</v>
      </c>
      <c r="E17" s="258">
        <v>0</v>
      </c>
      <c r="F17" s="260">
        <v>0</v>
      </c>
      <c r="G17" s="261">
        <v>87</v>
      </c>
      <c r="H17" s="261">
        <v>44</v>
      </c>
      <c r="I17" s="261">
        <v>72</v>
      </c>
      <c r="J17" s="261">
        <v>8</v>
      </c>
      <c r="K17" s="261">
        <v>0</v>
      </c>
      <c r="L17" s="258">
        <v>211</v>
      </c>
      <c r="M17" s="263">
        <v>211</v>
      </c>
      <c r="N17" s="261">
        <v>0</v>
      </c>
      <c r="O17" s="261">
        <v>0</v>
      </c>
      <c r="P17" s="258">
        <v>0</v>
      </c>
      <c r="Q17" s="260">
        <v>0</v>
      </c>
      <c r="R17" s="261">
        <v>14</v>
      </c>
      <c r="S17" s="261">
        <v>0</v>
      </c>
      <c r="T17" s="261">
        <v>0</v>
      </c>
      <c r="U17" s="261">
        <v>4</v>
      </c>
      <c r="V17" s="261">
        <v>0</v>
      </c>
      <c r="W17" s="258">
        <v>18</v>
      </c>
      <c r="X17" s="263">
        <v>18</v>
      </c>
    </row>
    <row r="18" spans="2:24" ht="21" customHeight="1" x14ac:dyDescent="0.2">
      <c r="B18" s="468" t="s">
        <v>16</v>
      </c>
      <c r="C18" s="261">
        <v>0</v>
      </c>
      <c r="D18" s="261">
        <v>0</v>
      </c>
      <c r="E18" s="258">
        <v>0</v>
      </c>
      <c r="F18" s="260">
        <v>0</v>
      </c>
      <c r="G18" s="261">
        <v>48</v>
      </c>
      <c r="H18" s="261">
        <v>61</v>
      </c>
      <c r="I18" s="261">
        <v>32</v>
      </c>
      <c r="J18" s="261">
        <v>24</v>
      </c>
      <c r="K18" s="261">
        <v>0</v>
      </c>
      <c r="L18" s="258">
        <v>165</v>
      </c>
      <c r="M18" s="263">
        <v>165</v>
      </c>
      <c r="N18" s="261">
        <v>0</v>
      </c>
      <c r="O18" s="261">
        <v>0</v>
      </c>
      <c r="P18" s="258">
        <v>0</v>
      </c>
      <c r="Q18" s="260">
        <v>0</v>
      </c>
      <c r="R18" s="261">
        <v>13</v>
      </c>
      <c r="S18" s="261">
        <v>14</v>
      </c>
      <c r="T18" s="261">
        <v>5</v>
      </c>
      <c r="U18" s="261">
        <v>0</v>
      </c>
      <c r="V18" s="261">
        <v>0</v>
      </c>
      <c r="W18" s="258">
        <v>32</v>
      </c>
      <c r="X18" s="263">
        <v>32</v>
      </c>
    </row>
    <row r="19" spans="2:24" ht="21" customHeight="1" x14ac:dyDescent="0.2">
      <c r="B19" s="468" t="s">
        <v>17</v>
      </c>
      <c r="C19" s="261">
        <v>0</v>
      </c>
      <c r="D19" s="261">
        <v>0</v>
      </c>
      <c r="E19" s="258">
        <v>0</v>
      </c>
      <c r="F19" s="260">
        <v>0</v>
      </c>
      <c r="G19" s="261">
        <v>168</v>
      </c>
      <c r="H19" s="261">
        <v>182</v>
      </c>
      <c r="I19" s="261">
        <v>90</v>
      </c>
      <c r="J19" s="261">
        <v>13</v>
      </c>
      <c r="K19" s="261">
        <v>25</v>
      </c>
      <c r="L19" s="258">
        <v>478</v>
      </c>
      <c r="M19" s="263">
        <v>478</v>
      </c>
      <c r="N19" s="261">
        <v>0</v>
      </c>
      <c r="O19" s="261">
        <v>0</v>
      </c>
      <c r="P19" s="258">
        <v>0</v>
      </c>
      <c r="Q19" s="260">
        <v>0</v>
      </c>
      <c r="R19" s="261">
        <v>0</v>
      </c>
      <c r="S19" s="261">
        <v>6</v>
      </c>
      <c r="T19" s="261">
        <v>0</v>
      </c>
      <c r="U19" s="261">
        <v>0</v>
      </c>
      <c r="V19" s="261">
        <v>0</v>
      </c>
      <c r="W19" s="258">
        <v>6</v>
      </c>
      <c r="X19" s="263">
        <v>6</v>
      </c>
    </row>
    <row r="20" spans="2:24" ht="21" customHeight="1" x14ac:dyDescent="0.2">
      <c r="B20" s="468" t="s">
        <v>18</v>
      </c>
      <c r="C20" s="261">
        <v>0</v>
      </c>
      <c r="D20" s="261">
        <v>0</v>
      </c>
      <c r="E20" s="258">
        <v>0</v>
      </c>
      <c r="F20" s="260">
        <v>0</v>
      </c>
      <c r="G20" s="261">
        <v>179</v>
      </c>
      <c r="H20" s="261">
        <v>126</v>
      </c>
      <c r="I20" s="261">
        <v>52</v>
      </c>
      <c r="J20" s="261">
        <v>0</v>
      </c>
      <c r="K20" s="261">
        <v>0</v>
      </c>
      <c r="L20" s="258">
        <v>357</v>
      </c>
      <c r="M20" s="263">
        <v>357</v>
      </c>
      <c r="N20" s="261">
        <v>0</v>
      </c>
      <c r="O20" s="261">
        <v>0</v>
      </c>
      <c r="P20" s="258">
        <v>0</v>
      </c>
      <c r="Q20" s="260">
        <v>0</v>
      </c>
      <c r="R20" s="261">
        <v>0</v>
      </c>
      <c r="S20" s="261">
        <v>21</v>
      </c>
      <c r="T20" s="261">
        <v>49</v>
      </c>
      <c r="U20" s="261">
        <v>22</v>
      </c>
      <c r="V20" s="261">
        <v>0</v>
      </c>
      <c r="W20" s="258">
        <v>92</v>
      </c>
      <c r="X20" s="263">
        <v>92</v>
      </c>
    </row>
    <row r="21" spans="2:24" ht="21" customHeight="1" x14ac:dyDescent="0.2">
      <c r="B21" s="468" t="s">
        <v>19</v>
      </c>
      <c r="C21" s="261">
        <v>0</v>
      </c>
      <c r="D21" s="261">
        <v>0</v>
      </c>
      <c r="E21" s="258">
        <v>0</v>
      </c>
      <c r="F21" s="260">
        <v>0</v>
      </c>
      <c r="G21" s="261">
        <v>58</v>
      </c>
      <c r="H21" s="261">
        <v>46</v>
      </c>
      <c r="I21" s="261">
        <v>21</v>
      </c>
      <c r="J21" s="261">
        <v>0</v>
      </c>
      <c r="K21" s="261">
        <v>0</v>
      </c>
      <c r="L21" s="258">
        <v>125</v>
      </c>
      <c r="M21" s="263">
        <v>125</v>
      </c>
      <c r="N21" s="261">
        <v>0</v>
      </c>
      <c r="O21" s="261">
        <v>0</v>
      </c>
      <c r="P21" s="258">
        <v>0</v>
      </c>
      <c r="Q21" s="260">
        <v>0</v>
      </c>
      <c r="R21" s="261">
        <v>12</v>
      </c>
      <c r="S21" s="261">
        <v>13</v>
      </c>
      <c r="T21" s="261">
        <v>26</v>
      </c>
      <c r="U21" s="261">
        <v>0</v>
      </c>
      <c r="V21" s="261">
        <v>0</v>
      </c>
      <c r="W21" s="258">
        <v>51</v>
      </c>
      <c r="X21" s="263">
        <v>51</v>
      </c>
    </row>
    <row r="22" spans="2:24" ht="21" customHeight="1" x14ac:dyDescent="0.2">
      <c r="B22" s="468" t="s">
        <v>20</v>
      </c>
      <c r="C22" s="261">
        <v>0</v>
      </c>
      <c r="D22" s="261">
        <v>0</v>
      </c>
      <c r="E22" s="258">
        <v>0</v>
      </c>
      <c r="F22" s="260">
        <v>0</v>
      </c>
      <c r="G22" s="261">
        <v>84</v>
      </c>
      <c r="H22" s="261">
        <v>89</v>
      </c>
      <c r="I22" s="261">
        <v>38</v>
      </c>
      <c r="J22" s="261">
        <v>10</v>
      </c>
      <c r="K22" s="261">
        <v>14</v>
      </c>
      <c r="L22" s="258">
        <v>235</v>
      </c>
      <c r="M22" s="263">
        <v>235</v>
      </c>
      <c r="N22" s="261">
        <v>0</v>
      </c>
      <c r="O22" s="261">
        <v>0</v>
      </c>
      <c r="P22" s="258">
        <v>0</v>
      </c>
      <c r="Q22" s="260">
        <v>0</v>
      </c>
      <c r="R22" s="261">
        <v>0</v>
      </c>
      <c r="S22" s="261">
        <v>0</v>
      </c>
      <c r="T22" s="261">
        <v>0</v>
      </c>
      <c r="U22" s="261">
        <v>0</v>
      </c>
      <c r="V22" s="261">
        <v>0</v>
      </c>
      <c r="W22" s="258">
        <v>0</v>
      </c>
      <c r="X22" s="263">
        <v>0</v>
      </c>
    </row>
    <row r="23" spans="2:24" ht="21" customHeight="1" x14ac:dyDescent="0.2">
      <c r="B23" s="468" t="s">
        <v>21</v>
      </c>
      <c r="C23" s="261">
        <v>0</v>
      </c>
      <c r="D23" s="261">
        <v>0</v>
      </c>
      <c r="E23" s="258">
        <v>0</v>
      </c>
      <c r="F23" s="260">
        <v>0</v>
      </c>
      <c r="G23" s="261">
        <v>104</v>
      </c>
      <c r="H23" s="261">
        <v>48</v>
      </c>
      <c r="I23" s="261">
        <v>28</v>
      </c>
      <c r="J23" s="261">
        <v>12</v>
      </c>
      <c r="K23" s="261">
        <v>0</v>
      </c>
      <c r="L23" s="258">
        <v>192</v>
      </c>
      <c r="M23" s="263">
        <v>192</v>
      </c>
      <c r="N23" s="261">
        <v>0</v>
      </c>
      <c r="O23" s="261">
        <v>0</v>
      </c>
      <c r="P23" s="258">
        <v>0</v>
      </c>
      <c r="Q23" s="260">
        <v>0</v>
      </c>
      <c r="R23" s="261">
        <v>0</v>
      </c>
      <c r="S23" s="261">
        <v>0</v>
      </c>
      <c r="T23" s="261">
        <v>0</v>
      </c>
      <c r="U23" s="261">
        <v>0</v>
      </c>
      <c r="V23" s="261">
        <v>0</v>
      </c>
      <c r="W23" s="258">
        <v>0</v>
      </c>
      <c r="X23" s="263">
        <v>0</v>
      </c>
    </row>
    <row r="24" spans="2:24" ht="21" customHeight="1" x14ac:dyDescent="0.2">
      <c r="B24" s="468" t="s">
        <v>22</v>
      </c>
      <c r="C24" s="261">
        <v>0</v>
      </c>
      <c r="D24" s="261">
        <v>0</v>
      </c>
      <c r="E24" s="258">
        <v>0</v>
      </c>
      <c r="F24" s="260">
        <v>0</v>
      </c>
      <c r="G24" s="261">
        <v>11</v>
      </c>
      <c r="H24" s="261">
        <v>17</v>
      </c>
      <c r="I24" s="261">
        <v>7</v>
      </c>
      <c r="J24" s="261">
        <v>4</v>
      </c>
      <c r="K24" s="261">
        <v>0</v>
      </c>
      <c r="L24" s="258">
        <v>39</v>
      </c>
      <c r="M24" s="263">
        <v>39</v>
      </c>
      <c r="N24" s="261">
        <v>0</v>
      </c>
      <c r="O24" s="261">
        <v>0</v>
      </c>
      <c r="P24" s="258">
        <v>0</v>
      </c>
      <c r="Q24" s="260">
        <v>0</v>
      </c>
      <c r="R24" s="261">
        <v>0</v>
      </c>
      <c r="S24" s="261">
        <v>0</v>
      </c>
      <c r="T24" s="261">
        <v>0</v>
      </c>
      <c r="U24" s="261">
        <v>0</v>
      </c>
      <c r="V24" s="261">
        <v>0</v>
      </c>
      <c r="W24" s="258">
        <v>0</v>
      </c>
      <c r="X24" s="263">
        <v>0</v>
      </c>
    </row>
    <row r="25" spans="2:24" ht="21" customHeight="1" x14ac:dyDescent="0.2">
      <c r="B25" s="468" t="s">
        <v>23</v>
      </c>
      <c r="C25" s="261">
        <v>0</v>
      </c>
      <c r="D25" s="261">
        <v>0</v>
      </c>
      <c r="E25" s="258">
        <v>0</v>
      </c>
      <c r="F25" s="260">
        <v>0</v>
      </c>
      <c r="G25" s="261">
        <v>27</v>
      </c>
      <c r="H25" s="261">
        <v>17</v>
      </c>
      <c r="I25" s="261">
        <v>25</v>
      </c>
      <c r="J25" s="261">
        <v>0</v>
      </c>
      <c r="K25" s="261">
        <v>0</v>
      </c>
      <c r="L25" s="258">
        <v>69</v>
      </c>
      <c r="M25" s="263">
        <v>69</v>
      </c>
      <c r="N25" s="261">
        <v>0</v>
      </c>
      <c r="O25" s="261">
        <v>0</v>
      </c>
      <c r="P25" s="258">
        <v>0</v>
      </c>
      <c r="Q25" s="260">
        <v>0</v>
      </c>
      <c r="R25" s="261">
        <v>0</v>
      </c>
      <c r="S25" s="261">
        <v>0</v>
      </c>
      <c r="T25" s="261">
        <v>0</v>
      </c>
      <c r="U25" s="261">
        <v>0</v>
      </c>
      <c r="V25" s="261">
        <v>0</v>
      </c>
      <c r="W25" s="258">
        <v>0</v>
      </c>
      <c r="X25" s="263">
        <v>0</v>
      </c>
    </row>
    <row r="26" spans="2:24" ht="21" customHeight="1" x14ac:dyDescent="0.2">
      <c r="B26" s="468" t="s">
        <v>24</v>
      </c>
      <c r="C26" s="261">
        <v>0</v>
      </c>
      <c r="D26" s="261">
        <v>0</v>
      </c>
      <c r="E26" s="258">
        <v>0</v>
      </c>
      <c r="F26" s="260">
        <v>0</v>
      </c>
      <c r="G26" s="261">
        <v>8</v>
      </c>
      <c r="H26" s="261">
        <v>17</v>
      </c>
      <c r="I26" s="261">
        <v>4</v>
      </c>
      <c r="J26" s="261">
        <v>0</v>
      </c>
      <c r="K26" s="261">
        <v>0</v>
      </c>
      <c r="L26" s="258">
        <v>29</v>
      </c>
      <c r="M26" s="263">
        <v>29</v>
      </c>
      <c r="N26" s="261">
        <v>0</v>
      </c>
      <c r="O26" s="261">
        <v>0</v>
      </c>
      <c r="P26" s="258">
        <v>0</v>
      </c>
      <c r="Q26" s="260">
        <v>0</v>
      </c>
      <c r="R26" s="261">
        <v>0</v>
      </c>
      <c r="S26" s="261">
        <v>0</v>
      </c>
      <c r="T26" s="261">
        <v>13</v>
      </c>
      <c r="U26" s="261">
        <v>0</v>
      </c>
      <c r="V26" s="261">
        <v>0</v>
      </c>
      <c r="W26" s="258">
        <v>13</v>
      </c>
      <c r="X26" s="263">
        <v>13</v>
      </c>
    </row>
    <row r="27" spans="2:24" ht="21" customHeight="1" x14ac:dyDescent="0.2">
      <c r="B27" s="468" t="s">
        <v>25</v>
      </c>
      <c r="C27" s="261">
        <v>0</v>
      </c>
      <c r="D27" s="261">
        <v>0</v>
      </c>
      <c r="E27" s="258">
        <v>0</v>
      </c>
      <c r="F27" s="260">
        <v>0</v>
      </c>
      <c r="G27" s="261">
        <v>57</v>
      </c>
      <c r="H27" s="261">
        <v>7</v>
      </c>
      <c r="I27" s="261">
        <v>3</v>
      </c>
      <c r="J27" s="261">
        <v>0</v>
      </c>
      <c r="K27" s="261">
        <v>0</v>
      </c>
      <c r="L27" s="258">
        <v>67</v>
      </c>
      <c r="M27" s="263">
        <v>67</v>
      </c>
      <c r="N27" s="261">
        <v>0</v>
      </c>
      <c r="O27" s="261">
        <v>0</v>
      </c>
      <c r="P27" s="258">
        <v>0</v>
      </c>
      <c r="Q27" s="260">
        <v>0</v>
      </c>
      <c r="R27" s="261">
        <v>0</v>
      </c>
      <c r="S27" s="261">
        <v>0</v>
      </c>
      <c r="T27" s="261">
        <v>0</v>
      </c>
      <c r="U27" s="261">
        <v>0</v>
      </c>
      <c r="V27" s="261">
        <v>0</v>
      </c>
      <c r="W27" s="258">
        <v>0</v>
      </c>
      <c r="X27" s="263">
        <v>0</v>
      </c>
    </row>
    <row r="28" spans="2:24" ht="21" customHeight="1" x14ac:dyDescent="0.2">
      <c r="B28" s="468" t="s">
        <v>26</v>
      </c>
      <c r="C28" s="261">
        <v>0</v>
      </c>
      <c r="D28" s="261">
        <v>0</v>
      </c>
      <c r="E28" s="258">
        <v>0</v>
      </c>
      <c r="F28" s="260">
        <v>0</v>
      </c>
      <c r="G28" s="261">
        <v>37</v>
      </c>
      <c r="H28" s="261">
        <v>7</v>
      </c>
      <c r="I28" s="261">
        <v>8</v>
      </c>
      <c r="J28" s="261">
        <v>9</v>
      </c>
      <c r="K28" s="261">
        <v>4</v>
      </c>
      <c r="L28" s="258">
        <v>65</v>
      </c>
      <c r="M28" s="263">
        <v>65</v>
      </c>
      <c r="N28" s="261">
        <v>0</v>
      </c>
      <c r="O28" s="261">
        <v>0</v>
      </c>
      <c r="P28" s="258">
        <v>0</v>
      </c>
      <c r="Q28" s="260">
        <v>0</v>
      </c>
      <c r="R28" s="261">
        <v>0</v>
      </c>
      <c r="S28" s="261">
        <v>3</v>
      </c>
      <c r="T28" s="261">
        <v>13</v>
      </c>
      <c r="U28" s="261">
        <v>0</v>
      </c>
      <c r="V28" s="261">
        <v>0</v>
      </c>
      <c r="W28" s="258">
        <v>16</v>
      </c>
      <c r="X28" s="263">
        <v>16</v>
      </c>
    </row>
    <row r="29" spans="2:24" ht="21" customHeight="1" x14ac:dyDescent="0.2">
      <c r="B29" s="468" t="s">
        <v>27</v>
      </c>
      <c r="C29" s="261">
        <v>0</v>
      </c>
      <c r="D29" s="261">
        <v>0</v>
      </c>
      <c r="E29" s="258">
        <v>0</v>
      </c>
      <c r="F29" s="260">
        <v>0</v>
      </c>
      <c r="G29" s="261">
        <v>0</v>
      </c>
      <c r="H29" s="261">
        <v>4</v>
      </c>
      <c r="I29" s="261">
        <v>0</v>
      </c>
      <c r="J29" s="261">
        <v>0</v>
      </c>
      <c r="K29" s="261">
        <v>0</v>
      </c>
      <c r="L29" s="258">
        <v>4</v>
      </c>
      <c r="M29" s="263">
        <v>4</v>
      </c>
      <c r="N29" s="261">
        <v>0</v>
      </c>
      <c r="O29" s="261">
        <v>0</v>
      </c>
      <c r="P29" s="258">
        <v>0</v>
      </c>
      <c r="Q29" s="260">
        <v>0</v>
      </c>
      <c r="R29" s="261">
        <v>0</v>
      </c>
      <c r="S29" s="261">
        <v>0</v>
      </c>
      <c r="T29" s="261">
        <v>0</v>
      </c>
      <c r="U29" s="261">
        <v>22</v>
      </c>
      <c r="V29" s="261">
        <v>0</v>
      </c>
      <c r="W29" s="258">
        <v>22</v>
      </c>
      <c r="X29" s="263">
        <v>22</v>
      </c>
    </row>
    <row r="30" spans="2:24" ht="21" customHeight="1" x14ac:dyDescent="0.2">
      <c r="B30" s="468" t="s">
        <v>28</v>
      </c>
      <c r="C30" s="261">
        <v>0</v>
      </c>
      <c r="D30" s="261">
        <v>0</v>
      </c>
      <c r="E30" s="258">
        <v>0</v>
      </c>
      <c r="F30" s="260">
        <v>0</v>
      </c>
      <c r="G30" s="261">
        <v>26</v>
      </c>
      <c r="H30" s="261">
        <v>0</v>
      </c>
      <c r="I30" s="261">
        <v>0</v>
      </c>
      <c r="J30" s="261">
        <v>0</v>
      </c>
      <c r="K30" s="261">
        <v>0</v>
      </c>
      <c r="L30" s="258">
        <v>26</v>
      </c>
      <c r="M30" s="263">
        <v>26</v>
      </c>
      <c r="N30" s="261">
        <v>0</v>
      </c>
      <c r="O30" s="261">
        <v>0</v>
      </c>
      <c r="P30" s="258">
        <v>0</v>
      </c>
      <c r="Q30" s="260">
        <v>0</v>
      </c>
      <c r="R30" s="261">
        <v>0</v>
      </c>
      <c r="S30" s="261">
        <v>0</v>
      </c>
      <c r="T30" s="261">
        <v>0</v>
      </c>
      <c r="U30" s="261">
        <v>0</v>
      </c>
      <c r="V30" s="261">
        <v>0</v>
      </c>
      <c r="W30" s="258">
        <v>0</v>
      </c>
      <c r="X30" s="263">
        <v>0</v>
      </c>
    </row>
    <row r="31" spans="2:24" ht="21" customHeight="1" x14ac:dyDescent="0.2">
      <c r="B31" s="468" t="s">
        <v>29</v>
      </c>
      <c r="C31" s="261">
        <v>0</v>
      </c>
      <c r="D31" s="261">
        <v>0</v>
      </c>
      <c r="E31" s="258">
        <v>0</v>
      </c>
      <c r="F31" s="260">
        <v>0</v>
      </c>
      <c r="G31" s="261">
        <v>0</v>
      </c>
      <c r="H31" s="261">
        <v>13</v>
      </c>
      <c r="I31" s="261">
        <v>7</v>
      </c>
      <c r="J31" s="261">
        <v>0</v>
      </c>
      <c r="K31" s="261">
        <v>0</v>
      </c>
      <c r="L31" s="258">
        <v>20</v>
      </c>
      <c r="M31" s="263">
        <v>20</v>
      </c>
      <c r="N31" s="261">
        <v>0</v>
      </c>
      <c r="O31" s="261">
        <v>0</v>
      </c>
      <c r="P31" s="258">
        <v>0</v>
      </c>
      <c r="Q31" s="260">
        <v>0</v>
      </c>
      <c r="R31" s="261">
        <v>0</v>
      </c>
      <c r="S31" s="261">
        <v>0</v>
      </c>
      <c r="T31" s="261">
        <v>0</v>
      </c>
      <c r="U31" s="261">
        <v>0</v>
      </c>
      <c r="V31" s="261">
        <v>0</v>
      </c>
      <c r="W31" s="258">
        <v>0</v>
      </c>
      <c r="X31" s="263">
        <v>0</v>
      </c>
    </row>
    <row r="32" spans="2:24" ht="21" customHeight="1" x14ac:dyDescent="0.2">
      <c r="B32" s="468" t="s">
        <v>30</v>
      </c>
      <c r="C32" s="261">
        <v>0</v>
      </c>
      <c r="D32" s="261">
        <v>0</v>
      </c>
      <c r="E32" s="258">
        <v>0</v>
      </c>
      <c r="F32" s="260">
        <v>0</v>
      </c>
      <c r="G32" s="261">
        <v>9</v>
      </c>
      <c r="H32" s="261">
        <v>3</v>
      </c>
      <c r="I32" s="261">
        <v>17</v>
      </c>
      <c r="J32" s="261">
        <v>0</v>
      </c>
      <c r="K32" s="261">
        <v>0</v>
      </c>
      <c r="L32" s="258">
        <v>29</v>
      </c>
      <c r="M32" s="263">
        <v>29</v>
      </c>
      <c r="N32" s="261">
        <v>0</v>
      </c>
      <c r="O32" s="261">
        <v>0</v>
      </c>
      <c r="P32" s="258">
        <v>0</v>
      </c>
      <c r="Q32" s="260">
        <v>0</v>
      </c>
      <c r="R32" s="261">
        <v>0</v>
      </c>
      <c r="S32" s="261">
        <v>0</v>
      </c>
      <c r="T32" s="261">
        <v>0</v>
      </c>
      <c r="U32" s="261">
        <v>0</v>
      </c>
      <c r="V32" s="261">
        <v>0</v>
      </c>
      <c r="W32" s="258">
        <v>0</v>
      </c>
      <c r="X32" s="263">
        <v>0</v>
      </c>
    </row>
    <row r="33" spans="2:24" ht="21" customHeight="1" x14ac:dyDescent="0.2">
      <c r="B33" s="468" t="s">
        <v>31</v>
      </c>
      <c r="C33" s="261">
        <v>0</v>
      </c>
      <c r="D33" s="261">
        <v>0</v>
      </c>
      <c r="E33" s="258">
        <v>0</v>
      </c>
      <c r="F33" s="260">
        <v>0</v>
      </c>
      <c r="G33" s="261">
        <v>0</v>
      </c>
      <c r="H33" s="261">
        <v>0</v>
      </c>
      <c r="I33" s="261">
        <v>3</v>
      </c>
      <c r="J33" s="261">
        <v>0</v>
      </c>
      <c r="K33" s="261">
        <v>0</v>
      </c>
      <c r="L33" s="258">
        <v>3</v>
      </c>
      <c r="M33" s="263">
        <v>3</v>
      </c>
      <c r="N33" s="261">
        <v>0</v>
      </c>
      <c r="O33" s="261">
        <v>0</v>
      </c>
      <c r="P33" s="258">
        <v>0</v>
      </c>
      <c r="Q33" s="260">
        <v>0</v>
      </c>
      <c r="R33" s="261">
        <v>0</v>
      </c>
      <c r="S33" s="261">
        <v>0</v>
      </c>
      <c r="T33" s="261">
        <v>0</v>
      </c>
      <c r="U33" s="261">
        <v>16</v>
      </c>
      <c r="V33" s="261">
        <v>0</v>
      </c>
      <c r="W33" s="258">
        <v>16</v>
      </c>
      <c r="X33" s="263">
        <v>16</v>
      </c>
    </row>
    <row r="34" spans="2:24" ht="21" customHeight="1" x14ac:dyDescent="0.2">
      <c r="B34" s="468" t="s">
        <v>32</v>
      </c>
      <c r="C34" s="261">
        <v>0</v>
      </c>
      <c r="D34" s="261">
        <v>0</v>
      </c>
      <c r="E34" s="258">
        <v>0</v>
      </c>
      <c r="F34" s="260">
        <v>0</v>
      </c>
      <c r="G34" s="261">
        <v>18</v>
      </c>
      <c r="H34" s="261">
        <v>28</v>
      </c>
      <c r="I34" s="261">
        <v>0</v>
      </c>
      <c r="J34" s="261">
        <v>0</v>
      </c>
      <c r="K34" s="261">
        <v>4</v>
      </c>
      <c r="L34" s="258">
        <v>50</v>
      </c>
      <c r="M34" s="263">
        <v>50</v>
      </c>
      <c r="N34" s="261">
        <v>0</v>
      </c>
      <c r="O34" s="261">
        <v>0</v>
      </c>
      <c r="P34" s="258">
        <v>0</v>
      </c>
      <c r="Q34" s="260">
        <v>0</v>
      </c>
      <c r="R34" s="261">
        <v>0</v>
      </c>
      <c r="S34" s="261">
        <v>0</v>
      </c>
      <c r="T34" s="261">
        <v>0</v>
      </c>
      <c r="U34" s="261">
        <v>0</v>
      </c>
      <c r="V34" s="261">
        <v>0</v>
      </c>
      <c r="W34" s="258">
        <v>0</v>
      </c>
      <c r="X34" s="263">
        <v>0</v>
      </c>
    </row>
    <row r="35" spans="2:24" ht="21" customHeight="1" x14ac:dyDescent="0.2">
      <c r="B35" s="468" t="s">
        <v>33</v>
      </c>
      <c r="C35" s="261">
        <v>0</v>
      </c>
      <c r="D35" s="261">
        <v>0</v>
      </c>
      <c r="E35" s="258">
        <v>0</v>
      </c>
      <c r="F35" s="260">
        <v>0</v>
      </c>
      <c r="G35" s="261">
        <v>6</v>
      </c>
      <c r="H35" s="261">
        <v>0</v>
      </c>
      <c r="I35" s="261">
        <v>0</v>
      </c>
      <c r="J35" s="261">
        <v>0</v>
      </c>
      <c r="K35" s="261">
        <v>0</v>
      </c>
      <c r="L35" s="258">
        <v>6</v>
      </c>
      <c r="M35" s="263">
        <v>6</v>
      </c>
      <c r="N35" s="261">
        <v>0</v>
      </c>
      <c r="O35" s="261">
        <v>0</v>
      </c>
      <c r="P35" s="258">
        <v>0</v>
      </c>
      <c r="Q35" s="260">
        <v>0</v>
      </c>
      <c r="R35" s="261">
        <v>0</v>
      </c>
      <c r="S35" s="261">
        <v>0</v>
      </c>
      <c r="T35" s="261">
        <v>0</v>
      </c>
      <c r="U35" s="261">
        <v>0</v>
      </c>
      <c r="V35" s="261">
        <v>0</v>
      </c>
      <c r="W35" s="258">
        <v>0</v>
      </c>
      <c r="X35" s="263">
        <v>0</v>
      </c>
    </row>
    <row r="36" spans="2:24" ht="21" customHeight="1" x14ac:dyDescent="0.2">
      <c r="B36" s="468" t="s">
        <v>34</v>
      </c>
      <c r="C36" s="261">
        <v>0</v>
      </c>
      <c r="D36" s="261">
        <v>0</v>
      </c>
      <c r="E36" s="258">
        <v>0</v>
      </c>
      <c r="F36" s="260">
        <v>0</v>
      </c>
      <c r="G36" s="261">
        <v>12</v>
      </c>
      <c r="H36" s="261">
        <v>13</v>
      </c>
      <c r="I36" s="261">
        <v>0</v>
      </c>
      <c r="J36" s="261">
        <v>0</v>
      </c>
      <c r="K36" s="261">
        <v>0</v>
      </c>
      <c r="L36" s="258">
        <v>25</v>
      </c>
      <c r="M36" s="263">
        <v>25</v>
      </c>
      <c r="N36" s="261">
        <v>0</v>
      </c>
      <c r="O36" s="261">
        <v>0</v>
      </c>
      <c r="P36" s="258">
        <v>0</v>
      </c>
      <c r="Q36" s="260">
        <v>0</v>
      </c>
      <c r="R36" s="261">
        <v>0</v>
      </c>
      <c r="S36" s="261">
        <v>0</v>
      </c>
      <c r="T36" s="261">
        <v>0</v>
      </c>
      <c r="U36" s="261">
        <v>0</v>
      </c>
      <c r="V36" s="261">
        <v>0</v>
      </c>
      <c r="W36" s="258">
        <v>0</v>
      </c>
      <c r="X36" s="263">
        <v>0</v>
      </c>
    </row>
    <row r="37" spans="2:24" ht="21" customHeight="1" x14ac:dyDescent="0.2">
      <c r="B37" s="468"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68" t="s">
        <v>36</v>
      </c>
      <c r="C38" s="261">
        <v>0</v>
      </c>
      <c r="D38" s="261">
        <v>0</v>
      </c>
      <c r="E38" s="258">
        <v>0</v>
      </c>
      <c r="F38" s="260">
        <v>0</v>
      </c>
      <c r="G38" s="261">
        <v>18</v>
      </c>
      <c r="H38" s="261">
        <v>5</v>
      </c>
      <c r="I38" s="261">
        <v>0</v>
      </c>
      <c r="J38" s="261">
        <v>8</v>
      </c>
      <c r="K38" s="261">
        <v>0</v>
      </c>
      <c r="L38" s="258">
        <v>31</v>
      </c>
      <c r="M38" s="263">
        <v>31</v>
      </c>
      <c r="N38" s="261">
        <v>0</v>
      </c>
      <c r="O38" s="261">
        <v>0</v>
      </c>
      <c r="P38" s="258">
        <v>0</v>
      </c>
      <c r="Q38" s="260">
        <v>0</v>
      </c>
      <c r="R38" s="261">
        <v>0</v>
      </c>
      <c r="S38" s="261">
        <v>0</v>
      </c>
      <c r="T38" s="261">
        <v>0</v>
      </c>
      <c r="U38" s="261">
        <v>0</v>
      </c>
      <c r="V38" s="261">
        <v>0</v>
      </c>
      <c r="W38" s="258">
        <v>0</v>
      </c>
      <c r="X38" s="263">
        <v>0</v>
      </c>
    </row>
    <row r="39" spans="2:24" ht="21" customHeight="1" thickBot="1" x14ac:dyDescent="0.25">
      <c r="B39" s="469"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4</v>
      </c>
      <c r="H1" s="539">
        <f>第１表!F2</f>
        <v>6</v>
      </c>
      <c r="I1" s="539"/>
      <c r="J1" s="235">
        <f>第１表!G2</f>
        <v>1</v>
      </c>
      <c r="K1" s="543">
        <f>IF(J1&lt;3,J1+12-2,J1-2)</f>
        <v>11</v>
      </c>
      <c r="L1" s="543"/>
    </row>
    <row r="2" spans="2:24" ht="24" customHeight="1" thickBot="1" x14ac:dyDescent="0.25">
      <c r="B2" s="271" t="s">
        <v>153</v>
      </c>
    </row>
    <row r="3" spans="2:24" ht="21" customHeight="1" x14ac:dyDescent="0.2">
      <c r="B3" s="555"/>
      <c r="C3" s="551" t="s">
        <v>140</v>
      </c>
      <c r="D3" s="551"/>
      <c r="E3" s="551"/>
      <c r="F3" s="551"/>
      <c r="G3" s="551"/>
      <c r="H3" s="551"/>
      <c r="I3" s="551"/>
      <c r="J3" s="551"/>
      <c r="K3" s="551"/>
      <c r="L3" s="551"/>
      <c r="M3" s="581"/>
      <c r="N3" s="551" t="s">
        <v>113</v>
      </c>
      <c r="O3" s="551"/>
      <c r="P3" s="551"/>
      <c r="Q3" s="551"/>
      <c r="R3" s="551"/>
      <c r="S3" s="551"/>
      <c r="T3" s="551"/>
      <c r="U3" s="551"/>
      <c r="V3" s="551"/>
      <c r="W3" s="551"/>
      <c r="X3" s="581"/>
    </row>
    <row r="4" spans="2:24" ht="21" customHeight="1" x14ac:dyDescent="0.2">
      <c r="B4" s="579"/>
      <c r="C4" s="582" t="s">
        <v>61</v>
      </c>
      <c r="D4" s="582"/>
      <c r="E4" s="583"/>
      <c r="F4" s="584" t="s">
        <v>62</v>
      </c>
      <c r="G4" s="582"/>
      <c r="H4" s="582"/>
      <c r="I4" s="582"/>
      <c r="J4" s="582"/>
      <c r="K4" s="582"/>
      <c r="L4" s="585"/>
      <c r="M4" s="586" t="s">
        <v>52</v>
      </c>
      <c r="N4" s="582" t="s">
        <v>61</v>
      </c>
      <c r="O4" s="582"/>
      <c r="P4" s="583"/>
      <c r="Q4" s="584" t="s">
        <v>62</v>
      </c>
      <c r="R4" s="582"/>
      <c r="S4" s="582"/>
      <c r="T4" s="582"/>
      <c r="U4" s="582"/>
      <c r="V4" s="582"/>
      <c r="W4" s="585"/>
      <c r="X4" s="586" t="s">
        <v>52</v>
      </c>
    </row>
    <row r="5" spans="2:24" ht="30" customHeight="1" thickBot="1" x14ac:dyDescent="0.25">
      <c r="B5" s="580"/>
      <c r="C5" s="243" t="s">
        <v>43</v>
      </c>
      <c r="D5" s="243" t="s">
        <v>44</v>
      </c>
      <c r="E5" s="246" t="s">
        <v>45</v>
      </c>
      <c r="F5" s="248" t="s">
        <v>83</v>
      </c>
      <c r="G5" s="243" t="s">
        <v>47</v>
      </c>
      <c r="H5" s="243" t="s">
        <v>48</v>
      </c>
      <c r="I5" s="243" t="s">
        <v>49</v>
      </c>
      <c r="J5" s="243" t="s">
        <v>50</v>
      </c>
      <c r="K5" s="243" t="s">
        <v>51</v>
      </c>
      <c r="L5" s="246" t="s">
        <v>45</v>
      </c>
      <c r="M5" s="554"/>
      <c r="N5" s="243" t="s">
        <v>43</v>
      </c>
      <c r="O5" s="243" t="s">
        <v>44</v>
      </c>
      <c r="P5" s="246" t="s">
        <v>45</v>
      </c>
      <c r="Q5" s="248" t="s">
        <v>83</v>
      </c>
      <c r="R5" s="243" t="s">
        <v>47</v>
      </c>
      <c r="S5" s="243" t="s">
        <v>48</v>
      </c>
      <c r="T5" s="243" t="s">
        <v>49</v>
      </c>
      <c r="U5" s="243" t="s">
        <v>50</v>
      </c>
      <c r="V5" s="243" t="s">
        <v>51</v>
      </c>
      <c r="W5" s="246" t="s">
        <v>45</v>
      </c>
      <c r="X5" s="554"/>
    </row>
    <row r="6" spans="2:24" ht="21" customHeight="1" x14ac:dyDescent="0.2">
      <c r="B6" s="466" t="s">
        <v>4</v>
      </c>
      <c r="C6" s="254">
        <v>0</v>
      </c>
      <c r="D6" s="254">
        <v>0</v>
      </c>
      <c r="E6" s="251">
        <v>0</v>
      </c>
      <c r="F6" s="253">
        <v>0</v>
      </c>
      <c r="G6" s="254">
        <v>5747</v>
      </c>
      <c r="H6" s="254">
        <v>5234</v>
      </c>
      <c r="I6" s="254">
        <v>2644</v>
      </c>
      <c r="J6" s="254">
        <v>1348</v>
      </c>
      <c r="K6" s="254">
        <v>547</v>
      </c>
      <c r="L6" s="251">
        <v>15520</v>
      </c>
      <c r="M6" s="256">
        <v>15520</v>
      </c>
      <c r="N6" s="254">
        <v>0</v>
      </c>
      <c r="O6" s="254">
        <v>0</v>
      </c>
      <c r="P6" s="251">
        <v>0</v>
      </c>
      <c r="Q6" s="253">
        <v>0</v>
      </c>
      <c r="R6" s="254">
        <v>488</v>
      </c>
      <c r="S6" s="254">
        <v>548</v>
      </c>
      <c r="T6" s="254">
        <v>737</v>
      </c>
      <c r="U6" s="254">
        <v>267</v>
      </c>
      <c r="V6" s="254">
        <v>203</v>
      </c>
      <c r="W6" s="251">
        <v>2243</v>
      </c>
      <c r="X6" s="256">
        <v>2243</v>
      </c>
    </row>
    <row r="7" spans="2:24" ht="21" customHeight="1" x14ac:dyDescent="0.2">
      <c r="B7" s="467" t="s">
        <v>5</v>
      </c>
      <c r="C7" s="261">
        <v>0</v>
      </c>
      <c r="D7" s="261">
        <v>0</v>
      </c>
      <c r="E7" s="258">
        <v>0</v>
      </c>
      <c r="F7" s="260">
        <v>0</v>
      </c>
      <c r="G7" s="261">
        <v>2125</v>
      </c>
      <c r="H7" s="261">
        <v>2800</v>
      </c>
      <c r="I7" s="261">
        <v>1350</v>
      </c>
      <c r="J7" s="261">
        <v>649</v>
      </c>
      <c r="K7" s="261">
        <v>269</v>
      </c>
      <c r="L7" s="258">
        <v>7193</v>
      </c>
      <c r="M7" s="263">
        <v>7193</v>
      </c>
      <c r="N7" s="261">
        <v>0</v>
      </c>
      <c r="O7" s="261">
        <v>0</v>
      </c>
      <c r="P7" s="258">
        <v>0</v>
      </c>
      <c r="Q7" s="260">
        <v>0</v>
      </c>
      <c r="R7" s="261">
        <v>214</v>
      </c>
      <c r="S7" s="261">
        <v>255</v>
      </c>
      <c r="T7" s="261">
        <v>388</v>
      </c>
      <c r="U7" s="261">
        <v>141</v>
      </c>
      <c r="V7" s="261">
        <v>151</v>
      </c>
      <c r="W7" s="258">
        <v>1149</v>
      </c>
      <c r="X7" s="263">
        <v>1149</v>
      </c>
    </row>
    <row r="8" spans="2:24" ht="21" customHeight="1" x14ac:dyDescent="0.2">
      <c r="B8" s="468" t="s">
        <v>6</v>
      </c>
      <c r="C8" s="261">
        <v>0</v>
      </c>
      <c r="D8" s="261">
        <v>0</v>
      </c>
      <c r="E8" s="258">
        <v>0</v>
      </c>
      <c r="F8" s="260">
        <v>0</v>
      </c>
      <c r="G8" s="261">
        <v>964</v>
      </c>
      <c r="H8" s="261">
        <v>722</v>
      </c>
      <c r="I8" s="261">
        <v>317</v>
      </c>
      <c r="J8" s="261">
        <v>150</v>
      </c>
      <c r="K8" s="261">
        <v>84</v>
      </c>
      <c r="L8" s="258">
        <v>2237</v>
      </c>
      <c r="M8" s="263">
        <v>2237</v>
      </c>
      <c r="N8" s="261">
        <v>0</v>
      </c>
      <c r="O8" s="261">
        <v>0</v>
      </c>
      <c r="P8" s="258">
        <v>0</v>
      </c>
      <c r="Q8" s="260">
        <v>0</v>
      </c>
      <c r="R8" s="261">
        <v>154</v>
      </c>
      <c r="S8" s="261">
        <v>194</v>
      </c>
      <c r="T8" s="261">
        <v>234</v>
      </c>
      <c r="U8" s="261">
        <v>45</v>
      </c>
      <c r="V8" s="261">
        <v>45</v>
      </c>
      <c r="W8" s="258">
        <v>672</v>
      </c>
      <c r="X8" s="263">
        <v>672</v>
      </c>
    </row>
    <row r="9" spans="2:24" ht="21" customHeight="1" x14ac:dyDescent="0.2">
      <c r="B9" s="468" t="s">
        <v>14</v>
      </c>
      <c r="C9" s="261">
        <v>0</v>
      </c>
      <c r="D9" s="261">
        <v>0</v>
      </c>
      <c r="E9" s="258">
        <v>0</v>
      </c>
      <c r="F9" s="260">
        <v>0</v>
      </c>
      <c r="G9" s="261">
        <v>234</v>
      </c>
      <c r="H9" s="261">
        <v>407</v>
      </c>
      <c r="I9" s="261">
        <v>158</v>
      </c>
      <c r="J9" s="261">
        <v>130</v>
      </c>
      <c r="K9" s="261">
        <v>38</v>
      </c>
      <c r="L9" s="258">
        <v>967</v>
      </c>
      <c r="M9" s="263">
        <v>967</v>
      </c>
      <c r="N9" s="261">
        <v>0</v>
      </c>
      <c r="O9" s="261">
        <v>0</v>
      </c>
      <c r="P9" s="258">
        <v>0</v>
      </c>
      <c r="Q9" s="260">
        <v>0</v>
      </c>
      <c r="R9" s="261">
        <v>33</v>
      </c>
      <c r="S9" s="261">
        <v>11</v>
      </c>
      <c r="T9" s="261">
        <v>0</v>
      </c>
      <c r="U9" s="261">
        <v>21</v>
      </c>
      <c r="V9" s="261">
        <v>0</v>
      </c>
      <c r="W9" s="258">
        <v>65</v>
      </c>
      <c r="X9" s="263">
        <v>65</v>
      </c>
    </row>
    <row r="10" spans="2:24" ht="21" customHeight="1" x14ac:dyDescent="0.2">
      <c r="B10" s="468" t="s">
        <v>7</v>
      </c>
      <c r="C10" s="261">
        <v>0</v>
      </c>
      <c r="D10" s="261">
        <v>0</v>
      </c>
      <c r="E10" s="258">
        <v>0</v>
      </c>
      <c r="F10" s="260">
        <v>0</v>
      </c>
      <c r="G10" s="261">
        <v>279</v>
      </c>
      <c r="H10" s="261">
        <v>151</v>
      </c>
      <c r="I10" s="261">
        <v>54</v>
      </c>
      <c r="J10" s="261">
        <v>35</v>
      </c>
      <c r="K10" s="261">
        <v>32</v>
      </c>
      <c r="L10" s="258">
        <v>551</v>
      </c>
      <c r="M10" s="263">
        <v>551</v>
      </c>
      <c r="N10" s="261">
        <v>0</v>
      </c>
      <c r="O10" s="261">
        <v>0</v>
      </c>
      <c r="P10" s="258">
        <v>0</v>
      </c>
      <c r="Q10" s="260">
        <v>0</v>
      </c>
      <c r="R10" s="261">
        <v>28</v>
      </c>
      <c r="S10" s="261">
        <v>40</v>
      </c>
      <c r="T10" s="261">
        <v>43</v>
      </c>
      <c r="U10" s="261">
        <v>17</v>
      </c>
      <c r="V10" s="261">
        <v>0</v>
      </c>
      <c r="W10" s="258">
        <v>128</v>
      </c>
      <c r="X10" s="263">
        <v>128</v>
      </c>
    </row>
    <row r="11" spans="2:24" ht="21" customHeight="1" x14ac:dyDescent="0.2">
      <c r="B11" s="468" t="s">
        <v>8</v>
      </c>
      <c r="C11" s="261">
        <v>0</v>
      </c>
      <c r="D11" s="261">
        <v>0</v>
      </c>
      <c r="E11" s="258">
        <v>0</v>
      </c>
      <c r="F11" s="260">
        <v>0</v>
      </c>
      <c r="G11" s="261">
        <v>286</v>
      </c>
      <c r="H11" s="261">
        <v>107</v>
      </c>
      <c r="I11" s="261">
        <v>26</v>
      </c>
      <c r="J11" s="261">
        <v>113</v>
      </c>
      <c r="K11" s="261">
        <v>10</v>
      </c>
      <c r="L11" s="258">
        <v>542</v>
      </c>
      <c r="M11" s="263">
        <v>542</v>
      </c>
      <c r="N11" s="261">
        <v>0</v>
      </c>
      <c r="O11" s="261">
        <v>0</v>
      </c>
      <c r="P11" s="258">
        <v>0</v>
      </c>
      <c r="Q11" s="260">
        <v>0</v>
      </c>
      <c r="R11" s="261">
        <v>0</v>
      </c>
      <c r="S11" s="261">
        <v>1</v>
      </c>
      <c r="T11" s="261">
        <v>0</v>
      </c>
      <c r="U11" s="261">
        <v>0</v>
      </c>
      <c r="V11" s="261">
        <v>0</v>
      </c>
      <c r="W11" s="258">
        <v>1</v>
      </c>
      <c r="X11" s="263">
        <v>1</v>
      </c>
    </row>
    <row r="12" spans="2:24" ht="21" customHeight="1" x14ac:dyDescent="0.2">
      <c r="B12" s="468" t="s">
        <v>9</v>
      </c>
      <c r="C12" s="261">
        <v>0</v>
      </c>
      <c r="D12" s="261">
        <v>0</v>
      </c>
      <c r="E12" s="258">
        <v>0</v>
      </c>
      <c r="F12" s="260">
        <v>0</v>
      </c>
      <c r="G12" s="261">
        <v>301</v>
      </c>
      <c r="H12" s="261">
        <v>167</v>
      </c>
      <c r="I12" s="261">
        <v>205</v>
      </c>
      <c r="J12" s="261">
        <v>42</v>
      </c>
      <c r="K12" s="261">
        <v>17</v>
      </c>
      <c r="L12" s="258">
        <v>732</v>
      </c>
      <c r="M12" s="263">
        <v>732</v>
      </c>
      <c r="N12" s="261">
        <v>0</v>
      </c>
      <c r="O12" s="261">
        <v>0</v>
      </c>
      <c r="P12" s="258">
        <v>0</v>
      </c>
      <c r="Q12" s="260">
        <v>0</v>
      </c>
      <c r="R12" s="261">
        <v>0</v>
      </c>
      <c r="S12" s="261">
        <v>5</v>
      </c>
      <c r="T12" s="261">
        <v>0</v>
      </c>
      <c r="U12" s="261">
        <v>0</v>
      </c>
      <c r="V12" s="261">
        <v>0</v>
      </c>
      <c r="W12" s="258">
        <v>5</v>
      </c>
      <c r="X12" s="263">
        <v>5</v>
      </c>
    </row>
    <row r="13" spans="2:24" ht="21" customHeight="1" x14ac:dyDescent="0.2">
      <c r="B13" s="468" t="s">
        <v>10</v>
      </c>
      <c r="C13" s="261">
        <v>0</v>
      </c>
      <c r="D13" s="261">
        <v>0</v>
      </c>
      <c r="E13" s="258">
        <v>0</v>
      </c>
      <c r="F13" s="260">
        <v>0</v>
      </c>
      <c r="G13" s="261">
        <v>289</v>
      </c>
      <c r="H13" s="261">
        <v>172</v>
      </c>
      <c r="I13" s="261">
        <v>39</v>
      </c>
      <c r="J13" s="261">
        <v>31</v>
      </c>
      <c r="K13" s="261">
        <v>2</v>
      </c>
      <c r="L13" s="258">
        <v>533</v>
      </c>
      <c r="M13" s="263">
        <v>533</v>
      </c>
      <c r="N13" s="261">
        <v>0</v>
      </c>
      <c r="O13" s="261">
        <v>0</v>
      </c>
      <c r="P13" s="258">
        <v>0</v>
      </c>
      <c r="Q13" s="260">
        <v>0</v>
      </c>
      <c r="R13" s="261">
        <v>7</v>
      </c>
      <c r="S13" s="261">
        <v>0</v>
      </c>
      <c r="T13" s="261">
        <v>19</v>
      </c>
      <c r="U13" s="261">
        <v>26</v>
      </c>
      <c r="V13" s="261">
        <v>0</v>
      </c>
      <c r="W13" s="258">
        <v>52</v>
      </c>
      <c r="X13" s="263">
        <v>52</v>
      </c>
    </row>
    <row r="14" spans="2:24" ht="21" customHeight="1" x14ac:dyDescent="0.2">
      <c r="B14" s="468" t="s">
        <v>11</v>
      </c>
      <c r="C14" s="261">
        <v>0</v>
      </c>
      <c r="D14" s="261">
        <v>0</v>
      </c>
      <c r="E14" s="258">
        <v>0</v>
      </c>
      <c r="F14" s="260">
        <v>0</v>
      </c>
      <c r="G14" s="261">
        <v>249</v>
      </c>
      <c r="H14" s="261">
        <v>34</v>
      </c>
      <c r="I14" s="261">
        <v>14</v>
      </c>
      <c r="J14" s="261">
        <v>51</v>
      </c>
      <c r="K14" s="261">
        <v>13</v>
      </c>
      <c r="L14" s="258">
        <v>361</v>
      </c>
      <c r="M14" s="263">
        <v>361</v>
      </c>
      <c r="N14" s="261">
        <v>0</v>
      </c>
      <c r="O14" s="261">
        <v>0</v>
      </c>
      <c r="P14" s="258">
        <v>0</v>
      </c>
      <c r="Q14" s="260">
        <v>0</v>
      </c>
      <c r="R14" s="261">
        <v>13</v>
      </c>
      <c r="S14" s="261">
        <v>0</v>
      </c>
      <c r="T14" s="261">
        <v>0</v>
      </c>
      <c r="U14" s="261">
        <v>0</v>
      </c>
      <c r="V14" s="261">
        <v>0</v>
      </c>
      <c r="W14" s="258">
        <v>13</v>
      </c>
      <c r="X14" s="263">
        <v>13</v>
      </c>
    </row>
    <row r="15" spans="2:24" ht="21" customHeight="1" x14ac:dyDescent="0.2">
      <c r="B15" s="468" t="s">
        <v>12</v>
      </c>
      <c r="C15" s="261">
        <v>0</v>
      </c>
      <c r="D15" s="261">
        <v>0</v>
      </c>
      <c r="E15" s="258">
        <v>0</v>
      </c>
      <c r="F15" s="260">
        <v>0</v>
      </c>
      <c r="G15" s="261">
        <v>138</v>
      </c>
      <c r="H15" s="261">
        <v>94</v>
      </c>
      <c r="I15" s="261">
        <v>55</v>
      </c>
      <c r="J15" s="261">
        <v>30</v>
      </c>
      <c r="K15" s="261">
        <v>13</v>
      </c>
      <c r="L15" s="258">
        <v>330</v>
      </c>
      <c r="M15" s="263">
        <v>330</v>
      </c>
      <c r="N15" s="261">
        <v>0</v>
      </c>
      <c r="O15" s="261">
        <v>0</v>
      </c>
      <c r="P15" s="258">
        <v>0</v>
      </c>
      <c r="Q15" s="260">
        <v>0</v>
      </c>
      <c r="R15" s="261">
        <v>0</v>
      </c>
      <c r="S15" s="261">
        <v>0</v>
      </c>
      <c r="T15" s="261">
        <v>0</v>
      </c>
      <c r="U15" s="261">
        <v>0</v>
      </c>
      <c r="V15" s="261">
        <v>0</v>
      </c>
      <c r="W15" s="258">
        <v>0</v>
      </c>
      <c r="X15" s="263">
        <v>0</v>
      </c>
    </row>
    <row r="16" spans="2:24" ht="21" customHeight="1" x14ac:dyDescent="0.2">
      <c r="B16" s="468" t="s">
        <v>13</v>
      </c>
      <c r="C16" s="261">
        <v>0</v>
      </c>
      <c r="D16" s="261">
        <v>0</v>
      </c>
      <c r="E16" s="258">
        <v>0</v>
      </c>
      <c r="F16" s="260">
        <v>0</v>
      </c>
      <c r="G16" s="261">
        <v>57</v>
      </c>
      <c r="H16" s="261">
        <v>94</v>
      </c>
      <c r="I16" s="261">
        <v>65</v>
      </c>
      <c r="J16" s="261">
        <v>27</v>
      </c>
      <c r="K16" s="261">
        <v>21</v>
      </c>
      <c r="L16" s="258">
        <v>264</v>
      </c>
      <c r="M16" s="263">
        <v>264</v>
      </c>
      <c r="N16" s="261">
        <v>0</v>
      </c>
      <c r="O16" s="261">
        <v>0</v>
      </c>
      <c r="P16" s="258">
        <v>0</v>
      </c>
      <c r="Q16" s="260">
        <v>0</v>
      </c>
      <c r="R16" s="261">
        <v>4</v>
      </c>
      <c r="S16" s="261">
        <v>0</v>
      </c>
      <c r="T16" s="261">
        <v>0</v>
      </c>
      <c r="U16" s="261">
        <v>0</v>
      </c>
      <c r="V16" s="261">
        <v>0</v>
      </c>
      <c r="W16" s="258">
        <v>4</v>
      </c>
      <c r="X16" s="263">
        <v>4</v>
      </c>
    </row>
    <row r="17" spans="2:24" ht="21" customHeight="1" x14ac:dyDescent="0.2">
      <c r="B17" s="468" t="s">
        <v>15</v>
      </c>
      <c r="C17" s="261">
        <v>0</v>
      </c>
      <c r="D17" s="261">
        <v>0</v>
      </c>
      <c r="E17" s="258">
        <v>0</v>
      </c>
      <c r="F17" s="260">
        <v>0</v>
      </c>
      <c r="G17" s="261">
        <v>39</v>
      </c>
      <c r="H17" s="261">
        <v>39</v>
      </c>
      <c r="I17" s="261">
        <v>10</v>
      </c>
      <c r="J17" s="261">
        <v>1</v>
      </c>
      <c r="K17" s="261">
        <v>13</v>
      </c>
      <c r="L17" s="258">
        <v>102</v>
      </c>
      <c r="M17" s="263">
        <v>102</v>
      </c>
      <c r="N17" s="261">
        <v>0</v>
      </c>
      <c r="O17" s="261">
        <v>0</v>
      </c>
      <c r="P17" s="258">
        <v>0</v>
      </c>
      <c r="Q17" s="260">
        <v>0</v>
      </c>
      <c r="R17" s="261">
        <v>0</v>
      </c>
      <c r="S17" s="261">
        <v>0</v>
      </c>
      <c r="T17" s="261">
        <v>0</v>
      </c>
      <c r="U17" s="261">
        <v>0</v>
      </c>
      <c r="V17" s="261">
        <v>0</v>
      </c>
      <c r="W17" s="258">
        <v>0</v>
      </c>
      <c r="X17" s="263">
        <v>0</v>
      </c>
    </row>
    <row r="18" spans="2:24" ht="21" customHeight="1" x14ac:dyDescent="0.2">
      <c r="B18" s="468" t="s">
        <v>16</v>
      </c>
      <c r="C18" s="261">
        <v>0</v>
      </c>
      <c r="D18" s="261">
        <v>0</v>
      </c>
      <c r="E18" s="258">
        <v>0</v>
      </c>
      <c r="F18" s="260">
        <v>0</v>
      </c>
      <c r="G18" s="261">
        <v>43</v>
      </c>
      <c r="H18" s="261">
        <v>40</v>
      </c>
      <c r="I18" s="261">
        <v>122</v>
      </c>
      <c r="J18" s="261">
        <v>0</v>
      </c>
      <c r="K18" s="261">
        <v>3</v>
      </c>
      <c r="L18" s="258">
        <v>208</v>
      </c>
      <c r="M18" s="263">
        <v>208</v>
      </c>
      <c r="N18" s="261">
        <v>0</v>
      </c>
      <c r="O18" s="261">
        <v>0</v>
      </c>
      <c r="P18" s="258">
        <v>0</v>
      </c>
      <c r="Q18" s="260">
        <v>0</v>
      </c>
      <c r="R18" s="261">
        <v>0</v>
      </c>
      <c r="S18" s="261">
        <v>13</v>
      </c>
      <c r="T18" s="261">
        <v>7</v>
      </c>
      <c r="U18" s="261">
        <v>0</v>
      </c>
      <c r="V18" s="261">
        <v>0</v>
      </c>
      <c r="W18" s="258">
        <v>20</v>
      </c>
      <c r="X18" s="263">
        <v>20</v>
      </c>
    </row>
    <row r="19" spans="2:24" ht="21" customHeight="1" x14ac:dyDescent="0.2">
      <c r="B19" s="468" t="s">
        <v>17</v>
      </c>
      <c r="C19" s="261">
        <v>0</v>
      </c>
      <c r="D19" s="261">
        <v>0</v>
      </c>
      <c r="E19" s="258">
        <v>0</v>
      </c>
      <c r="F19" s="260">
        <v>0</v>
      </c>
      <c r="G19" s="261">
        <v>187</v>
      </c>
      <c r="H19" s="261">
        <v>118</v>
      </c>
      <c r="I19" s="261">
        <v>62</v>
      </c>
      <c r="J19" s="261">
        <v>21</v>
      </c>
      <c r="K19" s="261">
        <v>14</v>
      </c>
      <c r="L19" s="258">
        <v>402</v>
      </c>
      <c r="M19" s="263">
        <v>402</v>
      </c>
      <c r="N19" s="261">
        <v>0</v>
      </c>
      <c r="O19" s="261">
        <v>0</v>
      </c>
      <c r="P19" s="258">
        <v>0</v>
      </c>
      <c r="Q19" s="260">
        <v>0</v>
      </c>
      <c r="R19" s="261">
        <v>0</v>
      </c>
      <c r="S19" s="261">
        <v>0</v>
      </c>
      <c r="T19" s="261">
        <v>0</v>
      </c>
      <c r="U19" s="261">
        <v>0</v>
      </c>
      <c r="V19" s="261">
        <v>0</v>
      </c>
      <c r="W19" s="258">
        <v>0</v>
      </c>
      <c r="X19" s="263">
        <v>0</v>
      </c>
    </row>
    <row r="20" spans="2:24" ht="21" customHeight="1" x14ac:dyDescent="0.2">
      <c r="B20" s="468" t="s">
        <v>18</v>
      </c>
      <c r="C20" s="261">
        <v>0</v>
      </c>
      <c r="D20" s="261">
        <v>0</v>
      </c>
      <c r="E20" s="258">
        <v>0</v>
      </c>
      <c r="F20" s="260">
        <v>0</v>
      </c>
      <c r="G20" s="261">
        <v>136</v>
      </c>
      <c r="H20" s="261">
        <v>69</v>
      </c>
      <c r="I20" s="261">
        <v>69</v>
      </c>
      <c r="J20" s="261">
        <v>21</v>
      </c>
      <c r="K20" s="261">
        <v>0</v>
      </c>
      <c r="L20" s="258">
        <v>295</v>
      </c>
      <c r="M20" s="263">
        <v>295</v>
      </c>
      <c r="N20" s="261">
        <v>0</v>
      </c>
      <c r="O20" s="261">
        <v>0</v>
      </c>
      <c r="P20" s="258">
        <v>0</v>
      </c>
      <c r="Q20" s="260">
        <v>0</v>
      </c>
      <c r="R20" s="261">
        <v>12</v>
      </c>
      <c r="S20" s="261">
        <v>0</v>
      </c>
      <c r="T20" s="261">
        <v>22</v>
      </c>
      <c r="U20" s="261">
        <v>17</v>
      </c>
      <c r="V20" s="261">
        <v>0</v>
      </c>
      <c r="W20" s="258">
        <v>51</v>
      </c>
      <c r="X20" s="263">
        <v>51</v>
      </c>
    </row>
    <row r="21" spans="2:24" ht="21" customHeight="1" x14ac:dyDescent="0.2">
      <c r="B21" s="468" t="s">
        <v>19</v>
      </c>
      <c r="C21" s="261">
        <v>0</v>
      </c>
      <c r="D21" s="261">
        <v>0</v>
      </c>
      <c r="E21" s="258">
        <v>0</v>
      </c>
      <c r="F21" s="260">
        <v>0</v>
      </c>
      <c r="G21" s="261">
        <v>57</v>
      </c>
      <c r="H21" s="261">
        <v>54</v>
      </c>
      <c r="I21" s="261">
        <v>8</v>
      </c>
      <c r="J21" s="261">
        <v>16</v>
      </c>
      <c r="K21" s="261">
        <v>0</v>
      </c>
      <c r="L21" s="258">
        <v>135</v>
      </c>
      <c r="M21" s="263">
        <v>135</v>
      </c>
      <c r="N21" s="261">
        <v>0</v>
      </c>
      <c r="O21" s="261">
        <v>0</v>
      </c>
      <c r="P21" s="258">
        <v>0</v>
      </c>
      <c r="Q21" s="260">
        <v>0</v>
      </c>
      <c r="R21" s="261">
        <v>6</v>
      </c>
      <c r="S21" s="261">
        <v>14</v>
      </c>
      <c r="T21" s="261">
        <v>0</v>
      </c>
      <c r="U21" s="261">
        <v>0</v>
      </c>
      <c r="V21" s="261">
        <v>0</v>
      </c>
      <c r="W21" s="258">
        <v>20</v>
      </c>
      <c r="X21" s="263">
        <v>20</v>
      </c>
    </row>
    <row r="22" spans="2:24" ht="21" customHeight="1" x14ac:dyDescent="0.2">
      <c r="B22" s="468" t="s">
        <v>20</v>
      </c>
      <c r="C22" s="261">
        <v>0</v>
      </c>
      <c r="D22" s="261">
        <v>0</v>
      </c>
      <c r="E22" s="258">
        <v>0</v>
      </c>
      <c r="F22" s="260">
        <v>0</v>
      </c>
      <c r="G22" s="261">
        <v>48</v>
      </c>
      <c r="H22" s="261">
        <v>52</v>
      </c>
      <c r="I22" s="261">
        <v>13</v>
      </c>
      <c r="J22" s="261">
        <v>0</v>
      </c>
      <c r="K22" s="261">
        <v>0</v>
      </c>
      <c r="L22" s="258">
        <v>113</v>
      </c>
      <c r="M22" s="263">
        <v>113</v>
      </c>
      <c r="N22" s="261">
        <v>0</v>
      </c>
      <c r="O22" s="261">
        <v>0</v>
      </c>
      <c r="P22" s="258">
        <v>0</v>
      </c>
      <c r="Q22" s="260">
        <v>0</v>
      </c>
      <c r="R22" s="261">
        <v>0</v>
      </c>
      <c r="S22" s="261">
        <v>0</v>
      </c>
      <c r="T22" s="261">
        <v>0</v>
      </c>
      <c r="U22" s="261">
        <v>0</v>
      </c>
      <c r="V22" s="261">
        <v>0</v>
      </c>
      <c r="W22" s="258">
        <v>0</v>
      </c>
      <c r="X22" s="263">
        <v>0</v>
      </c>
    </row>
    <row r="23" spans="2:24" ht="21" customHeight="1" x14ac:dyDescent="0.2">
      <c r="B23" s="468" t="s">
        <v>21</v>
      </c>
      <c r="C23" s="261">
        <v>0</v>
      </c>
      <c r="D23" s="261">
        <v>0</v>
      </c>
      <c r="E23" s="258">
        <v>0</v>
      </c>
      <c r="F23" s="260">
        <v>0</v>
      </c>
      <c r="G23" s="261">
        <v>96</v>
      </c>
      <c r="H23" s="261">
        <v>15</v>
      </c>
      <c r="I23" s="261">
        <v>19</v>
      </c>
      <c r="J23" s="261">
        <v>6</v>
      </c>
      <c r="K23" s="261">
        <v>0</v>
      </c>
      <c r="L23" s="258">
        <v>136</v>
      </c>
      <c r="M23" s="263">
        <v>136</v>
      </c>
      <c r="N23" s="261">
        <v>0</v>
      </c>
      <c r="O23" s="261">
        <v>0</v>
      </c>
      <c r="P23" s="258">
        <v>0</v>
      </c>
      <c r="Q23" s="260">
        <v>0</v>
      </c>
      <c r="R23" s="261">
        <v>0</v>
      </c>
      <c r="S23" s="261">
        <v>0</v>
      </c>
      <c r="T23" s="261">
        <v>0</v>
      </c>
      <c r="U23" s="261">
        <v>0</v>
      </c>
      <c r="V23" s="261">
        <v>0</v>
      </c>
      <c r="W23" s="258">
        <v>0</v>
      </c>
      <c r="X23" s="263">
        <v>0</v>
      </c>
    </row>
    <row r="24" spans="2:24" ht="21" customHeight="1" x14ac:dyDescent="0.2">
      <c r="B24" s="468" t="s">
        <v>22</v>
      </c>
      <c r="C24" s="261">
        <v>0</v>
      </c>
      <c r="D24" s="261">
        <v>0</v>
      </c>
      <c r="E24" s="258">
        <v>0</v>
      </c>
      <c r="F24" s="260">
        <v>0</v>
      </c>
      <c r="G24" s="261">
        <v>42</v>
      </c>
      <c r="H24" s="261">
        <v>29</v>
      </c>
      <c r="I24" s="261">
        <v>11</v>
      </c>
      <c r="J24" s="261">
        <v>0</v>
      </c>
      <c r="K24" s="261">
        <v>0</v>
      </c>
      <c r="L24" s="258">
        <v>82</v>
      </c>
      <c r="M24" s="263">
        <v>82</v>
      </c>
      <c r="N24" s="261">
        <v>0</v>
      </c>
      <c r="O24" s="261">
        <v>0</v>
      </c>
      <c r="P24" s="258">
        <v>0</v>
      </c>
      <c r="Q24" s="260">
        <v>0</v>
      </c>
      <c r="R24" s="261">
        <v>0</v>
      </c>
      <c r="S24" s="261">
        <v>0</v>
      </c>
      <c r="T24" s="261">
        <v>9</v>
      </c>
      <c r="U24" s="261">
        <v>0</v>
      </c>
      <c r="V24" s="261">
        <v>0</v>
      </c>
      <c r="W24" s="258">
        <v>9</v>
      </c>
      <c r="X24" s="263">
        <v>9</v>
      </c>
    </row>
    <row r="25" spans="2:24" ht="21" customHeight="1" x14ac:dyDescent="0.2">
      <c r="B25" s="468" t="s">
        <v>23</v>
      </c>
      <c r="C25" s="261">
        <v>0</v>
      </c>
      <c r="D25" s="261">
        <v>0</v>
      </c>
      <c r="E25" s="258">
        <v>0</v>
      </c>
      <c r="F25" s="260">
        <v>0</v>
      </c>
      <c r="G25" s="261">
        <v>7</v>
      </c>
      <c r="H25" s="261">
        <v>8</v>
      </c>
      <c r="I25" s="261">
        <v>9</v>
      </c>
      <c r="J25" s="261">
        <v>0</v>
      </c>
      <c r="K25" s="261">
        <v>0</v>
      </c>
      <c r="L25" s="258">
        <v>24</v>
      </c>
      <c r="M25" s="263">
        <v>24</v>
      </c>
      <c r="N25" s="261">
        <v>0</v>
      </c>
      <c r="O25" s="261">
        <v>0</v>
      </c>
      <c r="P25" s="258">
        <v>0</v>
      </c>
      <c r="Q25" s="260">
        <v>0</v>
      </c>
      <c r="R25" s="261">
        <v>0</v>
      </c>
      <c r="S25" s="261">
        <v>0</v>
      </c>
      <c r="T25" s="261">
        <v>0</v>
      </c>
      <c r="U25" s="261">
        <v>0</v>
      </c>
      <c r="V25" s="261">
        <v>0</v>
      </c>
      <c r="W25" s="258">
        <v>0</v>
      </c>
      <c r="X25" s="263">
        <v>0</v>
      </c>
    </row>
    <row r="26" spans="2:24" ht="21" customHeight="1" x14ac:dyDescent="0.2">
      <c r="B26" s="468" t="s">
        <v>24</v>
      </c>
      <c r="C26" s="261">
        <v>0</v>
      </c>
      <c r="D26" s="261">
        <v>0</v>
      </c>
      <c r="E26" s="258">
        <v>0</v>
      </c>
      <c r="F26" s="260">
        <v>0</v>
      </c>
      <c r="G26" s="261">
        <v>0</v>
      </c>
      <c r="H26" s="261">
        <v>0</v>
      </c>
      <c r="I26" s="261">
        <v>0</v>
      </c>
      <c r="J26" s="261">
        <v>13</v>
      </c>
      <c r="K26" s="261">
        <v>0</v>
      </c>
      <c r="L26" s="258">
        <v>13</v>
      </c>
      <c r="M26" s="263">
        <v>13</v>
      </c>
      <c r="N26" s="261">
        <v>0</v>
      </c>
      <c r="O26" s="261">
        <v>0</v>
      </c>
      <c r="P26" s="258">
        <v>0</v>
      </c>
      <c r="Q26" s="260">
        <v>0</v>
      </c>
      <c r="R26" s="261">
        <v>0</v>
      </c>
      <c r="S26" s="261">
        <v>5</v>
      </c>
      <c r="T26" s="261">
        <v>7</v>
      </c>
      <c r="U26" s="261">
        <v>0</v>
      </c>
      <c r="V26" s="261">
        <v>7</v>
      </c>
      <c r="W26" s="258">
        <v>19</v>
      </c>
      <c r="X26" s="263">
        <v>19</v>
      </c>
    </row>
    <row r="27" spans="2:24" ht="21" customHeight="1" x14ac:dyDescent="0.2">
      <c r="B27" s="468" t="s">
        <v>25</v>
      </c>
      <c r="C27" s="261">
        <v>0</v>
      </c>
      <c r="D27" s="261">
        <v>0</v>
      </c>
      <c r="E27" s="258">
        <v>0</v>
      </c>
      <c r="F27" s="260">
        <v>0</v>
      </c>
      <c r="G27" s="261">
        <v>31</v>
      </c>
      <c r="H27" s="261">
        <v>13</v>
      </c>
      <c r="I27" s="261">
        <v>0</v>
      </c>
      <c r="J27" s="261">
        <v>0</v>
      </c>
      <c r="K27" s="261">
        <v>0</v>
      </c>
      <c r="L27" s="258">
        <v>44</v>
      </c>
      <c r="M27" s="263">
        <v>44</v>
      </c>
      <c r="N27" s="261">
        <v>0</v>
      </c>
      <c r="O27" s="261">
        <v>0</v>
      </c>
      <c r="P27" s="258">
        <v>0</v>
      </c>
      <c r="Q27" s="260">
        <v>0</v>
      </c>
      <c r="R27" s="261">
        <v>0</v>
      </c>
      <c r="S27" s="261">
        <v>0</v>
      </c>
      <c r="T27" s="261">
        <v>0</v>
      </c>
      <c r="U27" s="261">
        <v>0</v>
      </c>
      <c r="V27" s="261">
        <v>0</v>
      </c>
      <c r="W27" s="258">
        <v>0</v>
      </c>
      <c r="X27" s="263">
        <v>0</v>
      </c>
    </row>
    <row r="28" spans="2:24" ht="21" customHeight="1" x14ac:dyDescent="0.2">
      <c r="B28" s="468" t="s">
        <v>26</v>
      </c>
      <c r="C28" s="261">
        <v>0</v>
      </c>
      <c r="D28" s="261">
        <v>0</v>
      </c>
      <c r="E28" s="258">
        <v>0</v>
      </c>
      <c r="F28" s="260">
        <v>0</v>
      </c>
      <c r="G28" s="261">
        <v>8</v>
      </c>
      <c r="H28" s="261">
        <v>30</v>
      </c>
      <c r="I28" s="261">
        <v>23</v>
      </c>
      <c r="J28" s="261">
        <v>0</v>
      </c>
      <c r="K28" s="261">
        <v>4</v>
      </c>
      <c r="L28" s="258">
        <v>65</v>
      </c>
      <c r="M28" s="263">
        <v>65</v>
      </c>
      <c r="N28" s="261">
        <v>0</v>
      </c>
      <c r="O28" s="261">
        <v>0</v>
      </c>
      <c r="P28" s="258">
        <v>0</v>
      </c>
      <c r="Q28" s="260">
        <v>0</v>
      </c>
      <c r="R28" s="261">
        <v>0</v>
      </c>
      <c r="S28" s="261">
        <v>0</v>
      </c>
      <c r="T28" s="261">
        <v>0</v>
      </c>
      <c r="U28" s="261">
        <v>0</v>
      </c>
      <c r="V28" s="261">
        <v>0</v>
      </c>
      <c r="W28" s="258">
        <v>0</v>
      </c>
      <c r="X28" s="263">
        <v>0</v>
      </c>
    </row>
    <row r="29" spans="2:24" ht="21" customHeight="1" x14ac:dyDescent="0.2">
      <c r="B29" s="468" t="s">
        <v>27</v>
      </c>
      <c r="C29" s="261">
        <v>0</v>
      </c>
      <c r="D29" s="261">
        <v>0</v>
      </c>
      <c r="E29" s="258">
        <v>0</v>
      </c>
      <c r="F29" s="260">
        <v>0</v>
      </c>
      <c r="G29" s="261">
        <v>28</v>
      </c>
      <c r="H29" s="261">
        <v>13</v>
      </c>
      <c r="I29" s="261">
        <v>0</v>
      </c>
      <c r="J29" s="261">
        <v>0</v>
      </c>
      <c r="K29" s="261">
        <v>0</v>
      </c>
      <c r="L29" s="258">
        <v>41</v>
      </c>
      <c r="M29" s="263">
        <v>41</v>
      </c>
      <c r="N29" s="261">
        <v>0</v>
      </c>
      <c r="O29" s="261">
        <v>0</v>
      </c>
      <c r="P29" s="258">
        <v>0</v>
      </c>
      <c r="Q29" s="260">
        <v>0</v>
      </c>
      <c r="R29" s="261">
        <v>0</v>
      </c>
      <c r="S29" s="261">
        <v>5</v>
      </c>
      <c r="T29" s="261">
        <v>8</v>
      </c>
      <c r="U29" s="261">
        <v>0</v>
      </c>
      <c r="V29" s="261">
        <v>0</v>
      </c>
      <c r="W29" s="258">
        <v>13</v>
      </c>
      <c r="X29" s="263">
        <v>13</v>
      </c>
    </row>
    <row r="30" spans="2:24" ht="21" customHeight="1" x14ac:dyDescent="0.2">
      <c r="B30" s="468" t="s">
        <v>28</v>
      </c>
      <c r="C30" s="261">
        <v>0</v>
      </c>
      <c r="D30" s="261">
        <v>0</v>
      </c>
      <c r="E30" s="258">
        <v>0</v>
      </c>
      <c r="F30" s="260">
        <v>0</v>
      </c>
      <c r="G30" s="261">
        <v>42</v>
      </c>
      <c r="H30" s="261">
        <v>0</v>
      </c>
      <c r="I30" s="261">
        <v>0</v>
      </c>
      <c r="J30" s="261">
        <v>0</v>
      </c>
      <c r="K30" s="261">
        <v>0</v>
      </c>
      <c r="L30" s="258">
        <v>42</v>
      </c>
      <c r="M30" s="263">
        <v>42</v>
      </c>
      <c r="N30" s="261">
        <v>0</v>
      </c>
      <c r="O30" s="261">
        <v>0</v>
      </c>
      <c r="P30" s="258">
        <v>0</v>
      </c>
      <c r="Q30" s="260">
        <v>0</v>
      </c>
      <c r="R30" s="261">
        <v>0</v>
      </c>
      <c r="S30" s="261">
        <v>0</v>
      </c>
      <c r="T30" s="261">
        <v>0</v>
      </c>
      <c r="U30" s="261">
        <v>0</v>
      </c>
      <c r="V30" s="261">
        <v>0</v>
      </c>
      <c r="W30" s="258">
        <v>0</v>
      </c>
      <c r="X30" s="263">
        <v>0</v>
      </c>
    </row>
    <row r="31" spans="2:24" ht="21" customHeight="1" x14ac:dyDescent="0.2">
      <c r="B31" s="468" t="s">
        <v>29</v>
      </c>
      <c r="C31" s="261">
        <v>0</v>
      </c>
      <c r="D31" s="261">
        <v>0</v>
      </c>
      <c r="E31" s="258">
        <v>0</v>
      </c>
      <c r="F31" s="260">
        <v>0</v>
      </c>
      <c r="G31" s="261">
        <v>11</v>
      </c>
      <c r="H31" s="261">
        <v>0</v>
      </c>
      <c r="I31" s="261">
        <v>0</v>
      </c>
      <c r="J31" s="261">
        <v>3</v>
      </c>
      <c r="K31" s="261">
        <v>0</v>
      </c>
      <c r="L31" s="258">
        <v>14</v>
      </c>
      <c r="M31" s="263">
        <v>14</v>
      </c>
      <c r="N31" s="261">
        <v>0</v>
      </c>
      <c r="O31" s="261">
        <v>0</v>
      </c>
      <c r="P31" s="258">
        <v>0</v>
      </c>
      <c r="Q31" s="260">
        <v>0</v>
      </c>
      <c r="R31" s="261">
        <v>0</v>
      </c>
      <c r="S31" s="261">
        <v>0</v>
      </c>
      <c r="T31" s="261">
        <v>0</v>
      </c>
      <c r="U31" s="261">
        <v>0</v>
      </c>
      <c r="V31" s="261">
        <v>0</v>
      </c>
      <c r="W31" s="258">
        <v>0</v>
      </c>
      <c r="X31" s="263">
        <v>0</v>
      </c>
    </row>
    <row r="32" spans="2:24" ht="21" customHeight="1" x14ac:dyDescent="0.2">
      <c r="B32" s="468" t="s">
        <v>30</v>
      </c>
      <c r="C32" s="261">
        <v>0</v>
      </c>
      <c r="D32" s="261">
        <v>0</v>
      </c>
      <c r="E32" s="258">
        <v>0</v>
      </c>
      <c r="F32" s="260">
        <v>0</v>
      </c>
      <c r="G32" s="261">
        <v>12</v>
      </c>
      <c r="H32" s="261">
        <v>0</v>
      </c>
      <c r="I32" s="261">
        <v>0</v>
      </c>
      <c r="J32" s="261">
        <v>0</v>
      </c>
      <c r="K32" s="261">
        <v>0</v>
      </c>
      <c r="L32" s="258">
        <v>12</v>
      </c>
      <c r="M32" s="263">
        <v>12</v>
      </c>
      <c r="N32" s="261">
        <v>0</v>
      </c>
      <c r="O32" s="261">
        <v>0</v>
      </c>
      <c r="P32" s="258">
        <v>0</v>
      </c>
      <c r="Q32" s="260">
        <v>0</v>
      </c>
      <c r="R32" s="261">
        <v>0</v>
      </c>
      <c r="S32" s="261">
        <v>5</v>
      </c>
      <c r="T32" s="261">
        <v>0</v>
      </c>
      <c r="U32" s="261">
        <v>0</v>
      </c>
      <c r="V32" s="261">
        <v>0</v>
      </c>
      <c r="W32" s="258">
        <v>5</v>
      </c>
      <c r="X32" s="263">
        <v>5</v>
      </c>
    </row>
    <row r="33" spans="2:24" ht="21" customHeight="1" x14ac:dyDescent="0.2">
      <c r="B33" s="468" t="s">
        <v>31</v>
      </c>
      <c r="C33" s="261">
        <v>0</v>
      </c>
      <c r="D33" s="261">
        <v>0</v>
      </c>
      <c r="E33" s="258">
        <v>0</v>
      </c>
      <c r="F33" s="260">
        <v>0</v>
      </c>
      <c r="G33" s="261">
        <v>13</v>
      </c>
      <c r="H33" s="261">
        <v>6</v>
      </c>
      <c r="I33" s="261">
        <v>8</v>
      </c>
      <c r="J33" s="261">
        <v>0</v>
      </c>
      <c r="K33" s="261">
        <v>0</v>
      </c>
      <c r="L33" s="258">
        <v>27</v>
      </c>
      <c r="M33" s="263">
        <v>27</v>
      </c>
      <c r="N33" s="261">
        <v>0</v>
      </c>
      <c r="O33" s="261">
        <v>0</v>
      </c>
      <c r="P33" s="258">
        <v>0</v>
      </c>
      <c r="Q33" s="260">
        <v>0</v>
      </c>
      <c r="R33" s="261">
        <v>0</v>
      </c>
      <c r="S33" s="261">
        <v>0</v>
      </c>
      <c r="T33" s="261">
        <v>0</v>
      </c>
      <c r="U33" s="261">
        <v>0</v>
      </c>
      <c r="V33" s="261">
        <v>0</v>
      </c>
      <c r="W33" s="258">
        <v>0</v>
      </c>
      <c r="X33" s="263">
        <v>0</v>
      </c>
    </row>
    <row r="34" spans="2:24" ht="21" customHeight="1" x14ac:dyDescent="0.2">
      <c r="B34" s="468" t="s">
        <v>32</v>
      </c>
      <c r="C34" s="261">
        <v>0</v>
      </c>
      <c r="D34" s="261">
        <v>0</v>
      </c>
      <c r="E34" s="258">
        <v>0</v>
      </c>
      <c r="F34" s="260">
        <v>0</v>
      </c>
      <c r="G34" s="261">
        <v>9</v>
      </c>
      <c r="H34" s="261">
        <v>0</v>
      </c>
      <c r="I34" s="261">
        <v>0</v>
      </c>
      <c r="J34" s="261">
        <v>0</v>
      </c>
      <c r="K34" s="261">
        <v>0</v>
      </c>
      <c r="L34" s="258">
        <v>9</v>
      </c>
      <c r="M34" s="263">
        <v>9</v>
      </c>
      <c r="N34" s="261">
        <v>0</v>
      </c>
      <c r="O34" s="261">
        <v>0</v>
      </c>
      <c r="P34" s="258">
        <v>0</v>
      </c>
      <c r="Q34" s="260">
        <v>0</v>
      </c>
      <c r="R34" s="261">
        <v>17</v>
      </c>
      <c r="S34" s="261">
        <v>0</v>
      </c>
      <c r="T34" s="261">
        <v>0</v>
      </c>
      <c r="U34" s="261">
        <v>0</v>
      </c>
      <c r="V34" s="261">
        <v>0</v>
      </c>
      <c r="W34" s="258">
        <v>17</v>
      </c>
      <c r="X34" s="263">
        <v>17</v>
      </c>
    </row>
    <row r="35" spans="2:24" ht="21" customHeight="1" x14ac:dyDescent="0.2">
      <c r="B35" s="468" t="s">
        <v>33</v>
      </c>
      <c r="C35" s="261">
        <v>0</v>
      </c>
      <c r="D35" s="261">
        <v>0</v>
      </c>
      <c r="E35" s="258">
        <v>0</v>
      </c>
      <c r="F35" s="260">
        <v>0</v>
      </c>
      <c r="G35" s="261">
        <v>7</v>
      </c>
      <c r="H35" s="261">
        <v>0</v>
      </c>
      <c r="I35" s="261">
        <v>7</v>
      </c>
      <c r="J35" s="261">
        <v>9</v>
      </c>
      <c r="K35" s="261">
        <v>0</v>
      </c>
      <c r="L35" s="258">
        <v>23</v>
      </c>
      <c r="M35" s="263">
        <v>23</v>
      </c>
      <c r="N35" s="261">
        <v>0</v>
      </c>
      <c r="O35" s="261">
        <v>0</v>
      </c>
      <c r="P35" s="258">
        <v>0</v>
      </c>
      <c r="Q35" s="260">
        <v>0</v>
      </c>
      <c r="R35" s="261">
        <v>0</v>
      </c>
      <c r="S35" s="261">
        <v>0</v>
      </c>
      <c r="T35" s="261">
        <v>0</v>
      </c>
      <c r="U35" s="261">
        <v>0</v>
      </c>
      <c r="V35" s="261">
        <v>0</v>
      </c>
      <c r="W35" s="258">
        <v>0</v>
      </c>
      <c r="X35" s="263">
        <v>0</v>
      </c>
    </row>
    <row r="36" spans="2:24" ht="21" customHeight="1" x14ac:dyDescent="0.2">
      <c r="B36" s="468"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68"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68" t="s">
        <v>36</v>
      </c>
      <c r="C38" s="261">
        <v>0</v>
      </c>
      <c r="D38" s="261">
        <v>0</v>
      </c>
      <c r="E38" s="258">
        <v>0</v>
      </c>
      <c r="F38" s="260">
        <v>0</v>
      </c>
      <c r="G38" s="261">
        <v>9</v>
      </c>
      <c r="H38" s="261">
        <v>0</v>
      </c>
      <c r="I38" s="261">
        <v>0</v>
      </c>
      <c r="J38" s="261">
        <v>0</v>
      </c>
      <c r="K38" s="261">
        <v>0</v>
      </c>
      <c r="L38" s="258">
        <v>9</v>
      </c>
      <c r="M38" s="263">
        <v>9</v>
      </c>
      <c r="N38" s="261">
        <v>0</v>
      </c>
      <c r="O38" s="261">
        <v>0</v>
      </c>
      <c r="P38" s="258">
        <v>0</v>
      </c>
      <c r="Q38" s="260">
        <v>0</v>
      </c>
      <c r="R38" s="261">
        <v>0</v>
      </c>
      <c r="S38" s="261">
        <v>0</v>
      </c>
      <c r="T38" s="261">
        <v>0</v>
      </c>
      <c r="U38" s="261">
        <v>0</v>
      </c>
      <c r="V38" s="261">
        <v>0</v>
      </c>
      <c r="W38" s="258">
        <v>0</v>
      </c>
      <c r="X38" s="263">
        <v>0</v>
      </c>
    </row>
    <row r="39" spans="2:24" ht="21" customHeight="1" thickBot="1" x14ac:dyDescent="0.25">
      <c r="B39" s="469" t="s">
        <v>37</v>
      </c>
      <c r="C39" s="268">
        <v>0</v>
      </c>
      <c r="D39" s="268">
        <v>0</v>
      </c>
      <c r="E39" s="265">
        <v>0</v>
      </c>
      <c r="F39" s="267">
        <v>0</v>
      </c>
      <c r="G39" s="268">
        <v>0</v>
      </c>
      <c r="H39" s="268">
        <v>0</v>
      </c>
      <c r="I39" s="268">
        <v>0</v>
      </c>
      <c r="J39" s="268">
        <v>0</v>
      </c>
      <c r="K39" s="268">
        <v>14</v>
      </c>
      <c r="L39" s="265">
        <v>14</v>
      </c>
      <c r="M39" s="270">
        <v>14</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539">
        <f>第１表!F2</f>
        <v>6</v>
      </c>
      <c r="G1" s="539"/>
      <c r="H1" s="235">
        <f>第１表!G2</f>
        <v>1</v>
      </c>
      <c r="I1" s="569">
        <f>IF(H1&lt;3,H1-2+12,H1-2)</f>
        <v>11</v>
      </c>
      <c r="J1" s="569"/>
    </row>
    <row r="2" spans="2:133" ht="24" customHeight="1" thickBot="1" x14ac:dyDescent="0.25"/>
    <row r="3" spans="2:133" ht="21" customHeight="1" thickBot="1" x14ac:dyDescent="0.25">
      <c r="B3" s="615"/>
      <c r="C3" s="605" t="s">
        <v>57</v>
      </c>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7"/>
      <c r="AG3" s="605" t="s">
        <v>58</v>
      </c>
      <c r="AH3" s="618"/>
      <c r="AI3" s="618"/>
      <c r="AJ3" s="618"/>
      <c r="AK3" s="618"/>
      <c r="AL3" s="618"/>
      <c r="AM3" s="618"/>
      <c r="AN3" s="618"/>
      <c r="AO3" s="618"/>
      <c r="AP3" s="618"/>
      <c r="AQ3" s="618"/>
      <c r="AR3" s="618"/>
      <c r="AS3" s="618"/>
      <c r="AT3" s="618"/>
      <c r="AU3" s="618"/>
      <c r="AV3" s="618"/>
      <c r="AW3" s="618"/>
      <c r="AX3" s="618"/>
      <c r="AY3" s="618"/>
      <c r="AZ3" s="618"/>
      <c r="BA3" s="618"/>
      <c r="BB3" s="618"/>
      <c r="BC3" s="618"/>
      <c r="BD3" s="618"/>
      <c r="BE3" s="618"/>
      <c r="BF3" s="618"/>
      <c r="BG3" s="618"/>
      <c r="BH3" s="618"/>
      <c r="BI3" s="618"/>
      <c r="BJ3" s="619"/>
      <c r="BK3" s="605" t="s">
        <v>59</v>
      </c>
      <c r="BL3" s="606"/>
      <c r="BM3" s="606"/>
      <c r="BN3" s="606"/>
      <c r="BO3" s="606"/>
      <c r="BP3" s="606"/>
      <c r="BQ3" s="606"/>
      <c r="BR3" s="606"/>
      <c r="BS3" s="606"/>
      <c r="BT3" s="606"/>
      <c r="BU3" s="606"/>
      <c r="BV3" s="606"/>
      <c r="BW3" s="606"/>
      <c r="BX3" s="606"/>
      <c r="BY3" s="606"/>
      <c r="BZ3" s="606"/>
      <c r="CA3" s="606"/>
      <c r="CB3" s="606"/>
      <c r="CC3" s="606"/>
      <c r="CD3" s="606"/>
      <c r="CE3" s="606"/>
      <c r="CF3" s="606"/>
      <c r="CG3" s="606"/>
      <c r="CH3" s="606"/>
      <c r="CI3" s="606"/>
      <c r="CJ3" s="606"/>
      <c r="CK3" s="606"/>
      <c r="CL3" s="606"/>
      <c r="CM3" s="606"/>
      <c r="CN3" s="607"/>
      <c r="CO3" s="614" t="s">
        <v>149</v>
      </c>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7"/>
      <c r="DS3" s="608" t="s">
        <v>60</v>
      </c>
      <c r="DT3" s="518"/>
      <c r="DU3" s="518"/>
      <c r="DV3" s="518"/>
      <c r="DW3" s="518"/>
      <c r="DX3" s="518"/>
      <c r="DY3" s="518"/>
      <c r="DZ3" s="518"/>
      <c r="EA3" s="518"/>
      <c r="EB3" s="519"/>
    </row>
    <row r="4" spans="2:133" ht="21" customHeight="1" thickBot="1" x14ac:dyDescent="0.25">
      <c r="B4" s="616"/>
      <c r="C4" s="609"/>
      <c r="D4" s="600"/>
      <c r="E4" s="600"/>
      <c r="F4" s="600"/>
      <c r="G4" s="600"/>
      <c r="H4" s="600"/>
      <c r="I4" s="600"/>
      <c r="J4" s="600"/>
      <c r="K4" s="600"/>
      <c r="L4" s="600"/>
      <c r="M4" s="611" t="s">
        <v>39</v>
      </c>
      <c r="N4" s="612"/>
      <c r="O4" s="612"/>
      <c r="P4" s="612"/>
      <c r="Q4" s="612"/>
      <c r="R4" s="612"/>
      <c r="S4" s="612"/>
      <c r="T4" s="612"/>
      <c r="U4" s="612"/>
      <c r="V4" s="613"/>
      <c r="W4" s="611" t="s">
        <v>40</v>
      </c>
      <c r="X4" s="612"/>
      <c r="Y4" s="612"/>
      <c r="Z4" s="612"/>
      <c r="AA4" s="612"/>
      <c r="AB4" s="612"/>
      <c r="AC4" s="612"/>
      <c r="AD4" s="612"/>
      <c r="AE4" s="612"/>
      <c r="AF4" s="613"/>
      <c r="AG4" s="609"/>
      <c r="AH4" s="600"/>
      <c r="AI4" s="600"/>
      <c r="AJ4" s="600"/>
      <c r="AK4" s="600"/>
      <c r="AL4" s="600"/>
      <c r="AM4" s="600"/>
      <c r="AN4" s="600"/>
      <c r="AO4" s="600"/>
      <c r="AP4" s="600"/>
      <c r="AQ4" s="611" t="s">
        <v>39</v>
      </c>
      <c r="AR4" s="612"/>
      <c r="AS4" s="612"/>
      <c r="AT4" s="612"/>
      <c r="AU4" s="612"/>
      <c r="AV4" s="612"/>
      <c r="AW4" s="612"/>
      <c r="AX4" s="612"/>
      <c r="AY4" s="612"/>
      <c r="AZ4" s="613"/>
      <c r="BA4" s="611" t="s">
        <v>40</v>
      </c>
      <c r="BB4" s="612"/>
      <c r="BC4" s="612"/>
      <c r="BD4" s="612"/>
      <c r="BE4" s="612"/>
      <c r="BF4" s="612"/>
      <c r="BG4" s="612"/>
      <c r="BH4" s="612"/>
      <c r="BI4" s="612"/>
      <c r="BJ4" s="613"/>
      <c r="BK4" s="609"/>
      <c r="BL4" s="600"/>
      <c r="BM4" s="600"/>
      <c r="BN4" s="600"/>
      <c r="BO4" s="600"/>
      <c r="BP4" s="600"/>
      <c r="BQ4" s="600"/>
      <c r="BR4" s="600"/>
      <c r="BS4" s="600"/>
      <c r="BT4" s="600"/>
      <c r="BU4" s="611" t="s">
        <v>39</v>
      </c>
      <c r="BV4" s="612"/>
      <c r="BW4" s="612"/>
      <c r="BX4" s="612"/>
      <c r="BY4" s="612"/>
      <c r="BZ4" s="612"/>
      <c r="CA4" s="612"/>
      <c r="CB4" s="612"/>
      <c r="CC4" s="612"/>
      <c r="CD4" s="613"/>
      <c r="CE4" s="611" t="s">
        <v>40</v>
      </c>
      <c r="CF4" s="612"/>
      <c r="CG4" s="612"/>
      <c r="CH4" s="612"/>
      <c r="CI4" s="612"/>
      <c r="CJ4" s="612"/>
      <c r="CK4" s="612"/>
      <c r="CL4" s="612"/>
      <c r="CM4" s="612"/>
      <c r="CN4" s="613"/>
      <c r="CO4" s="609"/>
      <c r="CP4" s="600"/>
      <c r="CQ4" s="600"/>
      <c r="CR4" s="600"/>
      <c r="CS4" s="600"/>
      <c r="CT4" s="600"/>
      <c r="CU4" s="600"/>
      <c r="CV4" s="600"/>
      <c r="CW4" s="600"/>
      <c r="CX4" s="600"/>
      <c r="CY4" s="611" t="s">
        <v>39</v>
      </c>
      <c r="CZ4" s="612"/>
      <c r="DA4" s="612"/>
      <c r="DB4" s="612"/>
      <c r="DC4" s="612"/>
      <c r="DD4" s="612"/>
      <c r="DE4" s="612"/>
      <c r="DF4" s="612"/>
      <c r="DG4" s="612"/>
      <c r="DH4" s="613"/>
      <c r="DI4" s="611" t="s">
        <v>40</v>
      </c>
      <c r="DJ4" s="612"/>
      <c r="DK4" s="612"/>
      <c r="DL4" s="612"/>
      <c r="DM4" s="612"/>
      <c r="DN4" s="612"/>
      <c r="DO4" s="612"/>
      <c r="DP4" s="612"/>
      <c r="DQ4" s="612"/>
      <c r="DR4" s="613"/>
      <c r="DS4" s="609"/>
      <c r="DT4" s="600"/>
      <c r="DU4" s="600"/>
      <c r="DV4" s="600"/>
      <c r="DW4" s="600"/>
      <c r="DX4" s="600"/>
      <c r="DY4" s="600"/>
      <c r="DZ4" s="600"/>
      <c r="EA4" s="600"/>
      <c r="EB4" s="610"/>
    </row>
    <row r="5" spans="2:133" ht="21" customHeight="1" x14ac:dyDescent="0.2">
      <c r="B5" s="617"/>
      <c r="C5" s="587" t="s">
        <v>61</v>
      </c>
      <c r="D5" s="588"/>
      <c r="E5" s="589"/>
      <c r="F5" s="590" t="s">
        <v>62</v>
      </c>
      <c r="G5" s="591"/>
      <c r="H5" s="591"/>
      <c r="I5" s="591"/>
      <c r="J5" s="591"/>
      <c r="K5" s="592"/>
      <c r="L5" s="602" t="s">
        <v>52</v>
      </c>
      <c r="M5" s="604" t="s">
        <v>61</v>
      </c>
      <c r="N5" s="597"/>
      <c r="O5" s="598"/>
      <c r="P5" s="599" t="s">
        <v>62</v>
      </c>
      <c r="Q5" s="600"/>
      <c r="R5" s="600"/>
      <c r="S5" s="600"/>
      <c r="T5" s="600"/>
      <c r="U5" s="601"/>
      <c r="V5" s="595" t="s">
        <v>52</v>
      </c>
      <c r="W5" s="596" t="s">
        <v>61</v>
      </c>
      <c r="X5" s="597"/>
      <c r="Y5" s="598"/>
      <c r="Z5" s="599" t="s">
        <v>62</v>
      </c>
      <c r="AA5" s="600"/>
      <c r="AB5" s="600"/>
      <c r="AC5" s="600"/>
      <c r="AD5" s="600"/>
      <c r="AE5" s="601"/>
      <c r="AF5" s="595" t="s">
        <v>52</v>
      </c>
      <c r="AG5" s="587" t="s">
        <v>61</v>
      </c>
      <c r="AH5" s="588"/>
      <c r="AI5" s="589"/>
      <c r="AJ5" s="590" t="s">
        <v>62</v>
      </c>
      <c r="AK5" s="591"/>
      <c r="AL5" s="591"/>
      <c r="AM5" s="591"/>
      <c r="AN5" s="591"/>
      <c r="AO5" s="592"/>
      <c r="AP5" s="593" t="s">
        <v>52</v>
      </c>
      <c r="AQ5" s="604" t="s">
        <v>61</v>
      </c>
      <c r="AR5" s="597"/>
      <c r="AS5" s="598"/>
      <c r="AT5" s="599" t="s">
        <v>62</v>
      </c>
      <c r="AU5" s="600"/>
      <c r="AV5" s="600"/>
      <c r="AW5" s="600"/>
      <c r="AX5" s="600"/>
      <c r="AY5" s="601"/>
      <c r="AZ5" s="620" t="s">
        <v>52</v>
      </c>
      <c r="BA5" s="604" t="s">
        <v>61</v>
      </c>
      <c r="BB5" s="597"/>
      <c r="BC5" s="598"/>
      <c r="BD5" s="599" t="s">
        <v>62</v>
      </c>
      <c r="BE5" s="600"/>
      <c r="BF5" s="600"/>
      <c r="BG5" s="600"/>
      <c r="BH5" s="600"/>
      <c r="BI5" s="601"/>
      <c r="BJ5" s="595" t="s">
        <v>52</v>
      </c>
      <c r="BK5" s="587" t="s">
        <v>61</v>
      </c>
      <c r="BL5" s="588"/>
      <c r="BM5" s="589"/>
      <c r="BN5" s="590" t="s">
        <v>62</v>
      </c>
      <c r="BO5" s="591"/>
      <c r="BP5" s="591"/>
      <c r="BQ5" s="591"/>
      <c r="BR5" s="591"/>
      <c r="BS5" s="592"/>
      <c r="BT5" s="602" t="s">
        <v>52</v>
      </c>
      <c r="BU5" s="604" t="s">
        <v>61</v>
      </c>
      <c r="BV5" s="597"/>
      <c r="BW5" s="598"/>
      <c r="BX5" s="599" t="s">
        <v>62</v>
      </c>
      <c r="BY5" s="600"/>
      <c r="BZ5" s="600"/>
      <c r="CA5" s="600"/>
      <c r="CB5" s="600"/>
      <c r="CC5" s="601"/>
      <c r="CD5" s="595" t="s">
        <v>52</v>
      </c>
      <c r="CE5" s="596" t="s">
        <v>61</v>
      </c>
      <c r="CF5" s="597"/>
      <c r="CG5" s="598"/>
      <c r="CH5" s="599" t="s">
        <v>62</v>
      </c>
      <c r="CI5" s="600"/>
      <c r="CJ5" s="600"/>
      <c r="CK5" s="600"/>
      <c r="CL5" s="600"/>
      <c r="CM5" s="601"/>
      <c r="CN5" s="595" t="s">
        <v>52</v>
      </c>
      <c r="CO5" s="587" t="s">
        <v>61</v>
      </c>
      <c r="CP5" s="588"/>
      <c r="CQ5" s="589"/>
      <c r="CR5" s="590" t="s">
        <v>62</v>
      </c>
      <c r="CS5" s="591"/>
      <c r="CT5" s="591"/>
      <c r="CU5" s="591"/>
      <c r="CV5" s="591"/>
      <c r="CW5" s="592"/>
      <c r="CX5" s="602" t="s">
        <v>52</v>
      </c>
      <c r="CY5" s="604" t="s">
        <v>61</v>
      </c>
      <c r="CZ5" s="597"/>
      <c r="DA5" s="598"/>
      <c r="DB5" s="599" t="s">
        <v>62</v>
      </c>
      <c r="DC5" s="600"/>
      <c r="DD5" s="600"/>
      <c r="DE5" s="600"/>
      <c r="DF5" s="600"/>
      <c r="DG5" s="601"/>
      <c r="DH5" s="595" t="s">
        <v>52</v>
      </c>
      <c r="DI5" s="596" t="s">
        <v>61</v>
      </c>
      <c r="DJ5" s="597"/>
      <c r="DK5" s="598"/>
      <c r="DL5" s="599" t="s">
        <v>62</v>
      </c>
      <c r="DM5" s="600"/>
      <c r="DN5" s="600"/>
      <c r="DO5" s="600"/>
      <c r="DP5" s="600"/>
      <c r="DQ5" s="601"/>
      <c r="DR5" s="595" t="s">
        <v>52</v>
      </c>
      <c r="DS5" s="587" t="s">
        <v>61</v>
      </c>
      <c r="DT5" s="588"/>
      <c r="DU5" s="589"/>
      <c r="DV5" s="590" t="s">
        <v>62</v>
      </c>
      <c r="DW5" s="591"/>
      <c r="DX5" s="591"/>
      <c r="DY5" s="591"/>
      <c r="DZ5" s="591"/>
      <c r="EA5" s="592"/>
      <c r="EB5" s="593" t="s">
        <v>52</v>
      </c>
    </row>
    <row r="6" spans="2:133" ht="30" customHeight="1" thickBot="1" x14ac:dyDescent="0.25">
      <c r="B6" s="289" t="s">
        <v>42</v>
      </c>
      <c r="C6" s="26" t="s">
        <v>43</v>
      </c>
      <c r="D6" s="27" t="s">
        <v>44</v>
      </c>
      <c r="E6" s="27" t="s">
        <v>45</v>
      </c>
      <c r="F6" s="28" t="s">
        <v>47</v>
      </c>
      <c r="G6" s="29" t="s">
        <v>48</v>
      </c>
      <c r="H6" s="29" t="s">
        <v>49</v>
      </c>
      <c r="I6" s="30" t="s">
        <v>50</v>
      </c>
      <c r="J6" s="27" t="s">
        <v>51</v>
      </c>
      <c r="K6" s="31" t="s">
        <v>95</v>
      </c>
      <c r="L6" s="603"/>
      <c r="M6" s="26" t="s">
        <v>43</v>
      </c>
      <c r="N6" s="27" t="s">
        <v>44</v>
      </c>
      <c r="O6" s="31" t="s">
        <v>45</v>
      </c>
      <c r="P6" s="28" t="s">
        <v>47</v>
      </c>
      <c r="Q6" s="29" t="s">
        <v>48</v>
      </c>
      <c r="R6" s="29" t="s">
        <v>49</v>
      </c>
      <c r="S6" s="30" t="s">
        <v>50</v>
      </c>
      <c r="T6" s="27" t="s">
        <v>51</v>
      </c>
      <c r="U6" s="31" t="s">
        <v>45</v>
      </c>
      <c r="V6" s="594"/>
      <c r="W6" s="12" t="s">
        <v>43</v>
      </c>
      <c r="X6" s="27" t="s">
        <v>44</v>
      </c>
      <c r="Y6" s="31" t="s">
        <v>45</v>
      </c>
      <c r="Z6" s="12" t="s">
        <v>47</v>
      </c>
      <c r="AA6" s="29" t="s">
        <v>48</v>
      </c>
      <c r="AB6" s="29" t="s">
        <v>49</v>
      </c>
      <c r="AC6" s="30" t="s">
        <v>50</v>
      </c>
      <c r="AD6" s="27" t="s">
        <v>51</v>
      </c>
      <c r="AE6" s="31" t="s">
        <v>45</v>
      </c>
      <c r="AF6" s="594"/>
      <c r="AG6" s="26" t="s">
        <v>43</v>
      </c>
      <c r="AH6" s="27" t="s">
        <v>44</v>
      </c>
      <c r="AI6" s="31" t="s">
        <v>45</v>
      </c>
      <c r="AJ6" s="12" t="s">
        <v>47</v>
      </c>
      <c r="AK6" s="29" t="s">
        <v>48</v>
      </c>
      <c r="AL6" s="29" t="s">
        <v>49</v>
      </c>
      <c r="AM6" s="30" t="s">
        <v>50</v>
      </c>
      <c r="AN6" s="27" t="s">
        <v>51</v>
      </c>
      <c r="AO6" s="31" t="s">
        <v>45</v>
      </c>
      <c r="AP6" s="594"/>
      <c r="AQ6" s="26" t="s">
        <v>43</v>
      </c>
      <c r="AR6" s="27" t="s">
        <v>44</v>
      </c>
      <c r="AS6" s="31" t="s">
        <v>45</v>
      </c>
      <c r="AT6" s="28" t="s">
        <v>47</v>
      </c>
      <c r="AU6" s="29" t="s">
        <v>48</v>
      </c>
      <c r="AV6" s="29" t="s">
        <v>49</v>
      </c>
      <c r="AW6" s="30" t="s">
        <v>50</v>
      </c>
      <c r="AX6" s="27" t="s">
        <v>51</v>
      </c>
      <c r="AY6" s="31" t="s">
        <v>45</v>
      </c>
      <c r="AZ6" s="603"/>
      <c r="BA6" s="26" t="s">
        <v>43</v>
      </c>
      <c r="BB6" s="27" t="s">
        <v>44</v>
      </c>
      <c r="BC6" s="27" t="s">
        <v>45</v>
      </c>
      <c r="BD6" s="28" t="s">
        <v>47</v>
      </c>
      <c r="BE6" s="29" t="s">
        <v>48</v>
      </c>
      <c r="BF6" s="29" t="s">
        <v>49</v>
      </c>
      <c r="BG6" s="30" t="s">
        <v>50</v>
      </c>
      <c r="BH6" s="27" t="s">
        <v>51</v>
      </c>
      <c r="BI6" s="31" t="s">
        <v>45</v>
      </c>
      <c r="BJ6" s="594"/>
      <c r="BK6" s="26" t="s">
        <v>43</v>
      </c>
      <c r="BL6" s="27" t="s">
        <v>44</v>
      </c>
      <c r="BM6" s="27" t="s">
        <v>45</v>
      </c>
      <c r="BN6" s="28" t="s">
        <v>47</v>
      </c>
      <c r="BO6" s="29" t="s">
        <v>48</v>
      </c>
      <c r="BP6" s="29" t="s">
        <v>49</v>
      </c>
      <c r="BQ6" s="30" t="s">
        <v>50</v>
      </c>
      <c r="BR6" s="27" t="s">
        <v>51</v>
      </c>
      <c r="BS6" s="31" t="s">
        <v>45</v>
      </c>
      <c r="BT6" s="603"/>
      <c r="BU6" s="26" t="s">
        <v>43</v>
      </c>
      <c r="BV6" s="27" t="s">
        <v>44</v>
      </c>
      <c r="BW6" s="27" t="s">
        <v>45</v>
      </c>
      <c r="BX6" s="28" t="s">
        <v>47</v>
      </c>
      <c r="BY6" s="29" t="s">
        <v>48</v>
      </c>
      <c r="BZ6" s="29" t="s">
        <v>49</v>
      </c>
      <c r="CA6" s="30" t="s">
        <v>50</v>
      </c>
      <c r="CB6" s="27" t="s">
        <v>51</v>
      </c>
      <c r="CC6" s="31" t="s">
        <v>45</v>
      </c>
      <c r="CD6" s="594"/>
      <c r="CE6" s="12" t="s">
        <v>43</v>
      </c>
      <c r="CF6" s="27" t="s">
        <v>44</v>
      </c>
      <c r="CG6" s="27" t="s">
        <v>45</v>
      </c>
      <c r="CH6" s="28" t="s">
        <v>47</v>
      </c>
      <c r="CI6" s="29" t="s">
        <v>48</v>
      </c>
      <c r="CJ6" s="29" t="s">
        <v>49</v>
      </c>
      <c r="CK6" s="30" t="s">
        <v>50</v>
      </c>
      <c r="CL6" s="27" t="s">
        <v>51</v>
      </c>
      <c r="CM6" s="31" t="s">
        <v>45</v>
      </c>
      <c r="CN6" s="594"/>
      <c r="CO6" s="26" t="s">
        <v>43</v>
      </c>
      <c r="CP6" s="27" t="s">
        <v>44</v>
      </c>
      <c r="CQ6" s="27" t="s">
        <v>45</v>
      </c>
      <c r="CR6" s="28" t="s">
        <v>47</v>
      </c>
      <c r="CS6" s="29" t="s">
        <v>48</v>
      </c>
      <c r="CT6" s="29" t="s">
        <v>49</v>
      </c>
      <c r="CU6" s="30" t="s">
        <v>50</v>
      </c>
      <c r="CV6" s="27" t="s">
        <v>51</v>
      </c>
      <c r="CW6" s="31" t="s">
        <v>45</v>
      </c>
      <c r="CX6" s="603"/>
      <c r="CY6" s="26" t="s">
        <v>43</v>
      </c>
      <c r="CZ6" s="27" t="s">
        <v>44</v>
      </c>
      <c r="DA6" s="27" t="s">
        <v>45</v>
      </c>
      <c r="DB6" s="28" t="s">
        <v>47</v>
      </c>
      <c r="DC6" s="29" t="s">
        <v>48</v>
      </c>
      <c r="DD6" s="29" t="s">
        <v>49</v>
      </c>
      <c r="DE6" s="30" t="s">
        <v>50</v>
      </c>
      <c r="DF6" s="27" t="s">
        <v>51</v>
      </c>
      <c r="DG6" s="31" t="s">
        <v>45</v>
      </c>
      <c r="DH6" s="594"/>
      <c r="DI6" s="12" t="s">
        <v>43</v>
      </c>
      <c r="DJ6" s="27" t="s">
        <v>44</v>
      </c>
      <c r="DK6" s="27" t="s">
        <v>45</v>
      </c>
      <c r="DL6" s="28" t="s">
        <v>47</v>
      </c>
      <c r="DM6" s="29" t="s">
        <v>48</v>
      </c>
      <c r="DN6" s="29" t="s">
        <v>49</v>
      </c>
      <c r="DO6" s="30" t="s">
        <v>50</v>
      </c>
      <c r="DP6" s="27" t="s">
        <v>51</v>
      </c>
      <c r="DQ6" s="31" t="s">
        <v>45</v>
      </c>
      <c r="DR6" s="594"/>
      <c r="DS6" s="26" t="s">
        <v>43</v>
      </c>
      <c r="DT6" s="27" t="s">
        <v>44</v>
      </c>
      <c r="DU6" s="27" t="s">
        <v>45</v>
      </c>
      <c r="DV6" s="28" t="s">
        <v>47</v>
      </c>
      <c r="DW6" s="29" t="s">
        <v>48</v>
      </c>
      <c r="DX6" s="29" t="s">
        <v>49</v>
      </c>
      <c r="DY6" s="30" t="s">
        <v>50</v>
      </c>
      <c r="DZ6" s="27" t="s">
        <v>51</v>
      </c>
      <c r="EA6" s="31" t="s">
        <v>45</v>
      </c>
      <c r="EB6" s="594"/>
    </row>
    <row r="7" spans="2:133" ht="21" customHeight="1" x14ac:dyDescent="0.2">
      <c r="B7" s="466" t="s">
        <v>4</v>
      </c>
      <c r="C7" s="172">
        <v>0</v>
      </c>
      <c r="D7" s="173">
        <v>0</v>
      </c>
      <c r="E7" s="173">
        <v>0</v>
      </c>
      <c r="F7" s="174">
        <v>466</v>
      </c>
      <c r="G7" s="175">
        <v>1639</v>
      </c>
      <c r="H7" s="175">
        <v>10105</v>
      </c>
      <c r="I7" s="175">
        <v>15068</v>
      </c>
      <c r="J7" s="173">
        <v>10314</v>
      </c>
      <c r="K7" s="176">
        <v>37592</v>
      </c>
      <c r="L7" s="177">
        <v>37592</v>
      </c>
      <c r="M7" s="172">
        <v>0</v>
      </c>
      <c r="N7" s="173">
        <v>0</v>
      </c>
      <c r="O7" s="176">
        <v>0</v>
      </c>
      <c r="P7" s="174">
        <v>463</v>
      </c>
      <c r="Q7" s="175">
        <v>1627</v>
      </c>
      <c r="R7" s="175">
        <v>10038</v>
      </c>
      <c r="S7" s="175">
        <v>14917</v>
      </c>
      <c r="T7" s="173">
        <v>10161</v>
      </c>
      <c r="U7" s="176">
        <v>37206</v>
      </c>
      <c r="V7" s="178">
        <v>37206</v>
      </c>
      <c r="W7" s="179">
        <v>0</v>
      </c>
      <c r="X7" s="173">
        <v>0</v>
      </c>
      <c r="Y7" s="176">
        <v>0</v>
      </c>
      <c r="Z7" s="179">
        <v>3</v>
      </c>
      <c r="AA7" s="175">
        <v>12</v>
      </c>
      <c r="AB7" s="175">
        <v>67</v>
      </c>
      <c r="AC7" s="175">
        <v>151</v>
      </c>
      <c r="AD7" s="173">
        <v>153</v>
      </c>
      <c r="AE7" s="176">
        <v>386</v>
      </c>
      <c r="AF7" s="180">
        <v>386</v>
      </c>
      <c r="AG7" s="179">
        <v>0</v>
      </c>
      <c r="AH7" s="173">
        <v>0</v>
      </c>
      <c r="AI7" s="176">
        <v>0</v>
      </c>
      <c r="AJ7" s="179">
        <v>1631</v>
      </c>
      <c r="AK7" s="175">
        <v>3397</v>
      </c>
      <c r="AL7" s="175">
        <v>4717</v>
      </c>
      <c r="AM7" s="175">
        <v>5751</v>
      </c>
      <c r="AN7" s="173">
        <v>2973</v>
      </c>
      <c r="AO7" s="176">
        <v>18469</v>
      </c>
      <c r="AP7" s="180">
        <v>18469</v>
      </c>
      <c r="AQ7" s="179">
        <v>0</v>
      </c>
      <c r="AR7" s="173">
        <v>0</v>
      </c>
      <c r="AS7" s="176">
        <v>0</v>
      </c>
      <c r="AT7" s="174">
        <v>1609</v>
      </c>
      <c r="AU7" s="175">
        <v>3363</v>
      </c>
      <c r="AV7" s="175">
        <v>4641</v>
      </c>
      <c r="AW7" s="175">
        <v>5639</v>
      </c>
      <c r="AX7" s="173">
        <v>2898</v>
      </c>
      <c r="AY7" s="176">
        <v>18150</v>
      </c>
      <c r="AZ7" s="177">
        <v>18150</v>
      </c>
      <c r="BA7" s="172">
        <v>0</v>
      </c>
      <c r="BB7" s="173">
        <v>0</v>
      </c>
      <c r="BC7" s="173">
        <v>0</v>
      </c>
      <c r="BD7" s="174">
        <v>22</v>
      </c>
      <c r="BE7" s="175">
        <v>34</v>
      </c>
      <c r="BF7" s="175">
        <v>76</v>
      </c>
      <c r="BG7" s="175">
        <v>112</v>
      </c>
      <c r="BH7" s="173">
        <v>75</v>
      </c>
      <c r="BI7" s="176">
        <v>319</v>
      </c>
      <c r="BJ7" s="178">
        <v>319</v>
      </c>
      <c r="BK7" s="179">
        <v>0</v>
      </c>
      <c r="BL7" s="173">
        <v>0</v>
      </c>
      <c r="BM7" s="173">
        <v>0</v>
      </c>
      <c r="BN7" s="174">
        <v>1</v>
      </c>
      <c r="BO7" s="175">
        <v>0</v>
      </c>
      <c r="BP7" s="175">
        <v>5</v>
      </c>
      <c r="BQ7" s="175">
        <v>76</v>
      </c>
      <c r="BR7" s="173">
        <v>85</v>
      </c>
      <c r="BS7" s="176">
        <v>167</v>
      </c>
      <c r="BT7" s="177">
        <v>167</v>
      </c>
      <c r="BU7" s="172">
        <v>0</v>
      </c>
      <c r="BV7" s="173">
        <v>0</v>
      </c>
      <c r="BW7" s="173">
        <v>0</v>
      </c>
      <c r="BX7" s="174">
        <v>1</v>
      </c>
      <c r="BY7" s="175">
        <v>0</v>
      </c>
      <c r="BZ7" s="175">
        <v>5</v>
      </c>
      <c r="CA7" s="175">
        <v>76</v>
      </c>
      <c r="CB7" s="173">
        <v>84</v>
      </c>
      <c r="CC7" s="176">
        <v>166</v>
      </c>
      <c r="CD7" s="178">
        <v>166</v>
      </c>
      <c r="CE7" s="179">
        <v>0</v>
      </c>
      <c r="CF7" s="173">
        <v>0</v>
      </c>
      <c r="CG7" s="173">
        <v>0</v>
      </c>
      <c r="CH7" s="174">
        <v>0</v>
      </c>
      <c r="CI7" s="175">
        <v>0</v>
      </c>
      <c r="CJ7" s="175">
        <v>0</v>
      </c>
      <c r="CK7" s="175">
        <v>0</v>
      </c>
      <c r="CL7" s="173">
        <v>1</v>
      </c>
      <c r="CM7" s="176">
        <v>1</v>
      </c>
      <c r="CN7" s="178">
        <v>1</v>
      </c>
      <c r="CO7" s="179">
        <v>0</v>
      </c>
      <c r="CP7" s="173">
        <v>0</v>
      </c>
      <c r="CQ7" s="173">
        <v>0</v>
      </c>
      <c r="CR7" s="174">
        <v>16</v>
      </c>
      <c r="CS7" s="175">
        <v>28</v>
      </c>
      <c r="CT7" s="175">
        <v>68</v>
      </c>
      <c r="CU7" s="175">
        <v>347</v>
      </c>
      <c r="CV7" s="173">
        <v>471</v>
      </c>
      <c r="CW7" s="176">
        <v>930</v>
      </c>
      <c r="CX7" s="177">
        <v>930</v>
      </c>
      <c r="CY7" s="172">
        <v>0</v>
      </c>
      <c r="CZ7" s="173">
        <v>0</v>
      </c>
      <c r="DA7" s="173">
        <v>0</v>
      </c>
      <c r="DB7" s="174">
        <v>14</v>
      </c>
      <c r="DC7" s="175">
        <v>27</v>
      </c>
      <c r="DD7" s="175">
        <v>67</v>
      </c>
      <c r="DE7" s="175">
        <v>340</v>
      </c>
      <c r="DF7" s="173">
        <v>459</v>
      </c>
      <c r="DG7" s="176">
        <v>907</v>
      </c>
      <c r="DH7" s="178">
        <v>907</v>
      </c>
      <c r="DI7" s="179">
        <v>0</v>
      </c>
      <c r="DJ7" s="173">
        <v>0</v>
      </c>
      <c r="DK7" s="173">
        <v>0</v>
      </c>
      <c r="DL7" s="174">
        <v>2</v>
      </c>
      <c r="DM7" s="175">
        <v>1</v>
      </c>
      <c r="DN7" s="175">
        <v>1</v>
      </c>
      <c r="DO7" s="175">
        <v>7</v>
      </c>
      <c r="DP7" s="173">
        <v>12</v>
      </c>
      <c r="DQ7" s="176">
        <v>23</v>
      </c>
      <c r="DR7" s="178">
        <v>23</v>
      </c>
      <c r="DS7" s="179">
        <v>0</v>
      </c>
      <c r="DT7" s="173">
        <v>0</v>
      </c>
      <c r="DU7" s="173">
        <v>0</v>
      </c>
      <c r="DV7" s="174">
        <v>2114</v>
      </c>
      <c r="DW7" s="175">
        <v>5064</v>
      </c>
      <c r="DX7" s="175">
        <v>14879</v>
      </c>
      <c r="DY7" s="175">
        <v>21197</v>
      </c>
      <c r="DZ7" s="173">
        <v>13827</v>
      </c>
      <c r="EA7" s="176">
        <v>57081</v>
      </c>
      <c r="EB7" s="178">
        <v>57081</v>
      </c>
      <c r="EC7" s="32"/>
    </row>
    <row r="8" spans="2:133" ht="21" customHeight="1" x14ac:dyDescent="0.2">
      <c r="B8" s="467" t="s">
        <v>5</v>
      </c>
      <c r="C8" s="181">
        <v>0</v>
      </c>
      <c r="D8" s="182">
        <v>0</v>
      </c>
      <c r="E8" s="182">
        <v>0</v>
      </c>
      <c r="F8" s="183">
        <v>265</v>
      </c>
      <c r="G8" s="184">
        <v>1087</v>
      </c>
      <c r="H8" s="184">
        <v>4436</v>
      </c>
      <c r="I8" s="184">
        <v>6268</v>
      </c>
      <c r="J8" s="182">
        <v>4332</v>
      </c>
      <c r="K8" s="185">
        <v>16388</v>
      </c>
      <c r="L8" s="186">
        <v>16388</v>
      </c>
      <c r="M8" s="181">
        <v>0</v>
      </c>
      <c r="N8" s="182">
        <v>0</v>
      </c>
      <c r="O8" s="185">
        <v>0</v>
      </c>
      <c r="P8" s="183">
        <v>264</v>
      </c>
      <c r="Q8" s="184">
        <v>1079</v>
      </c>
      <c r="R8" s="184">
        <v>4405</v>
      </c>
      <c r="S8" s="184">
        <v>6209</v>
      </c>
      <c r="T8" s="182">
        <v>4249</v>
      </c>
      <c r="U8" s="185">
        <v>16206</v>
      </c>
      <c r="V8" s="187">
        <v>16206</v>
      </c>
      <c r="W8" s="188">
        <v>0</v>
      </c>
      <c r="X8" s="182">
        <v>0</v>
      </c>
      <c r="Y8" s="185">
        <v>0</v>
      </c>
      <c r="Z8" s="188">
        <v>1</v>
      </c>
      <c r="AA8" s="184">
        <v>8</v>
      </c>
      <c r="AB8" s="184">
        <v>31</v>
      </c>
      <c r="AC8" s="184">
        <v>59</v>
      </c>
      <c r="AD8" s="182">
        <v>83</v>
      </c>
      <c r="AE8" s="185">
        <v>182</v>
      </c>
      <c r="AF8" s="189">
        <v>182</v>
      </c>
      <c r="AG8" s="188">
        <v>0</v>
      </c>
      <c r="AH8" s="182">
        <v>0</v>
      </c>
      <c r="AI8" s="185">
        <v>0</v>
      </c>
      <c r="AJ8" s="188">
        <v>593</v>
      </c>
      <c r="AK8" s="184">
        <v>1560</v>
      </c>
      <c r="AL8" s="184">
        <v>2010</v>
      </c>
      <c r="AM8" s="184">
        <v>2620</v>
      </c>
      <c r="AN8" s="182">
        <v>1399</v>
      </c>
      <c r="AO8" s="185">
        <v>8182</v>
      </c>
      <c r="AP8" s="189">
        <v>8182</v>
      </c>
      <c r="AQ8" s="188">
        <v>0</v>
      </c>
      <c r="AR8" s="182">
        <v>0</v>
      </c>
      <c r="AS8" s="185">
        <v>0</v>
      </c>
      <c r="AT8" s="183">
        <v>589</v>
      </c>
      <c r="AU8" s="184">
        <v>1542</v>
      </c>
      <c r="AV8" s="184">
        <v>1987</v>
      </c>
      <c r="AW8" s="184">
        <v>2573</v>
      </c>
      <c r="AX8" s="182">
        <v>1370</v>
      </c>
      <c r="AY8" s="185">
        <v>8061</v>
      </c>
      <c r="AZ8" s="186">
        <v>8061</v>
      </c>
      <c r="BA8" s="181">
        <v>0</v>
      </c>
      <c r="BB8" s="182">
        <v>0</v>
      </c>
      <c r="BC8" s="182">
        <v>0</v>
      </c>
      <c r="BD8" s="183">
        <v>4</v>
      </c>
      <c r="BE8" s="184">
        <v>18</v>
      </c>
      <c r="BF8" s="184">
        <v>23</v>
      </c>
      <c r="BG8" s="184">
        <v>47</v>
      </c>
      <c r="BH8" s="182">
        <v>29</v>
      </c>
      <c r="BI8" s="185">
        <v>121</v>
      </c>
      <c r="BJ8" s="187">
        <v>121</v>
      </c>
      <c r="BK8" s="188">
        <v>0</v>
      </c>
      <c r="BL8" s="182">
        <v>0</v>
      </c>
      <c r="BM8" s="182">
        <v>0</v>
      </c>
      <c r="BN8" s="183">
        <v>0</v>
      </c>
      <c r="BO8" s="184">
        <v>0</v>
      </c>
      <c r="BP8" s="184">
        <v>1</v>
      </c>
      <c r="BQ8" s="184">
        <v>33</v>
      </c>
      <c r="BR8" s="182">
        <v>42</v>
      </c>
      <c r="BS8" s="185">
        <v>76</v>
      </c>
      <c r="BT8" s="186">
        <v>76</v>
      </c>
      <c r="BU8" s="181">
        <v>0</v>
      </c>
      <c r="BV8" s="182">
        <v>0</v>
      </c>
      <c r="BW8" s="182">
        <v>0</v>
      </c>
      <c r="BX8" s="183">
        <v>0</v>
      </c>
      <c r="BY8" s="184">
        <v>0</v>
      </c>
      <c r="BZ8" s="184">
        <v>1</v>
      </c>
      <c r="CA8" s="184">
        <v>33</v>
      </c>
      <c r="CB8" s="182">
        <v>41</v>
      </c>
      <c r="CC8" s="185">
        <v>75</v>
      </c>
      <c r="CD8" s="187">
        <v>75</v>
      </c>
      <c r="CE8" s="188">
        <v>0</v>
      </c>
      <c r="CF8" s="182">
        <v>0</v>
      </c>
      <c r="CG8" s="182">
        <v>0</v>
      </c>
      <c r="CH8" s="183">
        <v>0</v>
      </c>
      <c r="CI8" s="184">
        <v>0</v>
      </c>
      <c r="CJ8" s="184">
        <v>0</v>
      </c>
      <c r="CK8" s="184">
        <v>0</v>
      </c>
      <c r="CL8" s="182">
        <v>1</v>
      </c>
      <c r="CM8" s="185">
        <v>1</v>
      </c>
      <c r="CN8" s="187">
        <v>1</v>
      </c>
      <c r="CO8" s="188">
        <v>0</v>
      </c>
      <c r="CP8" s="182">
        <v>0</v>
      </c>
      <c r="CQ8" s="182">
        <v>0</v>
      </c>
      <c r="CR8" s="183">
        <v>1</v>
      </c>
      <c r="CS8" s="184">
        <v>6</v>
      </c>
      <c r="CT8" s="184">
        <v>15</v>
      </c>
      <c r="CU8" s="184">
        <v>101</v>
      </c>
      <c r="CV8" s="182">
        <v>125</v>
      </c>
      <c r="CW8" s="185">
        <v>248</v>
      </c>
      <c r="CX8" s="186">
        <v>248</v>
      </c>
      <c r="CY8" s="181">
        <v>0</v>
      </c>
      <c r="CZ8" s="182">
        <v>0</v>
      </c>
      <c r="DA8" s="182">
        <v>0</v>
      </c>
      <c r="DB8" s="183">
        <v>1</v>
      </c>
      <c r="DC8" s="184">
        <v>6</v>
      </c>
      <c r="DD8" s="184">
        <v>15</v>
      </c>
      <c r="DE8" s="184">
        <v>99</v>
      </c>
      <c r="DF8" s="182">
        <v>124</v>
      </c>
      <c r="DG8" s="185">
        <v>245</v>
      </c>
      <c r="DH8" s="187">
        <v>245</v>
      </c>
      <c r="DI8" s="188">
        <v>0</v>
      </c>
      <c r="DJ8" s="182">
        <v>0</v>
      </c>
      <c r="DK8" s="182">
        <v>0</v>
      </c>
      <c r="DL8" s="183">
        <v>0</v>
      </c>
      <c r="DM8" s="184">
        <v>0</v>
      </c>
      <c r="DN8" s="184">
        <v>0</v>
      </c>
      <c r="DO8" s="184">
        <v>2</v>
      </c>
      <c r="DP8" s="182">
        <v>1</v>
      </c>
      <c r="DQ8" s="185">
        <v>3</v>
      </c>
      <c r="DR8" s="187">
        <v>3</v>
      </c>
      <c r="DS8" s="188">
        <v>0</v>
      </c>
      <c r="DT8" s="182">
        <v>0</v>
      </c>
      <c r="DU8" s="182">
        <v>0</v>
      </c>
      <c r="DV8" s="183">
        <v>859</v>
      </c>
      <c r="DW8" s="184">
        <v>2653</v>
      </c>
      <c r="DX8" s="184">
        <v>6462</v>
      </c>
      <c r="DY8" s="184">
        <v>9022</v>
      </c>
      <c r="DZ8" s="182">
        <v>5898</v>
      </c>
      <c r="EA8" s="185">
        <v>24894</v>
      </c>
      <c r="EB8" s="187">
        <v>24894</v>
      </c>
      <c r="EC8" s="32"/>
    </row>
    <row r="9" spans="2:133" ht="21" customHeight="1" x14ac:dyDescent="0.2">
      <c r="B9" s="468" t="s">
        <v>6</v>
      </c>
      <c r="C9" s="181">
        <v>0</v>
      </c>
      <c r="D9" s="182">
        <v>0</v>
      </c>
      <c r="E9" s="182">
        <v>0</v>
      </c>
      <c r="F9" s="183">
        <v>90</v>
      </c>
      <c r="G9" s="184">
        <v>189</v>
      </c>
      <c r="H9" s="184">
        <v>1274</v>
      </c>
      <c r="I9" s="184">
        <v>1887</v>
      </c>
      <c r="J9" s="182">
        <v>1357</v>
      </c>
      <c r="K9" s="185">
        <v>4797</v>
      </c>
      <c r="L9" s="186">
        <v>4797</v>
      </c>
      <c r="M9" s="181">
        <v>0</v>
      </c>
      <c r="N9" s="182">
        <v>0</v>
      </c>
      <c r="O9" s="185">
        <v>0</v>
      </c>
      <c r="P9" s="183">
        <v>90</v>
      </c>
      <c r="Q9" s="184">
        <v>189</v>
      </c>
      <c r="R9" s="184">
        <v>1260</v>
      </c>
      <c r="S9" s="184">
        <v>1861</v>
      </c>
      <c r="T9" s="182">
        <v>1343</v>
      </c>
      <c r="U9" s="185">
        <v>4743</v>
      </c>
      <c r="V9" s="187">
        <v>4743</v>
      </c>
      <c r="W9" s="188">
        <v>0</v>
      </c>
      <c r="X9" s="182">
        <v>0</v>
      </c>
      <c r="Y9" s="185">
        <v>0</v>
      </c>
      <c r="Z9" s="188">
        <v>0</v>
      </c>
      <c r="AA9" s="184">
        <v>0</v>
      </c>
      <c r="AB9" s="184">
        <v>14</v>
      </c>
      <c r="AC9" s="184">
        <v>26</v>
      </c>
      <c r="AD9" s="182">
        <v>14</v>
      </c>
      <c r="AE9" s="185">
        <v>54</v>
      </c>
      <c r="AF9" s="189">
        <v>54</v>
      </c>
      <c r="AG9" s="188">
        <v>0</v>
      </c>
      <c r="AH9" s="182">
        <v>0</v>
      </c>
      <c r="AI9" s="185">
        <v>0</v>
      </c>
      <c r="AJ9" s="188">
        <v>212</v>
      </c>
      <c r="AK9" s="184">
        <v>322</v>
      </c>
      <c r="AL9" s="184">
        <v>512</v>
      </c>
      <c r="AM9" s="184">
        <v>681</v>
      </c>
      <c r="AN9" s="182">
        <v>352</v>
      </c>
      <c r="AO9" s="185">
        <v>2079</v>
      </c>
      <c r="AP9" s="189">
        <v>2079</v>
      </c>
      <c r="AQ9" s="188">
        <v>0</v>
      </c>
      <c r="AR9" s="182">
        <v>0</v>
      </c>
      <c r="AS9" s="185">
        <v>0</v>
      </c>
      <c r="AT9" s="183">
        <v>207</v>
      </c>
      <c r="AU9" s="184">
        <v>321</v>
      </c>
      <c r="AV9" s="184">
        <v>498</v>
      </c>
      <c r="AW9" s="184">
        <v>655</v>
      </c>
      <c r="AX9" s="182">
        <v>340</v>
      </c>
      <c r="AY9" s="185">
        <v>2021</v>
      </c>
      <c r="AZ9" s="186">
        <v>2021</v>
      </c>
      <c r="BA9" s="181">
        <v>0</v>
      </c>
      <c r="BB9" s="182">
        <v>0</v>
      </c>
      <c r="BC9" s="182">
        <v>0</v>
      </c>
      <c r="BD9" s="183">
        <v>5</v>
      </c>
      <c r="BE9" s="184">
        <v>1</v>
      </c>
      <c r="BF9" s="184">
        <v>14</v>
      </c>
      <c r="BG9" s="184">
        <v>26</v>
      </c>
      <c r="BH9" s="182">
        <v>12</v>
      </c>
      <c r="BI9" s="185">
        <v>58</v>
      </c>
      <c r="BJ9" s="187">
        <v>58</v>
      </c>
      <c r="BK9" s="188">
        <v>0</v>
      </c>
      <c r="BL9" s="182">
        <v>0</v>
      </c>
      <c r="BM9" s="182">
        <v>0</v>
      </c>
      <c r="BN9" s="183">
        <v>1</v>
      </c>
      <c r="BO9" s="184">
        <v>0</v>
      </c>
      <c r="BP9" s="184">
        <v>3</v>
      </c>
      <c r="BQ9" s="184">
        <v>12</v>
      </c>
      <c r="BR9" s="182">
        <v>17</v>
      </c>
      <c r="BS9" s="185">
        <v>33</v>
      </c>
      <c r="BT9" s="186">
        <v>33</v>
      </c>
      <c r="BU9" s="181">
        <v>0</v>
      </c>
      <c r="BV9" s="182">
        <v>0</v>
      </c>
      <c r="BW9" s="182">
        <v>0</v>
      </c>
      <c r="BX9" s="183">
        <v>1</v>
      </c>
      <c r="BY9" s="184">
        <v>0</v>
      </c>
      <c r="BZ9" s="184">
        <v>3</v>
      </c>
      <c r="CA9" s="184">
        <v>12</v>
      </c>
      <c r="CB9" s="182">
        <v>17</v>
      </c>
      <c r="CC9" s="185">
        <v>33</v>
      </c>
      <c r="CD9" s="187">
        <v>33</v>
      </c>
      <c r="CE9" s="188">
        <v>0</v>
      </c>
      <c r="CF9" s="182">
        <v>0</v>
      </c>
      <c r="CG9" s="182">
        <v>0</v>
      </c>
      <c r="CH9" s="183">
        <v>0</v>
      </c>
      <c r="CI9" s="184">
        <v>0</v>
      </c>
      <c r="CJ9" s="184">
        <v>0</v>
      </c>
      <c r="CK9" s="184">
        <v>0</v>
      </c>
      <c r="CL9" s="182">
        <v>0</v>
      </c>
      <c r="CM9" s="185">
        <v>0</v>
      </c>
      <c r="CN9" s="187">
        <v>0</v>
      </c>
      <c r="CO9" s="188">
        <v>0</v>
      </c>
      <c r="CP9" s="182">
        <v>0</v>
      </c>
      <c r="CQ9" s="182">
        <v>0</v>
      </c>
      <c r="CR9" s="183">
        <v>0</v>
      </c>
      <c r="CS9" s="184">
        <v>0</v>
      </c>
      <c r="CT9" s="184">
        <v>2</v>
      </c>
      <c r="CU9" s="184">
        <v>45</v>
      </c>
      <c r="CV9" s="182">
        <v>57</v>
      </c>
      <c r="CW9" s="185">
        <v>104</v>
      </c>
      <c r="CX9" s="186">
        <v>104</v>
      </c>
      <c r="CY9" s="181">
        <v>0</v>
      </c>
      <c r="CZ9" s="182">
        <v>0</v>
      </c>
      <c r="DA9" s="182">
        <v>0</v>
      </c>
      <c r="DB9" s="183">
        <v>0</v>
      </c>
      <c r="DC9" s="184">
        <v>0</v>
      </c>
      <c r="DD9" s="184">
        <v>2</v>
      </c>
      <c r="DE9" s="184">
        <v>44</v>
      </c>
      <c r="DF9" s="182">
        <v>55</v>
      </c>
      <c r="DG9" s="185">
        <v>101</v>
      </c>
      <c r="DH9" s="187">
        <v>101</v>
      </c>
      <c r="DI9" s="188">
        <v>0</v>
      </c>
      <c r="DJ9" s="182">
        <v>0</v>
      </c>
      <c r="DK9" s="182">
        <v>0</v>
      </c>
      <c r="DL9" s="183">
        <v>0</v>
      </c>
      <c r="DM9" s="184">
        <v>0</v>
      </c>
      <c r="DN9" s="184">
        <v>0</v>
      </c>
      <c r="DO9" s="184">
        <v>1</v>
      </c>
      <c r="DP9" s="182">
        <v>2</v>
      </c>
      <c r="DQ9" s="185">
        <v>3</v>
      </c>
      <c r="DR9" s="187">
        <v>3</v>
      </c>
      <c r="DS9" s="188">
        <v>0</v>
      </c>
      <c r="DT9" s="182">
        <v>0</v>
      </c>
      <c r="DU9" s="182">
        <v>0</v>
      </c>
      <c r="DV9" s="183">
        <v>303</v>
      </c>
      <c r="DW9" s="184">
        <v>511</v>
      </c>
      <c r="DX9" s="184">
        <v>1791</v>
      </c>
      <c r="DY9" s="184">
        <v>2625</v>
      </c>
      <c r="DZ9" s="182">
        <v>1783</v>
      </c>
      <c r="EA9" s="185">
        <v>7013</v>
      </c>
      <c r="EB9" s="187">
        <v>7013</v>
      </c>
      <c r="EC9" s="32"/>
    </row>
    <row r="10" spans="2:133" ht="21" customHeight="1" x14ac:dyDescent="0.2">
      <c r="B10" s="468" t="s">
        <v>14</v>
      </c>
      <c r="C10" s="181">
        <v>0</v>
      </c>
      <c r="D10" s="182">
        <v>0</v>
      </c>
      <c r="E10" s="182">
        <v>0</v>
      </c>
      <c r="F10" s="183">
        <v>10</v>
      </c>
      <c r="G10" s="184">
        <v>41</v>
      </c>
      <c r="H10" s="184">
        <v>824</v>
      </c>
      <c r="I10" s="184">
        <v>1292</v>
      </c>
      <c r="J10" s="182">
        <v>824</v>
      </c>
      <c r="K10" s="185">
        <v>2991</v>
      </c>
      <c r="L10" s="186">
        <v>2991</v>
      </c>
      <c r="M10" s="181">
        <v>0</v>
      </c>
      <c r="N10" s="182">
        <v>0</v>
      </c>
      <c r="O10" s="185">
        <v>0</v>
      </c>
      <c r="P10" s="183">
        <v>10</v>
      </c>
      <c r="Q10" s="184">
        <v>41</v>
      </c>
      <c r="R10" s="184">
        <v>820</v>
      </c>
      <c r="S10" s="184">
        <v>1282</v>
      </c>
      <c r="T10" s="182">
        <v>817</v>
      </c>
      <c r="U10" s="185">
        <v>2970</v>
      </c>
      <c r="V10" s="187">
        <v>2970</v>
      </c>
      <c r="W10" s="188">
        <v>0</v>
      </c>
      <c r="X10" s="182">
        <v>0</v>
      </c>
      <c r="Y10" s="185">
        <v>0</v>
      </c>
      <c r="Z10" s="188">
        <v>0</v>
      </c>
      <c r="AA10" s="184">
        <v>0</v>
      </c>
      <c r="AB10" s="184">
        <v>4</v>
      </c>
      <c r="AC10" s="184">
        <v>10</v>
      </c>
      <c r="AD10" s="182">
        <v>7</v>
      </c>
      <c r="AE10" s="185">
        <v>21</v>
      </c>
      <c r="AF10" s="189">
        <v>21</v>
      </c>
      <c r="AG10" s="188">
        <v>0</v>
      </c>
      <c r="AH10" s="182">
        <v>0</v>
      </c>
      <c r="AI10" s="185">
        <v>0</v>
      </c>
      <c r="AJ10" s="188">
        <v>70</v>
      </c>
      <c r="AK10" s="184">
        <v>217</v>
      </c>
      <c r="AL10" s="184">
        <v>311</v>
      </c>
      <c r="AM10" s="184">
        <v>395</v>
      </c>
      <c r="AN10" s="182">
        <v>210</v>
      </c>
      <c r="AO10" s="185">
        <v>1203</v>
      </c>
      <c r="AP10" s="189">
        <v>1203</v>
      </c>
      <c r="AQ10" s="188">
        <v>0</v>
      </c>
      <c r="AR10" s="182">
        <v>0</v>
      </c>
      <c r="AS10" s="185">
        <v>0</v>
      </c>
      <c r="AT10" s="183">
        <v>67</v>
      </c>
      <c r="AU10" s="184">
        <v>216</v>
      </c>
      <c r="AV10" s="184">
        <v>305</v>
      </c>
      <c r="AW10" s="184">
        <v>388</v>
      </c>
      <c r="AX10" s="182">
        <v>205</v>
      </c>
      <c r="AY10" s="185">
        <v>1181</v>
      </c>
      <c r="AZ10" s="186">
        <v>1181</v>
      </c>
      <c r="BA10" s="181">
        <v>0</v>
      </c>
      <c r="BB10" s="182">
        <v>0</v>
      </c>
      <c r="BC10" s="182">
        <v>0</v>
      </c>
      <c r="BD10" s="183">
        <v>3</v>
      </c>
      <c r="BE10" s="184">
        <v>1</v>
      </c>
      <c r="BF10" s="184">
        <v>6</v>
      </c>
      <c r="BG10" s="184">
        <v>7</v>
      </c>
      <c r="BH10" s="182">
        <v>5</v>
      </c>
      <c r="BI10" s="185">
        <v>22</v>
      </c>
      <c r="BJ10" s="187">
        <v>22</v>
      </c>
      <c r="BK10" s="188">
        <v>0</v>
      </c>
      <c r="BL10" s="182">
        <v>0</v>
      </c>
      <c r="BM10" s="182">
        <v>0</v>
      </c>
      <c r="BN10" s="183">
        <v>0</v>
      </c>
      <c r="BO10" s="184">
        <v>0</v>
      </c>
      <c r="BP10" s="184">
        <v>1</v>
      </c>
      <c r="BQ10" s="184">
        <v>24</v>
      </c>
      <c r="BR10" s="182">
        <v>12</v>
      </c>
      <c r="BS10" s="185">
        <v>37</v>
      </c>
      <c r="BT10" s="186">
        <v>37</v>
      </c>
      <c r="BU10" s="181">
        <v>0</v>
      </c>
      <c r="BV10" s="182">
        <v>0</v>
      </c>
      <c r="BW10" s="182">
        <v>0</v>
      </c>
      <c r="BX10" s="183">
        <v>0</v>
      </c>
      <c r="BY10" s="184">
        <v>0</v>
      </c>
      <c r="BZ10" s="184">
        <v>1</v>
      </c>
      <c r="CA10" s="184">
        <v>24</v>
      </c>
      <c r="CB10" s="182">
        <v>12</v>
      </c>
      <c r="CC10" s="185">
        <v>37</v>
      </c>
      <c r="CD10" s="187">
        <v>37</v>
      </c>
      <c r="CE10" s="188">
        <v>0</v>
      </c>
      <c r="CF10" s="182">
        <v>0</v>
      </c>
      <c r="CG10" s="182">
        <v>0</v>
      </c>
      <c r="CH10" s="183">
        <v>0</v>
      </c>
      <c r="CI10" s="184">
        <v>0</v>
      </c>
      <c r="CJ10" s="184">
        <v>0</v>
      </c>
      <c r="CK10" s="184">
        <v>0</v>
      </c>
      <c r="CL10" s="182">
        <v>0</v>
      </c>
      <c r="CM10" s="185">
        <v>0</v>
      </c>
      <c r="CN10" s="187">
        <v>0</v>
      </c>
      <c r="CO10" s="188">
        <v>0</v>
      </c>
      <c r="CP10" s="182">
        <v>0</v>
      </c>
      <c r="CQ10" s="182">
        <v>0</v>
      </c>
      <c r="CR10" s="183">
        <v>0</v>
      </c>
      <c r="CS10" s="184">
        <v>1</v>
      </c>
      <c r="CT10" s="184">
        <v>9</v>
      </c>
      <c r="CU10" s="184">
        <v>74</v>
      </c>
      <c r="CV10" s="182">
        <v>83</v>
      </c>
      <c r="CW10" s="185">
        <v>167</v>
      </c>
      <c r="CX10" s="186">
        <v>167</v>
      </c>
      <c r="CY10" s="181">
        <v>0</v>
      </c>
      <c r="CZ10" s="182">
        <v>0</v>
      </c>
      <c r="DA10" s="182">
        <v>0</v>
      </c>
      <c r="DB10" s="183">
        <v>0</v>
      </c>
      <c r="DC10" s="184">
        <v>0</v>
      </c>
      <c r="DD10" s="184">
        <v>8</v>
      </c>
      <c r="DE10" s="184">
        <v>74</v>
      </c>
      <c r="DF10" s="182">
        <v>81</v>
      </c>
      <c r="DG10" s="185">
        <v>163</v>
      </c>
      <c r="DH10" s="187">
        <v>163</v>
      </c>
      <c r="DI10" s="188">
        <v>0</v>
      </c>
      <c r="DJ10" s="182">
        <v>0</v>
      </c>
      <c r="DK10" s="182">
        <v>0</v>
      </c>
      <c r="DL10" s="183">
        <v>0</v>
      </c>
      <c r="DM10" s="184">
        <v>1</v>
      </c>
      <c r="DN10" s="184">
        <v>1</v>
      </c>
      <c r="DO10" s="184">
        <v>0</v>
      </c>
      <c r="DP10" s="182">
        <v>2</v>
      </c>
      <c r="DQ10" s="185">
        <v>4</v>
      </c>
      <c r="DR10" s="187">
        <v>4</v>
      </c>
      <c r="DS10" s="188">
        <v>0</v>
      </c>
      <c r="DT10" s="182">
        <v>0</v>
      </c>
      <c r="DU10" s="182">
        <v>0</v>
      </c>
      <c r="DV10" s="183">
        <v>80</v>
      </c>
      <c r="DW10" s="184">
        <v>259</v>
      </c>
      <c r="DX10" s="184">
        <v>1143</v>
      </c>
      <c r="DY10" s="184">
        <v>1773</v>
      </c>
      <c r="DZ10" s="182">
        <v>1128</v>
      </c>
      <c r="EA10" s="185">
        <v>4383</v>
      </c>
      <c r="EB10" s="187">
        <v>4383</v>
      </c>
      <c r="EC10" s="32"/>
    </row>
    <row r="11" spans="2:133" ht="21" customHeight="1" x14ac:dyDescent="0.2">
      <c r="B11" s="468" t="s">
        <v>7</v>
      </c>
      <c r="C11" s="181">
        <v>0</v>
      </c>
      <c r="D11" s="182">
        <v>0</v>
      </c>
      <c r="E11" s="182">
        <v>0</v>
      </c>
      <c r="F11" s="183">
        <v>19</v>
      </c>
      <c r="G11" s="184">
        <v>46</v>
      </c>
      <c r="H11" s="184">
        <v>591</v>
      </c>
      <c r="I11" s="184">
        <v>924</v>
      </c>
      <c r="J11" s="182">
        <v>585</v>
      </c>
      <c r="K11" s="185">
        <v>2165</v>
      </c>
      <c r="L11" s="186">
        <v>2165</v>
      </c>
      <c r="M11" s="181">
        <v>0</v>
      </c>
      <c r="N11" s="182">
        <v>0</v>
      </c>
      <c r="O11" s="185">
        <v>0</v>
      </c>
      <c r="P11" s="183">
        <v>18</v>
      </c>
      <c r="Q11" s="184">
        <v>45</v>
      </c>
      <c r="R11" s="184">
        <v>589</v>
      </c>
      <c r="S11" s="184">
        <v>909</v>
      </c>
      <c r="T11" s="182">
        <v>575</v>
      </c>
      <c r="U11" s="185">
        <v>2136</v>
      </c>
      <c r="V11" s="187">
        <v>2136</v>
      </c>
      <c r="W11" s="188">
        <v>0</v>
      </c>
      <c r="X11" s="182">
        <v>0</v>
      </c>
      <c r="Y11" s="185">
        <v>0</v>
      </c>
      <c r="Z11" s="188">
        <v>1</v>
      </c>
      <c r="AA11" s="184">
        <v>1</v>
      </c>
      <c r="AB11" s="184">
        <v>2</v>
      </c>
      <c r="AC11" s="184">
        <v>15</v>
      </c>
      <c r="AD11" s="182">
        <v>10</v>
      </c>
      <c r="AE11" s="185">
        <v>29</v>
      </c>
      <c r="AF11" s="189">
        <v>29</v>
      </c>
      <c r="AG11" s="188">
        <v>0</v>
      </c>
      <c r="AH11" s="182">
        <v>0</v>
      </c>
      <c r="AI11" s="185">
        <v>0</v>
      </c>
      <c r="AJ11" s="188">
        <v>150</v>
      </c>
      <c r="AK11" s="184">
        <v>211</v>
      </c>
      <c r="AL11" s="184">
        <v>263</v>
      </c>
      <c r="AM11" s="184">
        <v>284</v>
      </c>
      <c r="AN11" s="182">
        <v>116</v>
      </c>
      <c r="AO11" s="185">
        <v>1024</v>
      </c>
      <c r="AP11" s="189">
        <v>1024</v>
      </c>
      <c r="AQ11" s="188">
        <v>0</v>
      </c>
      <c r="AR11" s="182">
        <v>0</v>
      </c>
      <c r="AS11" s="185">
        <v>0</v>
      </c>
      <c r="AT11" s="183">
        <v>150</v>
      </c>
      <c r="AU11" s="184">
        <v>209</v>
      </c>
      <c r="AV11" s="184">
        <v>256</v>
      </c>
      <c r="AW11" s="184">
        <v>277</v>
      </c>
      <c r="AX11" s="182">
        <v>111</v>
      </c>
      <c r="AY11" s="185">
        <v>1003</v>
      </c>
      <c r="AZ11" s="186">
        <v>1003</v>
      </c>
      <c r="BA11" s="181">
        <v>0</v>
      </c>
      <c r="BB11" s="182">
        <v>0</v>
      </c>
      <c r="BC11" s="182">
        <v>0</v>
      </c>
      <c r="BD11" s="183">
        <v>0</v>
      </c>
      <c r="BE11" s="184">
        <v>2</v>
      </c>
      <c r="BF11" s="184">
        <v>7</v>
      </c>
      <c r="BG11" s="184">
        <v>7</v>
      </c>
      <c r="BH11" s="182">
        <v>5</v>
      </c>
      <c r="BI11" s="185">
        <v>21</v>
      </c>
      <c r="BJ11" s="187">
        <v>21</v>
      </c>
      <c r="BK11" s="188">
        <v>0</v>
      </c>
      <c r="BL11" s="182">
        <v>0</v>
      </c>
      <c r="BM11" s="182">
        <v>0</v>
      </c>
      <c r="BN11" s="183">
        <v>0</v>
      </c>
      <c r="BO11" s="184">
        <v>0</v>
      </c>
      <c r="BP11" s="184">
        <v>0</v>
      </c>
      <c r="BQ11" s="184">
        <v>1</v>
      </c>
      <c r="BR11" s="182">
        <v>2</v>
      </c>
      <c r="BS11" s="185">
        <v>3</v>
      </c>
      <c r="BT11" s="186">
        <v>3</v>
      </c>
      <c r="BU11" s="181">
        <v>0</v>
      </c>
      <c r="BV11" s="182">
        <v>0</v>
      </c>
      <c r="BW11" s="182">
        <v>0</v>
      </c>
      <c r="BX11" s="183">
        <v>0</v>
      </c>
      <c r="BY11" s="184">
        <v>0</v>
      </c>
      <c r="BZ11" s="184">
        <v>0</v>
      </c>
      <c r="CA11" s="184">
        <v>1</v>
      </c>
      <c r="CB11" s="182">
        <v>2</v>
      </c>
      <c r="CC11" s="185">
        <v>3</v>
      </c>
      <c r="CD11" s="187">
        <v>3</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2</v>
      </c>
      <c r="CU11" s="184">
        <v>2</v>
      </c>
      <c r="CV11" s="182">
        <v>0</v>
      </c>
      <c r="CW11" s="185">
        <v>4</v>
      </c>
      <c r="CX11" s="186">
        <v>4</v>
      </c>
      <c r="CY11" s="181">
        <v>0</v>
      </c>
      <c r="CZ11" s="182">
        <v>0</v>
      </c>
      <c r="DA11" s="182">
        <v>0</v>
      </c>
      <c r="DB11" s="183">
        <v>0</v>
      </c>
      <c r="DC11" s="184">
        <v>0</v>
      </c>
      <c r="DD11" s="184">
        <v>2</v>
      </c>
      <c r="DE11" s="184">
        <v>2</v>
      </c>
      <c r="DF11" s="182">
        <v>0</v>
      </c>
      <c r="DG11" s="185">
        <v>4</v>
      </c>
      <c r="DH11" s="187">
        <v>4</v>
      </c>
      <c r="DI11" s="188">
        <v>0</v>
      </c>
      <c r="DJ11" s="182">
        <v>0</v>
      </c>
      <c r="DK11" s="182">
        <v>0</v>
      </c>
      <c r="DL11" s="183">
        <v>0</v>
      </c>
      <c r="DM11" s="184">
        <v>0</v>
      </c>
      <c r="DN11" s="184">
        <v>0</v>
      </c>
      <c r="DO11" s="184">
        <v>0</v>
      </c>
      <c r="DP11" s="182">
        <v>0</v>
      </c>
      <c r="DQ11" s="185">
        <v>0</v>
      </c>
      <c r="DR11" s="187">
        <v>0</v>
      </c>
      <c r="DS11" s="188">
        <v>0</v>
      </c>
      <c r="DT11" s="182">
        <v>0</v>
      </c>
      <c r="DU11" s="182">
        <v>0</v>
      </c>
      <c r="DV11" s="183">
        <v>169</v>
      </c>
      <c r="DW11" s="184">
        <v>257</v>
      </c>
      <c r="DX11" s="184">
        <v>855</v>
      </c>
      <c r="DY11" s="184">
        <v>1204</v>
      </c>
      <c r="DZ11" s="182">
        <v>699</v>
      </c>
      <c r="EA11" s="185">
        <v>3184</v>
      </c>
      <c r="EB11" s="187">
        <v>3184</v>
      </c>
      <c r="EC11" s="32"/>
    </row>
    <row r="12" spans="2:133" ht="21" customHeight="1" x14ac:dyDescent="0.2">
      <c r="B12" s="468" t="s">
        <v>8</v>
      </c>
      <c r="C12" s="181">
        <v>0</v>
      </c>
      <c r="D12" s="182">
        <v>0</v>
      </c>
      <c r="E12" s="182">
        <v>0</v>
      </c>
      <c r="F12" s="183">
        <v>15</v>
      </c>
      <c r="G12" s="184">
        <v>61</v>
      </c>
      <c r="H12" s="184">
        <v>383</v>
      </c>
      <c r="I12" s="184">
        <v>420</v>
      </c>
      <c r="J12" s="182">
        <v>243</v>
      </c>
      <c r="K12" s="185">
        <v>1122</v>
      </c>
      <c r="L12" s="186">
        <v>1122</v>
      </c>
      <c r="M12" s="181">
        <v>0</v>
      </c>
      <c r="N12" s="182">
        <v>0</v>
      </c>
      <c r="O12" s="185">
        <v>0</v>
      </c>
      <c r="P12" s="183">
        <v>15</v>
      </c>
      <c r="Q12" s="184">
        <v>60</v>
      </c>
      <c r="R12" s="184">
        <v>382</v>
      </c>
      <c r="S12" s="184">
        <v>414</v>
      </c>
      <c r="T12" s="182">
        <v>242</v>
      </c>
      <c r="U12" s="185">
        <v>1113</v>
      </c>
      <c r="V12" s="187">
        <v>1113</v>
      </c>
      <c r="W12" s="188">
        <v>0</v>
      </c>
      <c r="X12" s="182">
        <v>0</v>
      </c>
      <c r="Y12" s="185">
        <v>0</v>
      </c>
      <c r="Z12" s="188">
        <v>0</v>
      </c>
      <c r="AA12" s="184">
        <v>1</v>
      </c>
      <c r="AB12" s="184">
        <v>1</v>
      </c>
      <c r="AC12" s="184">
        <v>6</v>
      </c>
      <c r="AD12" s="182">
        <v>1</v>
      </c>
      <c r="AE12" s="185">
        <v>9</v>
      </c>
      <c r="AF12" s="189">
        <v>9</v>
      </c>
      <c r="AG12" s="188">
        <v>0</v>
      </c>
      <c r="AH12" s="182">
        <v>0</v>
      </c>
      <c r="AI12" s="185">
        <v>0</v>
      </c>
      <c r="AJ12" s="188">
        <v>37</v>
      </c>
      <c r="AK12" s="184">
        <v>79</v>
      </c>
      <c r="AL12" s="184">
        <v>140</v>
      </c>
      <c r="AM12" s="184">
        <v>119</v>
      </c>
      <c r="AN12" s="182">
        <v>64</v>
      </c>
      <c r="AO12" s="185">
        <v>439</v>
      </c>
      <c r="AP12" s="189">
        <v>439</v>
      </c>
      <c r="AQ12" s="188">
        <v>0</v>
      </c>
      <c r="AR12" s="182">
        <v>0</v>
      </c>
      <c r="AS12" s="185">
        <v>0</v>
      </c>
      <c r="AT12" s="183">
        <v>37</v>
      </c>
      <c r="AU12" s="184">
        <v>78</v>
      </c>
      <c r="AV12" s="184">
        <v>139</v>
      </c>
      <c r="AW12" s="184">
        <v>117</v>
      </c>
      <c r="AX12" s="182">
        <v>62</v>
      </c>
      <c r="AY12" s="185">
        <v>433</v>
      </c>
      <c r="AZ12" s="186">
        <v>433</v>
      </c>
      <c r="BA12" s="181">
        <v>0</v>
      </c>
      <c r="BB12" s="182">
        <v>0</v>
      </c>
      <c r="BC12" s="182">
        <v>0</v>
      </c>
      <c r="BD12" s="183">
        <v>0</v>
      </c>
      <c r="BE12" s="184">
        <v>1</v>
      </c>
      <c r="BF12" s="184">
        <v>1</v>
      </c>
      <c r="BG12" s="184">
        <v>2</v>
      </c>
      <c r="BH12" s="182">
        <v>2</v>
      </c>
      <c r="BI12" s="185">
        <v>6</v>
      </c>
      <c r="BJ12" s="187">
        <v>6</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2</v>
      </c>
      <c r="CS12" s="184">
        <v>1</v>
      </c>
      <c r="CT12" s="184">
        <v>2</v>
      </c>
      <c r="CU12" s="184">
        <v>6</v>
      </c>
      <c r="CV12" s="182">
        <v>7</v>
      </c>
      <c r="CW12" s="185">
        <v>18</v>
      </c>
      <c r="CX12" s="186">
        <v>18</v>
      </c>
      <c r="CY12" s="181">
        <v>0</v>
      </c>
      <c r="CZ12" s="182">
        <v>0</v>
      </c>
      <c r="DA12" s="182">
        <v>0</v>
      </c>
      <c r="DB12" s="183">
        <v>2</v>
      </c>
      <c r="DC12" s="184">
        <v>1</v>
      </c>
      <c r="DD12" s="184">
        <v>2</v>
      </c>
      <c r="DE12" s="184">
        <v>5</v>
      </c>
      <c r="DF12" s="182">
        <v>7</v>
      </c>
      <c r="DG12" s="185">
        <v>17</v>
      </c>
      <c r="DH12" s="187">
        <v>17</v>
      </c>
      <c r="DI12" s="188">
        <v>0</v>
      </c>
      <c r="DJ12" s="182">
        <v>0</v>
      </c>
      <c r="DK12" s="182">
        <v>0</v>
      </c>
      <c r="DL12" s="183">
        <v>0</v>
      </c>
      <c r="DM12" s="184">
        <v>0</v>
      </c>
      <c r="DN12" s="184">
        <v>0</v>
      </c>
      <c r="DO12" s="184">
        <v>1</v>
      </c>
      <c r="DP12" s="182">
        <v>0</v>
      </c>
      <c r="DQ12" s="185">
        <v>1</v>
      </c>
      <c r="DR12" s="187">
        <v>1</v>
      </c>
      <c r="DS12" s="188">
        <v>0</v>
      </c>
      <c r="DT12" s="182">
        <v>0</v>
      </c>
      <c r="DU12" s="182">
        <v>0</v>
      </c>
      <c r="DV12" s="183">
        <v>54</v>
      </c>
      <c r="DW12" s="184">
        <v>141</v>
      </c>
      <c r="DX12" s="184">
        <v>525</v>
      </c>
      <c r="DY12" s="184">
        <v>546</v>
      </c>
      <c r="DZ12" s="182">
        <v>314</v>
      </c>
      <c r="EA12" s="185">
        <v>1580</v>
      </c>
      <c r="EB12" s="187">
        <v>1580</v>
      </c>
      <c r="EC12" s="32"/>
    </row>
    <row r="13" spans="2:133" ht="21" customHeight="1" x14ac:dyDescent="0.2">
      <c r="B13" s="468" t="s">
        <v>9</v>
      </c>
      <c r="C13" s="181">
        <v>0</v>
      </c>
      <c r="D13" s="182">
        <v>0</v>
      </c>
      <c r="E13" s="182">
        <v>0</v>
      </c>
      <c r="F13" s="183">
        <v>6</v>
      </c>
      <c r="G13" s="184">
        <v>5</v>
      </c>
      <c r="H13" s="184">
        <v>204</v>
      </c>
      <c r="I13" s="184">
        <v>345</v>
      </c>
      <c r="J13" s="182">
        <v>282</v>
      </c>
      <c r="K13" s="185">
        <v>842</v>
      </c>
      <c r="L13" s="186">
        <v>842</v>
      </c>
      <c r="M13" s="181">
        <v>0</v>
      </c>
      <c r="N13" s="182">
        <v>0</v>
      </c>
      <c r="O13" s="185">
        <v>0</v>
      </c>
      <c r="P13" s="183">
        <v>6</v>
      </c>
      <c r="Q13" s="184">
        <v>5</v>
      </c>
      <c r="R13" s="184">
        <v>203</v>
      </c>
      <c r="S13" s="184">
        <v>341</v>
      </c>
      <c r="T13" s="182">
        <v>279</v>
      </c>
      <c r="U13" s="185">
        <v>834</v>
      </c>
      <c r="V13" s="187">
        <v>834</v>
      </c>
      <c r="W13" s="188">
        <v>0</v>
      </c>
      <c r="X13" s="182">
        <v>0</v>
      </c>
      <c r="Y13" s="185">
        <v>0</v>
      </c>
      <c r="Z13" s="188">
        <v>0</v>
      </c>
      <c r="AA13" s="184">
        <v>0</v>
      </c>
      <c r="AB13" s="184">
        <v>1</v>
      </c>
      <c r="AC13" s="184">
        <v>4</v>
      </c>
      <c r="AD13" s="182">
        <v>3</v>
      </c>
      <c r="AE13" s="185">
        <v>8</v>
      </c>
      <c r="AF13" s="189">
        <v>8</v>
      </c>
      <c r="AG13" s="188">
        <v>0</v>
      </c>
      <c r="AH13" s="182">
        <v>0</v>
      </c>
      <c r="AI13" s="185">
        <v>0</v>
      </c>
      <c r="AJ13" s="188">
        <v>27</v>
      </c>
      <c r="AK13" s="184">
        <v>62</v>
      </c>
      <c r="AL13" s="184">
        <v>99</v>
      </c>
      <c r="AM13" s="184">
        <v>129</v>
      </c>
      <c r="AN13" s="182">
        <v>69</v>
      </c>
      <c r="AO13" s="185">
        <v>386</v>
      </c>
      <c r="AP13" s="189">
        <v>386</v>
      </c>
      <c r="AQ13" s="188">
        <v>0</v>
      </c>
      <c r="AR13" s="182">
        <v>0</v>
      </c>
      <c r="AS13" s="185">
        <v>0</v>
      </c>
      <c r="AT13" s="183">
        <v>27</v>
      </c>
      <c r="AU13" s="184">
        <v>62</v>
      </c>
      <c r="AV13" s="184">
        <v>95</v>
      </c>
      <c r="AW13" s="184">
        <v>127</v>
      </c>
      <c r="AX13" s="182">
        <v>68</v>
      </c>
      <c r="AY13" s="185">
        <v>379</v>
      </c>
      <c r="AZ13" s="186">
        <v>379</v>
      </c>
      <c r="BA13" s="181">
        <v>0</v>
      </c>
      <c r="BB13" s="182">
        <v>0</v>
      </c>
      <c r="BC13" s="182">
        <v>0</v>
      </c>
      <c r="BD13" s="183">
        <v>0</v>
      </c>
      <c r="BE13" s="184">
        <v>0</v>
      </c>
      <c r="BF13" s="184">
        <v>4</v>
      </c>
      <c r="BG13" s="184">
        <v>2</v>
      </c>
      <c r="BH13" s="182">
        <v>1</v>
      </c>
      <c r="BI13" s="185">
        <v>7</v>
      </c>
      <c r="BJ13" s="187">
        <v>7</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1</v>
      </c>
      <c r="CT13" s="184">
        <v>2</v>
      </c>
      <c r="CU13" s="184">
        <v>2</v>
      </c>
      <c r="CV13" s="182">
        <v>7</v>
      </c>
      <c r="CW13" s="185">
        <v>12</v>
      </c>
      <c r="CX13" s="186">
        <v>12</v>
      </c>
      <c r="CY13" s="181">
        <v>0</v>
      </c>
      <c r="CZ13" s="182">
        <v>0</v>
      </c>
      <c r="DA13" s="182">
        <v>0</v>
      </c>
      <c r="DB13" s="183">
        <v>0</v>
      </c>
      <c r="DC13" s="184">
        <v>1</v>
      </c>
      <c r="DD13" s="184">
        <v>2</v>
      </c>
      <c r="DE13" s="184">
        <v>2</v>
      </c>
      <c r="DF13" s="182">
        <v>7</v>
      </c>
      <c r="DG13" s="185">
        <v>12</v>
      </c>
      <c r="DH13" s="187">
        <v>12</v>
      </c>
      <c r="DI13" s="188">
        <v>0</v>
      </c>
      <c r="DJ13" s="182">
        <v>0</v>
      </c>
      <c r="DK13" s="182">
        <v>0</v>
      </c>
      <c r="DL13" s="183">
        <v>0</v>
      </c>
      <c r="DM13" s="184">
        <v>0</v>
      </c>
      <c r="DN13" s="184">
        <v>0</v>
      </c>
      <c r="DO13" s="184">
        <v>0</v>
      </c>
      <c r="DP13" s="182">
        <v>0</v>
      </c>
      <c r="DQ13" s="185">
        <v>0</v>
      </c>
      <c r="DR13" s="187">
        <v>0</v>
      </c>
      <c r="DS13" s="188">
        <v>0</v>
      </c>
      <c r="DT13" s="182">
        <v>0</v>
      </c>
      <c r="DU13" s="182">
        <v>0</v>
      </c>
      <c r="DV13" s="183">
        <v>33</v>
      </c>
      <c r="DW13" s="184">
        <v>68</v>
      </c>
      <c r="DX13" s="184">
        <v>305</v>
      </c>
      <c r="DY13" s="184">
        <v>470</v>
      </c>
      <c r="DZ13" s="182">
        <v>357</v>
      </c>
      <c r="EA13" s="185">
        <v>1233</v>
      </c>
      <c r="EB13" s="187">
        <v>1233</v>
      </c>
      <c r="EC13" s="32"/>
    </row>
    <row r="14" spans="2:133" ht="21" customHeight="1" x14ac:dyDescent="0.2">
      <c r="B14" s="468" t="s">
        <v>10</v>
      </c>
      <c r="C14" s="181">
        <v>0</v>
      </c>
      <c r="D14" s="182">
        <v>0</v>
      </c>
      <c r="E14" s="182">
        <v>0</v>
      </c>
      <c r="F14" s="183">
        <v>17</v>
      </c>
      <c r="G14" s="184">
        <v>43</v>
      </c>
      <c r="H14" s="184">
        <v>331</v>
      </c>
      <c r="I14" s="184">
        <v>573</v>
      </c>
      <c r="J14" s="182">
        <v>455</v>
      </c>
      <c r="K14" s="185">
        <v>1419</v>
      </c>
      <c r="L14" s="186">
        <v>1419</v>
      </c>
      <c r="M14" s="181">
        <v>0</v>
      </c>
      <c r="N14" s="182">
        <v>0</v>
      </c>
      <c r="O14" s="185">
        <v>0</v>
      </c>
      <c r="P14" s="183">
        <v>17</v>
      </c>
      <c r="Q14" s="184">
        <v>42</v>
      </c>
      <c r="R14" s="184">
        <v>327</v>
      </c>
      <c r="S14" s="184">
        <v>567</v>
      </c>
      <c r="T14" s="182">
        <v>450</v>
      </c>
      <c r="U14" s="185">
        <v>1403</v>
      </c>
      <c r="V14" s="187">
        <v>1403</v>
      </c>
      <c r="W14" s="188">
        <v>0</v>
      </c>
      <c r="X14" s="182">
        <v>0</v>
      </c>
      <c r="Y14" s="185">
        <v>0</v>
      </c>
      <c r="Z14" s="188">
        <v>0</v>
      </c>
      <c r="AA14" s="184">
        <v>1</v>
      </c>
      <c r="AB14" s="184">
        <v>4</v>
      </c>
      <c r="AC14" s="184">
        <v>6</v>
      </c>
      <c r="AD14" s="182">
        <v>5</v>
      </c>
      <c r="AE14" s="185">
        <v>16</v>
      </c>
      <c r="AF14" s="189">
        <v>16</v>
      </c>
      <c r="AG14" s="188">
        <v>0</v>
      </c>
      <c r="AH14" s="182">
        <v>0</v>
      </c>
      <c r="AI14" s="185">
        <v>0</v>
      </c>
      <c r="AJ14" s="188">
        <v>93</v>
      </c>
      <c r="AK14" s="184">
        <v>104</v>
      </c>
      <c r="AL14" s="184">
        <v>144</v>
      </c>
      <c r="AM14" s="184">
        <v>186</v>
      </c>
      <c r="AN14" s="182">
        <v>106</v>
      </c>
      <c r="AO14" s="185">
        <v>633</v>
      </c>
      <c r="AP14" s="189">
        <v>633</v>
      </c>
      <c r="AQ14" s="188">
        <v>0</v>
      </c>
      <c r="AR14" s="182">
        <v>0</v>
      </c>
      <c r="AS14" s="185">
        <v>0</v>
      </c>
      <c r="AT14" s="183">
        <v>89</v>
      </c>
      <c r="AU14" s="184">
        <v>103</v>
      </c>
      <c r="AV14" s="184">
        <v>143</v>
      </c>
      <c r="AW14" s="184">
        <v>184</v>
      </c>
      <c r="AX14" s="182">
        <v>103</v>
      </c>
      <c r="AY14" s="185">
        <v>622</v>
      </c>
      <c r="AZ14" s="186">
        <v>622</v>
      </c>
      <c r="BA14" s="181">
        <v>0</v>
      </c>
      <c r="BB14" s="182">
        <v>0</v>
      </c>
      <c r="BC14" s="182">
        <v>0</v>
      </c>
      <c r="BD14" s="183">
        <v>4</v>
      </c>
      <c r="BE14" s="184">
        <v>1</v>
      </c>
      <c r="BF14" s="184">
        <v>1</v>
      </c>
      <c r="BG14" s="184">
        <v>2</v>
      </c>
      <c r="BH14" s="182">
        <v>3</v>
      </c>
      <c r="BI14" s="185">
        <v>11</v>
      </c>
      <c r="BJ14" s="187">
        <v>11</v>
      </c>
      <c r="BK14" s="188">
        <v>0</v>
      </c>
      <c r="BL14" s="182">
        <v>0</v>
      </c>
      <c r="BM14" s="182">
        <v>0</v>
      </c>
      <c r="BN14" s="183">
        <v>0</v>
      </c>
      <c r="BO14" s="184">
        <v>0</v>
      </c>
      <c r="BP14" s="184">
        <v>0</v>
      </c>
      <c r="BQ14" s="184">
        <v>0</v>
      </c>
      <c r="BR14" s="182">
        <v>1</v>
      </c>
      <c r="BS14" s="185">
        <v>1</v>
      </c>
      <c r="BT14" s="186">
        <v>1</v>
      </c>
      <c r="BU14" s="181">
        <v>0</v>
      </c>
      <c r="BV14" s="182">
        <v>0</v>
      </c>
      <c r="BW14" s="182">
        <v>0</v>
      </c>
      <c r="BX14" s="183">
        <v>0</v>
      </c>
      <c r="BY14" s="184">
        <v>0</v>
      </c>
      <c r="BZ14" s="184">
        <v>0</v>
      </c>
      <c r="CA14" s="184">
        <v>0</v>
      </c>
      <c r="CB14" s="182">
        <v>1</v>
      </c>
      <c r="CC14" s="185">
        <v>1</v>
      </c>
      <c r="CD14" s="187">
        <v>1</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0</v>
      </c>
      <c r="CU14" s="184">
        <v>4</v>
      </c>
      <c r="CV14" s="182">
        <v>29</v>
      </c>
      <c r="CW14" s="185">
        <v>33</v>
      </c>
      <c r="CX14" s="186">
        <v>33</v>
      </c>
      <c r="CY14" s="181">
        <v>0</v>
      </c>
      <c r="CZ14" s="182">
        <v>0</v>
      </c>
      <c r="DA14" s="182">
        <v>0</v>
      </c>
      <c r="DB14" s="183">
        <v>0</v>
      </c>
      <c r="DC14" s="184">
        <v>0</v>
      </c>
      <c r="DD14" s="184">
        <v>0</v>
      </c>
      <c r="DE14" s="184">
        <v>4</v>
      </c>
      <c r="DF14" s="182">
        <v>29</v>
      </c>
      <c r="DG14" s="185">
        <v>33</v>
      </c>
      <c r="DH14" s="187">
        <v>33</v>
      </c>
      <c r="DI14" s="188">
        <v>0</v>
      </c>
      <c r="DJ14" s="182">
        <v>0</v>
      </c>
      <c r="DK14" s="182">
        <v>0</v>
      </c>
      <c r="DL14" s="183">
        <v>0</v>
      </c>
      <c r="DM14" s="184">
        <v>0</v>
      </c>
      <c r="DN14" s="184">
        <v>0</v>
      </c>
      <c r="DO14" s="184">
        <v>0</v>
      </c>
      <c r="DP14" s="182">
        <v>0</v>
      </c>
      <c r="DQ14" s="185">
        <v>0</v>
      </c>
      <c r="DR14" s="187">
        <v>0</v>
      </c>
      <c r="DS14" s="188">
        <v>0</v>
      </c>
      <c r="DT14" s="182">
        <v>0</v>
      </c>
      <c r="DU14" s="182">
        <v>0</v>
      </c>
      <c r="DV14" s="183">
        <v>110</v>
      </c>
      <c r="DW14" s="184">
        <v>147</v>
      </c>
      <c r="DX14" s="184">
        <v>474</v>
      </c>
      <c r="DY14" s="184">
        <v>756</v>
      </c>
      <c r="DZ14" s="182">
        <v>589</v>
      </c>
      <c r="EA14" s="185">
        <v>2076</v>
      </c>
      <c r="EB14" s="187">
        <v>2076</v>
      </c>
      <c r="EC14" s="32"/>
    </row>
    <row r="15" spans="2:133" ht="21" customHeight="1" x14ac:dyDescent="0.2">
      <c r="B15" s="468" t="s">
        <v>11</v>
      </c>
      <c r="C15" s="181">
        <v>0</v>
      </c>
      <c r="D15" s="182">
        <v>0</v>
      </c>
      <c r="E15" s="182">
        <v>0</v>
      </c>
      <c r="F15" s="183">
        <v>1</v>
      </c>
      <c r="G15" s="184">
        <v>6</v>
      </c>
      <c r="H15" s="184">
        <v>176</v>
      </c>
      <c r="I15" s="184">
        <v>339</v>
      </c>
      <c r="J15" s="182">
        <v>191</v>
      </c>
      <c r="K15" s="185">
        <v>713</v>
      </c>
      <c r="L15" s="186">
        <v>713</v>
      </c>
      <c r="M15" s="181">
        <v>0</v>
      </c>
      <c r="N15" s="182">
        <v>0</v>
      </c>
      <c r="O15" s="185">
        <v>0</v>
      </c>
      <c r="P15" s="183">
        <v>1</v>
      </c>
      <c r="Q15" s="184">
        <v>6</v>
      </c>
      <c r="R15" s="184">
        <v>176</v>
      </c>
      <c r="S15" s="184">
        <v>336</v>
      </c>
      <c r="T15" s="182">
        <v>191</v>
      </c>
      <c r="U15" s="185">
        <v>710</v>
      </c>
      <c r="V15" s="187">
        <v>710</v>
      </c>
      <c r="W15" s="188">
        <v>0</v>
      </c>
      <c r="X15" s="182">
        <v>0</v>
      </c>
      <c r="Y15" s="185">
        <v>0</v>
      </c>
      <c r="Z15" s="188">
        <v>0</v>
      </c>
      <c r="AA15" s="184">
        <v>0</v>
      </c>
      <c r="AB15" s="184">
        <v>0</v>
      </c>
      <c r="AC15" s="184">
        <v>3</v>
      </c>
      <c r="AD15" s="182">
        <v>0</v>
      </c>
      <c r="AE15" s="185">
        <v>3</v>
      </c>
      <c r="AF15" s="189">
        <v>3</v>
      </c>
      <c r="AG15" s="188">
        <v>0</v>
      </c>
      <c r="AH15" s="182">
        <v>0</v>
      </c>
      <c r="AI15" s="185">
        <v>0</v>
      </c>
      <c r="AJ15" s="188">
        <v>61</v>
      </c>
      <c r="AK15" s="184">
        <v>90</v>
      </c>
      <c r="AL15" s="184">
        <v>132</v>
      </c>
      <c r="AM15" s="184">
        <v>141</v>
      </c>
      <c r="AN15" s="182">
        <v>73</v>
      </c>
      <c r="AO15" s="185">
        <v>497</v>
      </c>
      <c r="AP15" s="189">
        <v>497</v>
      </c>
      <c r="AQ15" s="188">
        <v>0</v>
      </c>
      <c r="AR15" s="182">
        <v>0</v>
      </c>
      <c r="AS15" s="185">
        <v>0</v>
      </c>
      <c r="AT15" s="183">
        <v>60</v>
      </c>
      <c r="AU15" s="184">
        <v>89</v>
      </c>
      <c r="AV15" s="184">
        <v>129</v>
      </c>
      <c r="AW15" s="184">
        <v>139</v>
      </c>
      <c r="AX15" s="182">
        <v>72</v>
      </c>
      <c r="AY15" s="185">
        <v>489</v>
      </c>
      <c r="AZ15" s="186">
        <v>489</v>
      </c>
      <c r="BA15" s="181">
        <v>0</v>
      </c>
      <c r="BB15" s="182">
        <v>0</v>
      </c>
      <c r="BC15" s="182">
        <v>0</v>
      </c>
      <c r="BD15" s="183">
        <v>1</v>
      </c>
      <c r="BE15" s="184">
        <v>1</v>
      </c>
      <c r="BF15" s="184">
        <v>3</v>
      </c>
      <c r="BG15" s="184">
        <v>2</v>
      </c>
      <c r="BH15" s="182">
        <v>1</v>
      </c>
      <c r="BI15" s="185">
        <v>8</v>
      </c>
      <c r="BJ15" s="187">
        <v>8</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6</v>
      </c>
      <c r="CS15" s="184">
        <v>7</v>
      </c>
      <c r="CT15" s="184">
        <v>12</v>
      </c>
      <c r="CU15" s="184">
        <v>11</v>
      </c>
      <c r="CV15" s="182">
        <v>29</v>
      </c>
      <c r="CW15" s="185">
        <v>65</v>
      </c>
      <c r="CX15" s="186">
        <v>65</v>
      </c>
      <c r="CY15" s="181">
        <v>0</v>
      </c>
      <c r="CZ15" s="182">
        <v>0</v>
      </c>
      <c r="DA15" s="182">
        <v>0</v>
      </c>
      <c r="DB15" s="183">
        <v>5</v>
      </c>
      <c r="DC15" s="184">
        <v>7</v>
      </c>
      <c r="DD15" s="184">
        <v>12</v>
      </c>
      <c r="DE15" s="184">
        <v>11</v>
      </c>
      <c r="DF15" s="182">
        <v>27</v>
      </c>
      <c r="DG15" s="185">
        <v>62</v>
      </c>
      <c r="DH15" s="187">
        <v>62</v>
      </c>
      <c r="DI15" s="188">
        <v>0</v>
      </c>
      <c r="DJ15" s="182">
        <v>0</v>
      </c>
      <c r="DK15" s="182">
        <v>0</v>
      </c>
      <c r="DL15" s="183">
        <v>1</v>
      </c>
      <c r="DM15" s="184">
        <v>0</v>
      </c>
      <c r="DN15" s="184">
        <v>0</v>
      </c>
      <c r="DO15" s="184">
        <v>0</v>
      </c>
      <c r="DP15" s="182">
        <v>2</v>
      </c>
      <c r="DQ15" s="185">
        <v>3</v>
      </c>
      <c r="DR15" s="187">
        <v>3</v>
      </c>
      <c r="DS15" s="188">
        <v>0</v>
      </c>
      <c r="DT15" s="182">
        <v>0</v>
      </c>
      <c r="DU15" s="182">
        <v>0</v>
      </c>
      <c r="DV15" s="183">
        <v>68</v>
      </c>
      <c r="DW15" s="184">
        <v>103</v>
      </c>
      <c r="DX15" s="184">
        <v>319</v>
      </c>
      <c r="DY15" s="184">
        <v>488</v>
      </c>
      <c r="DZ15" s="182">
        <v>292</v>
      </c>
      <c r="EA15" s="185">
        <v>1270</v>
      </c>
      <c r="EB15" s="187">
        <v>1270</v>
      </c>
      <c r="EC15" s="32"/>
    </row>
    <row r="16" spans="2:133" ht="21" customHeight="1" x14ac:dyDescent="0.2">
      <c r="B16" s="468" t="s">
        <v>12</v>
      </c>
      <c r="C16" s="181">
        <v>0</v>
      </c>
      <c r="D16" s="182">
        <v>0</v>
      </c>
      <c r="E16" s="182">
        <v>0</v>
      </c>
      <c r="F16" s="183">
        <v>3</v>
      </c>
      <c r="G16" s="184">
        <v>20</v>
      </c>
      <c r="H16" s="184">
        <v>199</v>
      </c>
      <c r="I16" s="184">
        <v>321</v>
      </c>
      <c r="J16" s="182">
        <v>213</v>
      </c>
      <c r="K16" s="185">
        <v>756</v>
      </c>
      <c r="L16" s="186">
        <v>756</v>
      </c>
      <c r="M16" s="181">
        <v>0</v>
      </c>
      <c r="N16" s="182">
        <v>0</v>
      </c>
      <c r="O16" s="185">
        <v>0</v>
      </c>
      <c r="P16" s="183">
        <v>3</v>
      </c>
      <c r="Q16" s="184">
        <v>20</v>
      </c>
      <c r="R16" s="184">
        <v>199</v>
      </c>
      <c r="S16" s="184">
        <v>321</v>
      </c>
      <c r="T16" s="182">
        <v>208</v>
      </c>
      <c r="U16" s="185">
        <v>751</v>
      </c>
      <c r="V16" s="187">
        <v>751</v>
      </c>
      <c r="W16" s="188">
        <v>0</v>
      </c>
      <c r="X16" s="182">
        <v>0</v>
      </c>
      <c r="Y16" s="185">
        <v>0</v>
      </c>
      <c r="Z16" s="188">
        <v>0</v>
      </c>
      <c r="AA16" s="184">
        <v>0</v>
      </c>
      <c r="AB16" s="184">
        <v>0</v>
      </c>
      <c r="AC16" s="184">
        <v>0</v>
      </c>
      <c r="AD16" s="182">
        <v>5</v>
      </c>
      <c r="AE16" s="185">
        <v>5</v>
      </c>
      <c r="AF16" s="189">
        <v>5</v>
      </c>
      <c r="AG16" s="188">
        <v>0</v>
      </c>
      <c r="AH16" s="182">
        <v>0</v>
      </c>
      <c r="AI16" s="185">
        <v>0</v>
      </c>
      <c r="AJ16" s="188">
        <v>47</v>
      </c>
      <c r="AK16" s="184">
        <v>86</v>
      </c>
      <c r="AL16" s="184">
        <v>159</v>
      </c>
      <c r="AM16" s="184">
        <v>165</v>
      </c>
      <c r="AN16" s="182">
        <v>69</v>
      </c>
      <c r="AO16" s="185">
        <v>526</v>
      </c>
      <c r="AP16" s="189">
        <v>526</v>
      </c>
      <c r="AQ16" s="188">
        <v>0</v>
      </c>
      <c r="AR16" s="182">
        <v>0</v>
      </c>
      <c r="AS16" s="185">
        <v>0</v>
      </c>
      <c r="AT16" s="183">
        <v>46</v>
      </c>
      <c r="AU16" s="184">
        <v>86</v>
      </c>
      <c r="AV16" s="184">
        <v>157</v>
      </c>
      <c r="AW16" s="184">
        <v>163</v>
      </c>
      <c r="AX16" s="182">
        <v>67</v>
      </c>
      <c r="AY16" s="185">
        <v>519</v>
      </c>
      <c r="AZ16" s="186">
        <v>519</v>
      </c>
      <c r="BA16" s="181">
        <v>0</v>
      </c>
      <c r="BB16" s="182">
        <v>0</v>
      </c>
      <c r="BC16" s="182">
        <v>0</v>
      </c>
      <c r="BD16" s="183">
        <v>1</v>
      </c>
      <c r="BE16" s="184">
        <v>0</v>
      </c>
      <c r="BF16" s="184">
        <v>2</v>
      </c>
      <c r="BG16" s="184">
        <v>2</v>
      </c>
      <c r="BH16" s="182">
        <v>2</v>
      </c>
      <c r="BI16" s="185">
        <v>7</v>
      </c>
      <c r="BJ16" s="187">
        <v>7</v>
      </c>
      <c r="BK16" s="188">
        <v>0</v>
      </c>
      <c r="BL16" s="182">
        <v>0</v>
      </c>
      <c r="BM16" s="182">
        <v>0</v>
      </c>
      <c r="BN16" s="183">
        <v>0</v>
      </c>
      <c r="BO16" s="184">
        <v>0</v>
      </c>
      <c r="BP16" s="184">
        <v>0</v>
      </c>
      <c r="BQ16" s="184">
        <v>0</v>
      </c>
      <c r="BR16" s="182">
        <v>0</v>
      </c>
      <c r="BS16" s="185">
        <v>0</v>
      </c>
      <c r="BT16" s="186">
        <v>0</v>
      </c>
      <c r="BU16" s="181">
        <v>0</v>
      </c>
      <c r="BV16" s="182">
        <v>0</v>
      </c>
      <c r="BW16" s="182">
        <v>0</v>
      </c>
      <c r="BX16" s="183">
        <v>0</v>
      </c>
      <c r="BY16" s="184">
        <v>0</v>
      </c>
      <c r="BZ16" s="184">
        <v>0</v>
      </c>
      <c r="CA16" s="184">
        <v>0</v>
      </c>
      <c r="CB16" s="182">
        <v>0</v>
      </c>
      <c r="CC16" s="185">
        <v>0</v>
      </c>
      <c r="CD16" s="187">
        <v>0</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1</v>
      </c>
      <c r="CT16" s="184">
        <v>3</v>
      </c>
      <c r="CU16" s="184">
        <v>13</v>
      </c>
      <c r="CV16" s="182">
        <v>13</v>
      </c>
      <c r="CW16" s="185">
        <v>30</v>
      </c>
      <c r="CX16" s="186">
        <v>30</v>
      </c>
      <c r="CY16" s="181">
        <v>0</v>
      </c>
      <c r="CZ16" s="182">
        <v>0</v>
      </c>
      <c r="DA16" s="182">
        <v>0</v>
      </c>
      <c r="DB16" s="183">
        <v>0</v>
      </c>
      <c r="DC16" s="184">
        <v>1</v>
      </c>
      <c r="DD16" s="184">
        <v>3</v>
      </c>
      <c r="DE16" s="184">
        <v>13</v>
      </c>
      <c r="DF16" s="182">
        <v>13</v>
      </c>
      <c r="DG16" s="185">
        <v>30</v>
      </c>
      <c r="DH16" s="187">
        <v>30</v>
      </c>
      <c r="DI16" s="188">
        <v>0</v>
      </c>
      <c r="DJ16" s="182">
        <v>0</v>
      </c>
      <c r="DK16" s="182">
        <v>0</v>
      </c>
      <c r="DL16" s="183">
        <v>0</v>
      </c>
      <c r="DM16" s="184">
        <v>0</v>
      </c>
      <c r="DN16" s="184">
        <v>0</v>
      </c>
      <c r="DO16" s="184">
        <v>0</v>
      </c>
      <c r="DP16" s="182">
        <v>0</v>
      </c>
      <c r="DQ16" s="185">
        <v>0</v>
      </c>
      <c r="DR16" s="187">
        <v>0</v>
      </c>
      <c r="DS16" s="188">
        <v>0</v>
      </c>
      <c r="DT16" s="182">
        <v>0</v>
      </c>
      <c r="DU16" s="182">
        <v>0</v>
      </c>
      <c r="DV16" s="183">
        <v>50</v>
      </c>
      <c r="DW16" s="184">
        <v>107</v>
      </c>
      <c r="DX16" s="184">
        <v>360</v>
      </c>
      <c r="DY16" s="184">
        <v>498</v>
      </c>
      <c r="DZ16" s="182">
        <v>295</v>
      </c>
      <c r="EA16" s="185">
        <v>1310</v>
      </c>
      <c r="EB16" s="187">
        <v>1310</v>
      </c>
      <c r="EC16" s="32"/>
    </row>
    <row r="17" spans="2:133" ht="21" customHeight="1" x14ac:dyDescent="0.2">
      <c r="B17" s="468" t="s">
        <v>13</v>
      </c>
      <c r="C17" s="181">
        <v>0</v>
      </c>
      <c r="D17" s="182">
        <v>0</v>
      </c>
      <c r="E17" s="182">
        <v>0</v>
      </c>
      <c r="F17" s="183">
        <v>1</v>
      </c>
      <c r="G17" s="184">
        <v>6</v>
      </c>
      <c r="H17" s="184">
        <v>52</v>
      </c>
      <c r="I17" s="184">
        <v>146</v>
      </c>
      <c r="J17" s="182">
        <v>119</v>
      </c>
      <c r="K17" s="185">
        <v>324</v>
      </c>
      <c r="L17" s="186">
        <v>324</v>
      </c>
      <c r="M17" s="181">
        <v>0</v>
      </c>
      <c r="N17" s="182">
        <v>0</v>
      </c>
      <c r="O17" s="185">
        <v>0</v>
      </c>
      <c r="P17" s="183">
        <v>1</v>
      </c>
      <c r="Q17" s="184">
        <v>6</v>
      </c>
      <c r="R17" s="184">
        <v>51</v>
      </c>
      <c r="S17" s="184">
        <v>146</v>
      </c>
      <c r="T17" s="182">
        <v>118</v>
      </c>
      <c r="U17" s="185">
        <v>322</v>
      </c>
      <c r="V17" s="187">
        <v>322</v>
      </c>
      <c r="W17" s="188">
        <v>0</v>
      </c>
      <c r="X17" s="182">
        <v>0</v>
      </c>
      <c r="Y17" s="185">
        <v>0</v>
      </c>
      <c r="Z17" s="188">
        <v>0</v>
      </c>
      <c r="AA17" s="184">
        <v>0</v>
      </c>
      <c r="AB17" s="184">
        <v>1</v>
      </c>
      <c r="AC17" s="184">
        <v>0</v>
      </c>
      <c r="AD17" s="182">
        <v>1</v>
      </c>
      <c r="AE17" s="185">
        <v>2</v>
      </c>
      <c r="AF17" s="189">
        <v>2</v>
      </c>
      <c r="AG17" s="188">
        <v>0</v>
      </c>
      <c r="AH17" s="182">
        <v>0</v>
      </c>
      <c r="AI17" s="185">
        <v>0</v>
      </c>
      <c r="AJ17" s="188">
        <v>7</v>
      </c>
      <c r="AK17" s="184">
        <v>27</v>
      </c>
      <c r="AL17" s="184">
        <v>42</v>
      </c>
      <c r="AM17" s="184">
        <v>29</v>
      </c>
      <c r="AN17" s="182">
        <v>30</v>
      </c>
      <c r="AO17" s="185">
        <v>135</v>
      </c>
      <c r="AP17" s="189">
        <v>135</v>
      </c>
      <c r="AQ17" s="188">
        <v>0</v>
      </c>
      <c r="AR17" s="182">
        <v>0</v>
      </c>
      <c r="AS17" s="185">
        <v>0</v>
      </c>
      <c r="AT17" s="183">
        <v>7</v>
      </c>
      <c r="AU17" s="184">
        <v>26</v>
      </c>
      <c r="AV17" s="184">
        <v>41</v>
      </c>
      <c r="AW17" s="184">
        <v>28</v>
      </c>
      <c r="AX17" s="182">
        <v>29</v>
      </c>
      <c r="AY17" s="185">
        <v>131</v>
      </c>
      <c r="AZ17" s="186">
        <v>131</v>
      </c>
      <c r="BA17" s="181">
        <v>0</v>
      </c>
      <c r="BB17" s="182">
        <v>0</v>
      </c>
      <c r="BC17" s="182">
        <v>0</v>
      </c>
      <c r="BD17" s="183">
        <v>0</v>
      </c>
      <c r="BE17" s="184">
        <v>1</v>
      </c>
      <c r="BF17" s="184">
        <v>1</v>
      </c>
      <c r="BG17" s="184">
        <v>1</v>
      </c>
      <c r="BH17" s="182">
        <v>1</v>
      </c>
      <c r="BI17" s="185">
        <v>4</v>
      </c>
      <c r="BJ17" s="187">
        <v>4</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1</v>
      </c>
      <c r="CU17" s="184">
        <v>0</v>
      </c>
      <c r="CV17" s="182">
        <v>0</v>
      </c>
      <c r="CW17" s="185">
        <v>1</v>
      </c>
      <c r="CX17" s="186">
        <v>1</v>
      </c>
      <c r="CY17" s="181">
        <v>0</v>
      </c>
      <c r="CZ17" s="182">
        <v>0</v>
      </c>
      <c r="DA17" s="182">
        <v>0</v>
      </c>
      <c r="DB17" s="183">
        <v>0</v>
      </c>
      <c r="DC17" s="184">
        <v>0</v>
      </c>
      <c r="DD17" s="184">
        <v>1</v>
      </c>
      <c r="DE17" s="184">
        <v>0</v>
      </c>
      <c r="DF17" s="182">
        <v>0</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8</v>
      </c>
      <c r="DW17" s="184">
        <v>33</v>
      </c>
      <c r="DX17" s="184">
        <v>95</v>
      </c>
      <c r="DY17" s="184">
        <v>175</v>
      </c>
      <c r="DZ17" s="182">
        <v>149</v>
      </c>
      <c r="EA17" s="185">
        <v>460</v>
      </c>
      <c r="EB17" s="187">
        <v>460</v>
      </c>
      <c r="EC17" s="32"/>
    </row>
    <row r="18" spans="2:133" ht="21" customHeight="1" x14ac:dyDescent="0.2">
      <c r="B18" s="468" t="s">
        <v>15</v>
      </c>
      <c r="C18" s="181">
        <v>0</v>
      </c>
      <c r="D18" s="182">
        <v>0</v>
      </c>
      <c r="E18" s="182">
        <v>0</v>
      </c>
      <c r="F18" s="183">
        <v>1</v>
      </c>
      <c r="G18" s="184">
        <v>0</v>
      </c>
      <c r="H18" s="184">
        <v>84</v>
      </c>
      <c r="I18" s="184">
        <v>152</v>
      </c>
      <c r="J18" s="182">
        <v>84</v>
      </c>
      <c r="K18" s="185">
        <v>321</v>
      </c>
      <c r="L18" s="186">
        <v>321</v>
      </c>
      <c r="M18" s="181">
        <v>0</v>
      </c>
      <c r="N18" s="182">
        <v>0</v>
      </c>
      <c r="O18" s="185">
        <v>0</v>
      </c>
      <c r="P18" s="183">
        <v>1</v>
      </c>
      <c r="Q18" s="184">
        <v>0</v>
      </c>
      <c r="R18" s="184">
        <v>84</v>
      </c>
      <c r="S18" s="184">
        <v>150</v>
      </c>
      <c r="T18" s="182">
        <v>82</v>
      </c>
      <c r="U18" s="185">
        <v>317</v>
      </c>
      <c r="V18" s="187">
        <v>317</v>
      </c>
      <c r="W18" s="188">
        <v>0</v>
      </c>
      <c r="X18" s="182">
        <v>0</v>
      </c>
      <c r="Y18" s="185">
        <v>0</v>
      </c>
      <c r="Z18" s="188">
        <v>0</v>
      </c>
      <c r="AA18" s="184">
        <v>0</v>
      </c>
      <c r="AB18" s="184">
        <v>0</v>
      </c>
      <c r="AC18" s="184">
        <v>2</v>
      </c>
      <c r="AD18" s="182">
        <v>2</v>
      </c>
      <c r="AE18" s="185">
        <v>4</v>
      </c>
      <c r="AF18" s="189">
        <v>4</v>
      </c>
      <c r="AG18" s="188">
        <v>0</v>
      </c>
      <c r="AH18" s="182">
        <v>0</v>
      </c>
      <c r="AI18" s="185">
        <v>0</v>
      </c>
      <c r="AJ18" s="188">
        <v>15</v>
      </c>
      <c r="AK18" s="184">
        <v>38</v>
      </c>
      <c r="AL18" s="184">
        <v>41</v>
      </c>
      <c r="AM18" s="184">
        <v>64</v>
      </c>
      <c r="AN18" s="182">
        <v>27</v>
      </c>
      <c r="AO18" s="185">
        <v>185</v>
      </c>
      <c r="AP18" s="189">
        <v>185</v>
      </c>
      <c r="AQ18" s="188">
        <v>0</v>
      </c>
      <c r="AR18" s="182">
        <v>0</v>
      </c>
      <c r="AS18" s="185">
        <v>0</v>
      </c>
      <c r="AT18" s="183">
        <v>14</v>
      </c>
      <c r="AU18" s="184">
        <v>38</v>
      </c>
      <c r="AV18" s="184">
        <v>41</v>
      </c>
      <c r="AW18" s="184">
        <v>63</v>
      </c>
      <c r="AX18" s="182">
        <v>26</v>
      </c>
      <c r="AY18" s="185">
        <v>182</v>
      </c>
      <c r="AZ18" s="186">
        <v>182</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16</v>
      </c>
      <c r="DW18" s="184">
        <v>38</v>
      </c>
      <c r="DX18" s="184">
        <v>125</v>
      </c>
      <c r="DY18" s="184">
        <v>216</v>
      </c>
      <c r="DZ18" s="182">
        <v>111</v>
      </c>
      <c r="EA18" s="185">
        <v>506</v>
      </c>
      <c r="EB18" s="187">
        <v>506</v>
      </c>
      <c r="EC18" s="32"/>
    </row>
    <row r="19" spans="2:133" ht="21" customHeight="1" x14ac:dyDescent="0.2">
      <c r="B19" s="468" t="s">
        <v>16</v>
      </c>
      <c r="C19" s="181">
        <v>0</v>
      </c>
      <c r="D19" s="182">
        <v>0</v>
      </c>
      <c r="E19" s="182">
        <v>0</v>
      </c>
      <c r="F19" s="183">
        <v>5</v>
      </c>
      <c r="G19" s="184">
        <v>15</v>
      </c>
      <c r="H19" s="184">
        <v>210</v>
      </c>
      <c r="I19" s="184">
        <v>314</v>
      </c>
      <c r="J19" s="182">
        <v>193</v>
      </c>
      <c r="K19" s="185">
        <v>737</v>
      </c>
      <c r="L19" s="186">
        <v>737</v>
      </c>
      <c r="M19" s="181">
        <v>0</v>
      </c>
      <c r="N19" s="182">
        <v>0</v>
      </c>
      <c r="O19" s="185">
        <v>0</v>
      </c>
      <c r="P19" s="183">
        <v>5</v>
      </c>
      <c r="Q19" s="184">
        <v>14</v>
      </c>
      <c r="R19" s="184">
        <v>210</v>
      </c>
      <c r="S19" s="184">
        <v>313</v>
      </c>
      <c r="T19" s="182">
        <v>189</v>
      </c>
      <c r="U19" s="185">
        <v>731</v>
      </c>
      <c r="V19" s="187">
        <v>731</v>
      </c>
      <c r="W19" s="188">
        <v>0</v>
      </c>
      <c r="X19" s="182">
        <v>0</v>
      </c>
      <c r="Y19" s="185">
        <v>0</v>
      </c>
      <c r="Z19" s="188">
        <v>0</v>
      </c>
      <c r="AA19" s="184">
        <v>1</v>
      </c>
      <c r="AB19" s="184">
        <v>0</v>
      </c>
      <c r="AC19" s="184">
        <v>1</v>
      </c>
      <c r="AD19" s="182">
        <v>4</v>
      </c>
      <c r="AE19" s="185">
        <v>6</v>
      </c>
      <c r="AF19" s="189">
        <v>6</v>
      </c>
      <c r="AG19" s="188">
        <v>0</v>
      </c>
      <c r="AH19" s="182">
        <v>0</v>
      </c>
      <c r="AI19" s="185">
        <v>0</v>
      </c>
      <c r="AJ19" s="188">
        <v>49</v>
      </c>
      <c r="AK19" s="184">
        <v>85</v>
      </c>
      <c r="AL19" s="184">
        <v>132</v>
      </c>
      <c r="AM19" s="184">
        <v>145</v>
      </c>
      <c r="AN19" s="182">
        <v>66</v>
      </c>
      <c r="AO19" s="185">
        <v>477</v>
      </c>
      <c r="AP19" s="189">
        <v>477</v>
      </c>
      <c r="AQ19" s="188">
        <v>0</v>
      </c>
      <c r="AR19" s="182">
        <v>0</v>
      </c>
      <c r="AS19" s="185">
        <v>0</v>
      </c>
      <c r="AT19" s="183">
        <v>49</v>
      </c>
      <c r="AU19" s="184">
        <v>85</v>
      </c>
      <c r="AV19" s="184">
        <v>130</v>
      </c>
      <c r="AW19" s="184">
        <v>145</v>
      </c>
      <c r="AX19" s="182">
        <v>65</v>
      </c>
      <c r="AY19" s="185">
        <v>474</v>
      </c>
      <c r="AZ19" s="186">
        <v>474</v>
      </c>
      <c r="BA19" s="181">
        <v>0</v>
      </c>
      <c r="BB19" s="182">
        <v>0</v>
      </c>
      <c r="BC19" s="182">
        <v>0</v>
      </c>
      <c r="BD19" s="183">
        <v>0</v>
      </c>
      <c r="BE19" s="184">
        <v>0</v>
      </c>
      <c r="BF19" s="184">
        <v>2</v>
      </c>
      <c r="BG19" s="184">
        <v>0</v>
      </c>
      <c r="BH19" s="182">
        <v>1</v>
      </c>
      <c r="BI19" s="185">
        <v>3</v>
      </c>
      <c r="BJ19" s="187">
        <v>3</v>
      </c>
      <c r="BK19" s="188">
        <v>0</v>
      </c>
      <c r="BL19" s="182">
        <v>0</v>
      </c>
      <c r="BM19" s="182">
        <v>0</v>
      </c>
      <c r="BN19" s="183">
        <v>0</v>
      </c>
      <c r="BO19" s="184">
        <v>0</v>
      </c>
      <c r="BP19" s="184">
        <v>0</v>
      </c>
      <c r="BQ19" s="184">
        <v>0</v>
      </c>
      <c r="BR19" s="182">
        <v>0</v>
      </c>
      <c r="BS19" s="185">
        <v>0</v>
      </c>
      <c r="BT19" s="186">
        <v>0</v>
      </c>
      <c r="BU19" s="181">
        <v>0</v>
      </c>
      <c r="BV19" s="182">
        <v>0</v>
      </c>
      <c r="BW19" s="182">
        <v>0</v>
      </c>
      <c r="BX19" s="183">
        <v>0</v>
      </c>
      <c r="BY19" s="184">
        <v>0</v>
      </c>
      <c r="BZ19" s="184">
        <v>0</v>
      </c>
      <c r="CA19" s="184">
        <v>0</v>
      </c>
      <c r="CB19" s="182">
        <v>0</v>
      </c>
      <c r="CC19" s="185">
        <v>0</v>
      </c>
      <c r="CD19" s="187">
        <v>0</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2</v>
      </c>
      <c r="CU19" s="184">
        <v>14</v>
      </c>
      <c r="CV19" s="182">
        <v>18</v>
      </c>
      <c r="CW19" s="185">
        <v>34</v>
      </c>
      <c r="CX19" s="186">
        <v>34</v>
      </c>
      <c r="CY19" s="181">
        <v>0</v>
      </c>
      <c r="CZ19" s="182">
        <v>0</v>
      </c>
      <c r="DA19" s="182">
        <v>0</v>
      </c>
      <c r="DB19" s="183">
        <v>0</v>
      </c>
      <c r="DC19" s="184">
        <v>0</v>
      </c>
      <c r="DD19" s="184">
        <v>2</v>
      </c>
      <c r="DE19" s="184">
        <v>14</v>
      </c>
      <c r="DF19" s="182">
        <v>18</v>
      </c>
      <c r="DG19" s="185">
        <v>34</v>
      </c>
      <c r="DH19" s="187">
        <v>34</v>
      </c>
      <c r="DI19" s="188">
        <v>0</v>
      </c>
      <c r="DJ19" s="182">
        <v>0</v>
      </c>
      <c r="DK19" s="182">
        <v>0</v>
      </c>
      <c r="DL19" s="183">
        <v>0</v>
      </c>
      <c r="DM19" s="184">
        <v>0</v>
      </c>
      <c r="DN19" s="184">
        <v>0</v>
      </c>
      <c r="DO19" s="184">
        <v>0</v>
      </c>
      <c r="DP19" s="182">
        <v>0</v>
      </c>
      <c r="DQ19" s="185">
        <v>0</v>
      </c>
      <c r="DR19" s="187">
        <v>0</v>
      </c>
      <c r="DS19" s="188">
        <v>0</v>
      </c>
      <c r="DT19" s="182">
        <v>0</v>
      </c>
      <c r="DU19" s="182">
        <v>0</v>
      </c>
      <c r="DV19" s="183">
        <v>54</v>
      </c>
      <c r="DW19" s="184">
        <v>100</v>
      </c>
      <c r="DX19" s="184">
        <v>340</v>
      </c>
      <c r="DY19" s="184">
        <v>471</v>
      </c>
      <c r="DZ19" s="182">
        <v>276</v>
      </c>
      <c r="EA19" s="185">
        <v>1241</v>
      </c>
      <c r="EB19" s="187">
        <v>1241</v>
      </c>
      <c r="EC19" s="32"/>
    </row>
    <row r="20" spans="2:133" ht="21" customHeight="1" x14ac:dyDescent="0.2">
      <c r="B20" s="468" t="s">
        <v>17</v>
      </c>
      <c r="C20" s="181">
        <v>0</v>
      </c>
      <c r="D20" s="182">
        <v>0</v>
      </c>
      <c r="E20" s="182">
        <v>0</v>
      </c>
      <c r="F20" s="183">
        <v>4</v>
      </c>
      <c r="G20" s="184">
        <v>14</v>
      </c>
      <c r="H20" s="184">
        <v>210</v>
      </c>
      <c r="I20" s="184">
        <v>293</v>
      </c>
      <c r="J20" s="182">
        <v>233</v>
      </c>
      <c r="K20" s="185">
        <v>754</v>
      </c>
      <c r="L20" s="186">
        <v>754</v>
      </c>
      <c r="M20" s="181">
        <v>0</v>
      </c>
      <c r="N20" s="182">
        <v>0</v>
      </c>
      <c r="O20" s="185">
        <v>0</v>
      </c>
      <c r="P20" s="183">
        <v>4</v>
      </c>
      <c r="Q20" s="184">
        <v>14</v>
      </c>
      <c r="R20" s="184">
        <v>210</v>
      </c>
      <c r="S20" s="184">
        <v>291</v>
      </c>
      <c r="T20" s="182">
        <v>230</v>
      </c>
      <c r="U20" s="185">
        <v>749</v>
      </c>
      <c r="V20" s="187">
        <v>749</v>
      </c>
      <c r="W20" s="188">
        <v>0</v>
      </c>
      <c r="X20" s="182">
        <v>0</v>
      </c>
      <c r="Y20" s="185">
        <v>0</v>
      </c>
      <c r="Z20" s="188">
        <v>0</v>
      </c>
      <c r="AA20" s="184">
        <v>0</v>
      </c>
      <c r="AB20" s="184">
        <v>0</v>
      </c>
      <c r="AC20" s="184">
        <v>2</v>
      </c>
      <c r="AD20" s="182">
        <v>3</v>
      </c>
      <c r="AE20" s="185">
        <v>5</v>
      </c>
      <c r="AF20" s="189">
        <v>5</v>
      </c>
      <c r="AG20" s="188">
        <v>0</v>
      </c>
      <c r="AH20" s="182">
        <v>0</v>
      </c>
      <c r="AI20" s="185">
        <v>0</v>
      </c>
      <c r="AJ20" s="188">
        <v>39</v>
      </c>
      <c r="AK20" s="184">
        <v>109</v>
      </c>
      <c r="AL20" s="184">
        <v>153</v>
      </c>
      <c r="AM20" s="184">
        <v>146</v>
      </c>
      <c r="AN20" s="182">
        <v>78</v>
      </c>
      <c r="AO20" s="185">
        <v>525</v>
      </c>
      <c r="AP20" s="189">
        <v>525</v>
      </c>
      <c r="AQ20" s="188">
        <v>0</v>
      </c>
      <c r="AR20" s="182">
        <v>0</v>
      </c>
      <c r="AS20" s="185">
        <v>0</v>
      </c>
      <c r="AT20" s="183">
        <v>37</v>
      </c>
      <c r="AU20" s="184">
        <v>107</v>
      </c>
      <c r="AV20" s="184">
        <v>149</v>
      </c>
      <c r="AW20" s="184">
        <v>145</v>
      </c>
      <c r="AX20" s="182">
        <v>74</v>
      </c>
      <c r="AY20" s="185">
        <v>512</v>
      </c>
      <c r="AZ20" s="186">
        <v>512</v>
      </c>
      <c r="BA20" s="181">
        <v>0</v>
      </c>
      <c r="BB20" s="182">
        <v>0</v>
      </c>
      <c r="BC20" s="182">
        <v>0</v>
      </c>
      <c r="BD20" s="183">
        <v>2</v>
      </c>
      <c r="BE20" s="184">
        <v>2</v>
      </c>
      <c r="BF20" s="184">
        <v>4</v>
      </c>
      <c r="BG20" s="184">
        <v>1</v>
      </c>
      <c r="BH20" s="182">
        <v>4</v>
      </c>
      <c r="BI20" s="185">
        <v>13</v>
      </c>
      <c r="BJ20" s="187">
        <v>13</v>
      </c>
      <c r="BK20" s="188">
        <v>0</v>
      </c>
      <c r="BL20" s="182">
        <v>0</v>
      </c>
      <c r="BM20" s="182">
        <v>0</v>
      </c>
      <c r="BN20" s="183">
        <v>0</v>
      </c>
      <c r="BO20" s="184">
        <v>0</v>
      </c>
      <c r="BP20" s="184">
        <v>0</v>
      </c>
      <c r="BQ20" s="184">
        <v>1</v>
      </c>
      <c r="BR20" s="182">
        <v>3</v>
      </c>
      <c r="BS20" s="185">
        <v>4</v>
      </c>
      <c r="BT20" s="186">
        <v>4</v>
      </c>
      <c r="BU20" s="181">
        <v>0</v>
      </c>
      <c r="BV20" s="182">
        <v>0</v>
      </c>
      <c r="BW20" s="182">
        <v>0</v>
      </c>
      <c r="BX20" s="183">
        <v>0</v>
      </c>
      <c r="BY20" s="184">
        <v>0</v>
      </c>
      <c r="BZ20" s="184">
        <v>0</v>
      </c>
      <c r="CA20" s="184">
        <v>1</v>
      </c>
      <c r="CB20" s="182">
        <v>3</v>
      </c>
      <c r="CC20" s="185">
        <v>4</v>
      </c>
      <c r="CD20" s="187">
        <v>4</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3</v>
      </c>
      <c r="CW20" s="185">
        <v>17</v>
      </c>
      <c r="CX20" s="186">
        <v>17</v>
      </c>
      <c r="CY20" s="181">
        <v>0</v>
      </c>
      <c r="CZ20" s="182">
        <v>0</v>
      </c>
      <c r="DA20" s="182">
        <v>0</v>
      </c>
      <c r="DB20" s="183">
        <v>0</v>
      </c>
      <c r="DC20" s="184">
        <v>0</v>
      </c>
      <c r="DD20" s="184">
        <v>1</v>
      </c>
      <c r="DE20" s="184">
        <v>3</v>
      </c>
      <c r="DF20" s="182">
        <v>12</v>
      </c>
      <c r="DG20" s="185">
        <v>16</v>
      </c>
      <c r="DH20" s="187">
        <v>16</v>
      </c>
      <c r="DI20" s="188">
        <v>0</v>
      </c>
      <c r="DJ20" s="182">
        <v>0</v>
      </c>
      <c r="DK20" s="182">
        <v>0</v>
      </c>
      <c r="DL20" s="183">
        <v>0</v>
      </c>
      <c r="DM20" s="184">
        <v>0</v>
      </c>
      <c r="DN20" s="184">
        <v>0</v>
      </c>
      <c r="DO20" s="184">
        <v>0</v>
      </c>
      <c r="DP20" s="182">
        <v>1</v>
      </c>
      <c r="DQ20" s="185">
        <v>1</v>
      </c>
      <c r="DR20" s="187">
        <v>1</v>
      </c>
      <c r="DS20" s="188">
        <v>0</v>
      </c>
      <c r="DT20" s="182">
        <v>0</v>
      </c>
      <c r="DU20" s="182">
        <v>0</v>
      </c>
      <c r="DV20" s="183">
        <v>43</v>
      </c>
      <c r="DW20" s="184">
        <v>123</v>
      </c>
      <c r="DX20" s="184">
        <v>364</v>
      </c>
      <c r="DY20" s="184">
        <v>443</v>
      </c>
      <c r="DZ20" s="182">
        <v>327</v>
      </c>
      <c r="EA20" s="185">
        <v>1300</v>
      </c>
      <c r="EB20" s="187">
        <v>1300</v>
      </c>
      <c r="EC20" s="32"/>
    </row>
    <row r="21" spans="2:133" ht="21" customHeight="1" x14ac:dyDescent="0.2">
      <c r="B21" s="468" t="s">
        <v>18</v>
      </c>
      <c r="C21" s="181">
        <v>0</v>
      </c>
      <c r="D21" s="182">
        <v>0</v>
      </c>
      <c r="E21" s="182">
        <v>0</v>
      </c>
      <c r="F21" s="183">
        <v>6</v>
      </c>
      <c r="G21" s="184">
        <v>11</v>
      </c>
      <c r="H21" s="184">
        <v>185</v>
      </c>
      <c r="I21" s="184">
        <v>407</v>
      </c>
      <c r="J21" s="182">
        <v>260</v>
      </c>
      <c r="K21" s="185">
        <v>869</v>
      </c>
      <c r="L21" s="186">
        <v>869</v>
      </c>
      <c r="M21" s="181">
        <v>0</v>
      </c>
      <c r="N21" s="182">
        <v>0</v>
      </c>
      <c r="O21" s="185">
        <v>0</v>
      </c>
      <c r="P21" s="183">
        <v>6</v>
      </c>
      <c r="Q21" s="184">
        <v>11</v>
      </c>
      <c r="R21" s="184">
        <v>181</v>
      </c>
      <c r="S21" s="184">
        <v>403</v>
      </c>
      <c r="T21" s="182">
        <v>257</v>
      </c>
      <c r="U21" s="185">
        <v>858</v>
      </c>
      <c r="V21" s="187">
        <v>858</v>
      </c>
      <c r="W21" s="188">
        <v>0</v>
      </c>
      <c r="X21" s="182">
        <v>0</v>
      </c>
      <c r="Y21" s="185">
        <v>0</v>
      </c>
      <c r="Z21" s="188">
        <v>0</v>
      </c>
      <c r="AA21" s="184">
        <v>0</v>
      </c>
      <c r="AB21" s="184">
        <v>4</v>
      </c>
      <c r="AC21" s="184">
        <v>4</v>
      </c>
      <c r="AD21" s="182">
        <v>3</v>
      </c>
      <c r="AE21" s="185">
        <v>11</v>
      </c>
      <c r="AF21" s="189">
        <v>11</v>
      </c>
      <c r="AG21" s="188">
        <v>0</v>
      </c>
      <c r="AH21" s="182">
        <v>0</v>
      </c>
      <c r="AI21" s="185">
        <v>0</v>
      </c>
      <c r="AJ21" s="188">
        <v>27</v>
      </c>
      <c r="AK21" s="184">
        <v>75</v>
      </c>
      <c r="AL21" s="184">
        <v>118</v>
      </c>
      <c r="AM21" s="184">
        <v>119</v>
      </c>
      <c r="AN21" s="182">
        <v>75</v>
      </c>
      <c r="AO21" s="185">
        <v>414</v>
      </c>
      <c r="AP21" s="189">
        <v>414</v>
      </c>
      <c r="AQ21" s="188">
        <v>0</v>
      </c>
      <c r="AR21" s="182">
        <v>0</v>
      </c>
      <c r="AS21" s="185">
        <v>0</v>
      </c>
      <c r="AT21" s="183">
        <v>27</v>
      </c>
      <c r="AU21" s="184">
        <v>73</v>
      </c>
      <c r="AV21" s="184">
        <v>115</v>
      </c>
      <c r="AW21" s="184">
        <v>118</v>
      </c>
      <c r="AX21" s="182">
        <v>71</v>
      </c>
      <c r="AY21" s="185">
        <v>404</v>
      </c>
      <c r="AZ21" s="186">
        <v>404</v>
      </c>
      <c r="BA21" s="181">
        <v>0</v>
      </c>
      <c r="BB21" s="182">
        <v>0</v>
      </c>
      <c r="BC21" s="182">
        <v>0</v>
      </c>
      <c r="BD21" s="183">
        <v>0</v>
      </c>
      <c r="BE21" s="184">
        <v>2</v>
      </c>
      <c r="BF21" s="184">
        <v>3</v>
      </c>
      <c r="BG21" s="184">
        <v>1</v>
      </c>
      <c r="BH21" s="182">
        <v>4</v>
      </c>
      <c r="BI21" s="185">
        <v>10</v>
      </c>
      <c r="BJ21" s="187">
        <v>10</v>
      </c>
      <c r="BK21" s="188">
        <v>0</v>
      </c>
      <c r="BL21" s="182">
        <v>0</v>
      </c>
      <c r="BM21" s="182">
        <v>0</v>
      </c>
      <c r="BN21" s="183">
        <v>0</v>
      </c>
      <c r="BO21" s="184">
        <v>0</v>
      </c>
      <c r="BP21" s="184">
        <v>0</v>
      </c>
      <c r="BQ21" s="184">
        <v>0</v>
      </c>
      <c r="BR21" s="182">
        <v>1</v>
      </c>
      <c r="BS21" s="185">
        <v>1</v>
      </c>
      <c r="BT21" s="186">
        <v>1</v>
      </c>
      <c r="BU21" s="181">
        <v>0</v>
      </c>
      <c r="BV21" s="182">
        <v>0</v>
      </c>
      <c r="BW21" s="182">
        <v>0</v>
      </c>
      <c r="BX21" s="183">
        <v>0</v>
      </c>
      <c r="BY21" s="184">
        <v>0</v>
      </c>
      <c r="BZ21" s="184">
        <v>0</v>
      </c>
      <c r="CA21" s="184">
        <v>0</v>
      </c>
      <c r="CB21" s="182">
        <v>1</v>
      </c>
      <c r="CC21" s="185">
        <v>1</v>
      </c>
      <c r="CD21" s="187">
        <v>1</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0</v>
      </c>
      <c r="CU21" s="184">
        <v>14</v>
      </c>
      <c r="CV21" s="182">
        <v>18</v>
      </c>
      <c r="CW21" s="185">
        <v>32</v>
      </c>
      <c r="CX21" s="186">
        <v>32</v>
      </c>
      <c r="CY21" s="181">
        <v>0</v>
      </c>
      <c r="CZ21" s="182">
        <v>0</v>
      </c>
      <c r="DA21" s="182">
        <v>0</v>
      </c>
      <c r="DB21" s="183">
        <v>0</v>
      </c>
      <c r="DC21" s="184">
        <v>0</v>
      </c>
      <c r="DD21" s="184">
        <v>0</v>
      </c>
      <c r="DE21" s="184">
        <v>13</v>
      </c>
      <c r="DF21" s="182">
        <v>18</v>
      </c>
      <c r="DG21" s="185">
        <v>31</v>
      </c>
      <c r="DH21" s="187">
        <v>31</v>
      </c>
      <c r="DI21" s="188">
        <v>0</v>
      </c>
      <c r="DJ21" s="182">
        <v>0</v>
      </c>
      <c r="DK21" s="182">
        <v>0</v>
      </c>
      <c r="DL21" s="183">
        <v>0</v>
      </c>
      <c r="DM21" s="184">
        <v>0</v>
      </c>
      <c r="DN21" s="184">
        <v>0</v>
      </c>
      <c r="DO21" s="184">
        <v>1</v>
      </c>
      <c r="DP21" s="182">
        <v>0</v>
      </c>
      <c r="DQ21" s="185">
        <v>1</v>
      </c>
      <c r="DR21" s="187">
        <v>1</v>
      </c>
      <c r="DS21" s="188">
        <v>0</v>
      </c>
      <c r="DT21" s="182">
        <v>0</v>
      </c>
      <c r="DU21" s="182">
        <v>0</v>
      </c>
      <c r="DV21" s="183">
        <v>33</v>
      </c>
      <c r="DW21" s="184">
        <v>86</v>
      </c>
      <c r="DX21" s="184">
        <v>302</v>
      </c>
      <c r="DY21" s="184">
        <v>538</v>
      </c>
      <c r="DZ21" s="182">
        <v>352</v>
      </c>
      <c r="EA21" s="185">
        <v>1311</v>
      </c>
      <c r="EB21" s="187">
        <v>1311</v>
      </c>
      <c r="EC21" s="32"/>
    </row>
    <row r="22" spans="2:133" ht="21" customHeight="1" x14ac:dyDescent="0.2">
      <c r="B22" s="468" t="s">
        <v>19</v>
      </c>
      <c r="C22" s="181">
        <v>0</v>
      </c>
      <c r="D22" s="182">
        <v>0</v>
      </c>
      <c r="E22" s="182">
        <v>0</v>
      </c>
      <c r="F22" s="183">
        <v>1</v>
      </c>
      <c r="G22" s="184">
        <v>5</v>
      </c>
      <c r="H22" s="184">
        <v>113</v>
      </c>
      <c r="I22" s="184">
        <v>119</v>
      </c>
      <c r="J22" s="182">
        <v>115</v>
      </c>
      <c r="K22" s="185">
        <v>353</v>
      </c>
      <c r="L22" s="186">
        <v>353</v>
      </c>
      <c r="M22" s="181">
        <v>0</v>
      </c>
      <c r="N22" s="182">
        <v>0</v>
      </c>
      <c r="O22" s="185">
        <v>0</v>
      </c>
      <c r="P22" s="183">
        <v>1</v>
      </c>
      <c r="Q22" s="184">
        <v>5</v>
      </c>
      <c r="R22" s="184">
        <v>112</v>
      </c>
      <c r="S22" s="184">
        <v>119</v>
      </c>
      <c r="T22" s="182">
        <v>115</v>
      </c>
      <c r="U22" s="185">
        <v>352</v>
      </c>
      <c r="V22" s="187">
        <v>352</v>
      </c>
      <c r="W22" s="188">
        <v>0</v>
      </c>
      <c r="X22" s="182">
        <v>0</v>
      </c>
      <c r="Y22" s="185">
        <v>0</v>
      </c>
      <c r="Z22" s="188">
        <v>0</v>
      </c>
      <c r="AA22" s="184">
        <v>0</v>
      </c>
      <c r="AB22" s="184">
        <v>1</v>
      </c>
      <c r="AC22" s="184">
        <v>0</v>
      </c>
      <c r="AD22" s="182">
        <v>0</v>
      </c>
      <c r="AE22" s="185">
        <v>1</v>
      </c>
      <c r="AF22" s="189">
        <v>1</v>
      </c>
      <c r="AG22" s="188">
        <v>0</v>
      </c>
      <c r="AH22" s="182">
        <v>0</v>
      </c>
      <c r="AI22" s="185">
        <v>0</v>
      </c>
      <c r="AJ22" s="188">
        <v>17</v>
      </c>
      <c r="AK22" s="184">
        <v>46</v>
      </c>
      <c r="AL22" s="184">
        <v>64</v>
      </c>
      <c r="AM22" s="184">
        <v>63</v>
      </c>
      <c r="AN22" s="182">
        <v>15</v>
      </c>
      <c r="AO22" s="185">
        <v>205</v>
      </c>
      <c r="AP22" s="189">
        <v>205</v>
      </c>
      <c r="AQ22" s="188">
        <v>0</v>
      </c>
      <c r="AR22" s="182">
        <v>0</v>
      </c>
      <c r="AS22" s="185">
        <v>0</v>
      </c>
      <c r="AT22" s="183">
        <v>17</v>
      </c>
      <c r="AU22" s="184">
        <v>46</v>
      </c>
      <c r="AV22" s="184">
        <v>63</v>
      </c>
      <c r="AW22" s="184">
        <v>61</v>
      </c>
      <c r="AX22" s="182">
        <v>14</v>
      </c>
      <c r="AY22" s="185">
        <v>201</v>
      </c>
      <c r="AZ22" s="186">
        <v>201</v>
      </c>
      <c r="BA22" s="181">
        <v>0</v>
      </c>
      <c r="BB22" s="182">
        <v>0</v>
      </c>
      <c r="BC22" s="182">
        <v>0</v>
      </c>
      <c r="BD22" s="183">
        <v>0</v>
      </c>
      <c r="BE22" s="184">
        <v>0</v>
      </c>
      <c r="BF22" s="184">
        <v>1</v>
      </c>
      <c r="BG22" s="184">
        <v>2</v>
      </c>
      <c r="BH22" s="182">
        <v>1</v>
      </c>
      <c r="BI22" s="185">
        <v>4</v>
      </c>
      <c r="BJ22" s="187">
        <v>4</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0</v>
      </c>
      <c r="CT22" s="184">
        <v>0</v>
      </c>
      <c r="CU22" s="184">
        <v>4</v>
      </c>
      <c r="CV22" s="182">
        <v>7</v>
      </c>
      <c r="CW22" s="185">
        <v>11</v>
      </c>
      <c r="CX22" s="186">
        <v>11</v>
      </c>
      <c r="CY22" s="181">
        <v>0</v>
      </c>
      <c r="CZ22" s="182">
        <v>0</v>
      </c>
      <c r="DA22" s="182">
        <v>0</v>
      </c>
      <c r="DB22" s="183">
        <v>0</v>
      </c>
      <c r="DC22" s="184">
        <v>0</v>
      </c>
      <c r="DD22" s="184">
        <v>0</v>
      </c>
      <c r="DE22" s="184">
        <v>4</v>
      </c>
      <c r="DF22" s="182">
        <v>7</v>
      </c>
      <c r="DG22" s="185">
        <v>11</v>
      </c>
      <c r="DH22" s="187">
        <v>11</v>
      </c>
      <c r="DI22" s="188">
        <v>0</v>
      </c>
      <c r="DJ22" s="182">
        <v>0</v>
      </c>
      <c r="DK22" s="182">
        <v>0</v>
      </c>
      <c r="DL22" s="183">
        <v>0</v>
      </c>
      <c r="DM22" s="184">
        <v>0</v>
      </c>
      <c r="DN22" s="184">
        <v>0</v>
      </c>
      <c r="DO22" s="184">
        <v>0</v>
      </c>
      <c r="DP22" s="182">
        <v>0</v>
      </c>
      <c r="DQ22" s="185">
        <v>0</v>
      </c>
      <c r="DR22" s="187">
        <v>0</v>
      </c>
      <c r="DS22" s="188">
        <v>0</v>
      </c>
      <c r="DT22" s="182">
        <v>0</v>
      </c>
      <c r="DU22" s="182">
        <v>0</v>
      </c>
      <c r="DV22" s="183">
        <v>18</v>
      </c>
      <c r="DW22" s="184">
        <v>51</v>
      </c>
      <c r="DX22" s="184">
        <v>175</v>
      </c>
      <c r="DY22" s="184">
        <v>186</v>
      </c>
      <c r="DZ22" s="182">
        <v>135</v>
      </c>
      <c r="EA22" s="185">
        <v>565</v>
      </c>
      <c r="EB22" s="187">
        <v>565</v>
      </c>
      <c r="EC22" s="32"/>
    </row>
    <row r="23" spans="2:133" ht="21" customHeight="1" x14ac:dyDescent="0.2">
      <c r="B23" s="468" t="s">
        <v>20</v>
      </c>
      <c r="C23" s="181">
        <v>0</v>
      </c>
      <c r="D23" s="182">
        <v>0</v>
      </c>
      <c r="E23" s="182">
        <v>0</v>
      </c>
      <c r="F23" s="183">
        <v>4</v>
      </c>
      <c r="G23" s="184">
        <v>26</v>
      </c>
      <c r="H23" s="184">
        <v>134</v>
      </c>
      <c r="I23" s="184">
        <v>217</v>
      </c>
      <c r="J23" s="182">
        <v>102</v>
      </c>
      <c r="K23" s="185">
        <v>483</v>
      </c>
      <c r="L23" s="186">
        <v>483</v>
      </c>
      <c r="M23" s="181">
        <v>0</v>
      </c>
      <c r="N23" s="182">
        <v>0</v>
      </c>
      <c r="O23" s="185">
        <v>0</v>
      </c>
      <c r="P23" s="183">
        <v>4</v>
      </c>
      <c r="Q23" s="184">
        <v>26</v>
      </c>
      <c r="R23" s="184">
        <v>133</v>
      </c>
      <c r="S23" s="184">
        <v>214</v>
      </c>
      <c r="T23" s="182">
        <v>100</v>
      </c>
      <c r="U23" s="185">
        <v>477</v>
      </c>
      <c r="V23" s="187">
        <v>477</v>
      </c>
      <c r="W23" s="188">
        <v>0</v>
      </c>
      <c r="X23" s="182">
        <v>0</v>
      </c>
      <c r="Y23" s="185">
        <v>0</v>
      </c>
      <c r="Z23" s="188">
        <v>0</v>
      </c>
      <c r="AA23" s="184">
        <v>0</v>
      </c>
      <c r="AB23" s="184">
        <v>1</v>
      </c>
      <c r="AC23" s="184">
        <v>3</v>
      </c>
      <c r="AD23" s="182">
        <v>2</v>
      </c>
      <c r="AE23" s="185">
        <v>6</v>
      </c>
      <c r="AF23" s="189">
        <v>6</v>
      </c>
      <c r="AG23" s="188">
        <v>0</v>
      </c>
      <c r="AH23" s="182">
        <v>0</v>
      </c>
      <c r="AI23" s="185">
        <v>0</v>
      </c>
      <c r="AJ23" s="188">
        <v>20</v>
      </c>
      <c r="AK23" s="184">
        <v>37</v>
      </c>
      <c r="AL23" s="184">
        <v>43</v>
      </c>
      <c r="AM23" s="184">
        <v>55</v>
      </c>
      <c r="AN23" s="182">
        <v>23</v>
      </c>
      <c r="AO23" s="185">
        <v>178</v>
      </c>
      <c r="AP23" s="189">
        <v>178</v>
      </c>
      <c r="AQ23" s="188">
        <v>0</v>
      </c>
      <c r="AR23" s="182">
        <v>0</v>
      </c>
      <c r="AS23" s="185">
        <v>0</v>
      </c>
      <c r="AT23" s="183">
        <v>19</v>
      </c>
      <c r="AU23" s="184">
        <v>37</v>
      </c>
      <c r="AV23" s="184">
        <v>43</v>
      </c>
      <c r="AW23" s="184">
        <v>54</v>
      </c>
      <c r="AX23" s="182">
        <v>23</v>
      </c>
      <c r="AY23" s="185">
        <v>176</v>
      </c>
      <c r="AZ23" s="186">
        <v>176</v>
      </c>
      <c r="BA23" s="181">
        <v>0</v>
      </c>
      <c r="BB23" s="182">
        <v>0</v>
      </c>
      <c r="BC23" s="182">
        <v>0</v>
      </c>
      <c r="BD23" s="183">
        <v>1</v>
      </c>
      <c r="BE23" s="184">
        <v>0</v>
      </c>
      <c r="BF23" s="184">
        <v>0</v>
      </c>
      <c r="BG23" s="184">
        <v>1</v>
      </c>
      <c r="BH23" s="182">
        <v>0</v>
      </c>
      <c r="BI23" s="185">
        <v>2</v>
      </c>
      <c r="BJ23" s="187">
        <v>2</v>
      </c>
      <c r="BK23" s="188">
        <v>0</v>
      </c>
      <c r="BL23" s="182">
        <v>0</v>
      </c>
      <c r="BM23" s="182">
        <v>0</v>
      </c>
      <c r="BN23" s="183">
        <v>0</v>
      </c>
      <c r="BO23" s="184">
        <v>0</v>
      </c>
      <c r="BP23" s="184">
        <v>0</v>
      </c>
      <c r="BQ23" s="184">
        <v>1</v>
      </c>
      <c r="BR23" s="182">
        <v>0</v>
      </c>
      <c r="BS23" s="185">
        <v>1</v>
      </c>
      <c r="BT23" s="186">
        <v>1</v>
      </c>
      <c r="BU23" s="181">
        <v>0</v>
      </c>
      <c r="BV23" s="182">
        <v>0</v>
      </c>
      <c r="BW23" s="182">
        <v>0</v>
      </c>
      <c r="BX23" s="183">
        <v>0</v>
      </c>
      <c r="BY23" s="184">
        <v>0</v>
      </c>
      <c r="BZ23" s="184">
        <v>0</v>
      </c>
      <c r="CA23" s="184">
        <v>1</v>
      </c>
      <c r="CB23" s="182">
        <v>0</v>
      </c>
      <c r="CC23" s="185">
        <v>1</v>
      </c>
      <c r="CD23" s="187">
        <v>1</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2</v>
      </c>
      <c r="CV23" s="182">
        <v>3</v>
      </c>
      <c r="CW23" s="185">
        <v>5</v>
      </c>
      <c r="CX23" s="186">
        <v>5</v>
      </c>
      <c r="CY23" s="181">
        <v>0</v>
      </c>
      <c r="CZ23" s="182">
        <v>0</v>
      </c>
      <c r="DA23" s="182">
        <v>0</v>
      </c>
      <c r="DB23" s="183">
        <v>0</v>
      </c>
      <c r="DC23" s="184">
        <v>0</v>
      </c>
      <c r="DD23" s="184">
        <v>0</v>
      </c>
      <c r="DE23" s="184">
        <v>2</v>
      </c>
      <c r="DF23" s="182">
        <v>3</v>
      </c>
      <c r="DG23" s="185">
        <v>5</v>
      </c>
      <c r="DH23" s="187">
        <v>5</v>
      </c>
      <c r="DI23" s="188">
        <v>0</v>
      </c>
      <c r="DJ23" s="182">
        <v>0</v>
      </c>
      <c r="DK23" s="182">
        <v>0</v>
      </c>
      <c r="DL23" s="183">
        <v>0</v>
      </c>
      <c r="DM23" s="184">
        <v>0</v>
      </c>
      <c r="DN23" s="184">
        <v>0</v>
      </c>
      <c r="DO23" s="184">
        <v>0</v>
      </c>
      <c r="DP23" s="182">
        <v>0</v>
      </c>
      <c r="DQ23" s="185">
        <v>0</v>
      </c>
      <c r="DR23" s="187">
        <v>0</v>
      </c>
      <c r="DS23" s="188">
        <v>0</v>
      </c>
      <c r="DT23" s="182">
        <v>0</v>
      </c>
      <c r="DU23" s="182">
        <v>0</v>
      </c>
      <c r="DV23" s="183">
        <v>24</v>
      </c>
      <c r="DW23" s="184">
        <v>63</v>
      </c>
      <c r="DX23" s="184">
        <v>177</v>
      </c>
      <c r="DY23" s="184">
        <v>275</v>
      </c>
      <c r="DZ23" s="182">
        <v>128</v>
      </c>
      <c r="EA23" s="185">
        <v>667</v>
      </c>
      <c r="EB23" s="187">
        <v>667</v>
      </c>
      <c r="EC23" s="32"/>
    </row>
    <row r="24" spans="2:133" ht="21" customHeight="1" x14ac:dyDescent="0.2">
      <c r="B24" s="468" t="s">
        <v>21</v>
      </c>
      <c r="C24" s="181">
        <v>0</v>
      </c>
      <c r="D24" s="182">
        <v>0</v>
      </c>
      <c r="E24" s="182">
        <v>0</v>
      </c>
      <c r="F24" s="183">
        <v>4</v>
      </c>
      <c r="G24" s="184">
        <v>15</v>
      </c>
      <c r="H24" s="184">
        <v>198</v>
      </c>
      <c r="I24" s="184">
        <v>217</v>
      </c>
      <c r="J24" s="182">
        <v>163</v>
      </c>
      <c r="K24" s="185">
        <v>597</v>
      </c>
      <c r="L24" s="186">
        <v>597</v>
      </c>
      <c r="M24" s="181">
        <v>0</v>
      </c>
      <c r="N24" s="182">
        <v>0</v>
      </c>
      <c r="O24" s="185">
        <v>0</v>
      </c>
      <c r="P24" s="183">
        <v>3</v>
      </c>
      <c r="Q24" s="184">
        <v>15</v>
      </c>
      <c r="R24" s="184">
        <v>197</v>
      </c>
      <c r="S24" s="184">
        <v>217</v>
      </c>
      <c r="T24" s="182">
        <v>161</v>
      </c>
      <c r="U24" s="185">
        <v>593</v>
      </c>
      <c r="V24" s="187">
        <v>593</v>
      </c>
      <c r="W24" s="188">
        <v>0</v>
      </c>
      <c r="X24" s="182">
        <v>0</v>
      </c>
      <c r="Y24" s="185">
        <v>0</v>
      </c>
      <c r="Z24" s="188">
        <v>1</v>
      </c>
      <c r="AA24" s="184">
        <v>0</v>
      </c>
      <c r="AB24" s="184">
        <v>1</v>
      </c>
      <c r="AC24" s="184">
        <v>0</v>
      </c>
      <c r="AD24" s="182">
        <v>2</v>
      </c>
      <c r="AE24" s="185">
        <v>4</v>
      </c>
      <c r="AF24" s="189">
        <v>4</v>
      </c>
      <c r="AG24" s="188">
        <v>0</v>
      </c>
      <c r="AH24" s="182">
        <v>0</v>
      </c>
      <c r="AI24" s="185">
        <v>0</v>
      </c>
      <c r="AJ24" s="188">
        <v>22</v>
      </c>
      <c r="AK24" s="184">
        <v>30</v>
      </c>
      <c r="AL24" s="184">
        <v>51</v>
      </c>
      <c r="AM24" s="184">
        <v>45</v>
      </c>
      <c r="AN24" s="182">
        <v>24</v>
      </c>
      <c r="AO24" s="185">
        <v>172</v>
      </c>
      <c r="AP24" s="189">
        <v>172</v>
      </c>
      <c r="AQ24" s="188">
        <v>0</v>
      </c>
      <c r="AR24" s="182">
        <v>0</v>
      </c>
      <c r="AS24" s="185">
        <v>0</v>
      </c>
      <c r="AT24" s="183">
        <v>22</v>
      </c>
      <c r="AU24" s="184">
        <v>30</v>
      </c>
      <c r="AV24" s="184">
        <v>50</v>
      </c>
      <c r="AW24" s="184">
        <v>41</v>
      </c>
      <c r="AX24" s="182">
        <v>22</v>
      </c>
      <c r="AY24" s="185">
        <v>165</v>
      </c>
      <c r="AZ24" s="186">
        <v>165</v>
      </c>
      <c r="BA24" s="181">
        <v>0</v>
      </c>
      <c r="BB24" s="182">
        <v>0</v>
      </c>
      <c r="BC24" s="182">
        <v>0</v>
      </c>
      <c r="BD24" s="183">
        <v>0</v>
      </c>
      <c r="BE24" s="184">
        <v>0</v>
      </c>
      <c r="BF24" s="184">
        <v>1</v>
      </c>
      <c r="BG24" s="184">
        <v>4</v>
      </c>
      <c r="BH24" s="182">
        <v>2</v>
      </c>
      <c r="BI24" s="185">
        <v>7</v>
      </c>
      <c r="BJ24" s="187">
        <v>7</v>
      </c>
      <c r="BK24" s="188">
        <v>0</v>
      </c>
      <c r="BL24" s="182">
        <v>0</v>
      </c>
      <c r="BM24" s="182">
        <v>0</v>
      </c>
      <c r="BN24" s="183">
        <v>0</v>
      </c>
      <c r="BO24" s="184">
        <v>0</v>
      </c>
      <c r="BP24" s="184">
        <v>0</v>
      </c>
      <c r="BQ24" s="184">
        <v>1</v>
      </c>
      <c r="BR24" s="182">
        <v>4</v>
      </c>
      <c r="BS24" s="185">
        <v>5</v>
      </c>
      <c r="BT24" s="186">
        <v>5</v>
      </c>
      <c r="BU24" s="181">
        <v>0</v>
      </c>
      <c r="BV24" s="182">
        <v>0</v>
      </c>
      <c r="BW24" s="182">
        <v>0</v>
      </c>
      <c r="BX24" s="183">
        <v>0</v>
      </c>
      <c r="BY24" s="184">
        <v>0</v>
      </c>
      <c r="BZ24" s="184">
        <v>0</v>
      </c>
      <c r="CA24" s="184">
        <v>1</v>
      </c>
      <c r="CB24" s="182">
        <v>4</v>
      </c>
      <c r="CC24" s="185">
        <v>5</v>
      </c>
      <c r="CD24" s="187">
        <v>5</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9</v>
      </c>
      <c r="CV24" s="182">
        <v>19</v>
      </c>
      <c r="CW24" s="185">
        <v>29</v>
      </c>
      <c r="CX24" s="186">
        <v>29</v>
      </c>
      <c r="CY24" s="181">
        <v>0</v>
      </c>
      <c r="CZ24" s="182">
        <v>0</v>
      </c>
      <c r="DA24" s="182">
        <v>0</v>
      </c>
      <c r="DB24" s="183">
        <v>0</v>
      </c>
      <c r="DC24" s="184">
        <v>0</v>
      </c>
      <c r="DD24" s="184">
        <v>1</v>
      </c>
      <c r="DE24" s="184">
        <v>9</v>
      </c>
      <c r="DF24" s="182">
        <v>19</v>
      </c>
      <c r="DG24" s="185">
        <v>29</v>
      </c>
      <c r="DH24" s="187">
        <v>29</v>
      </c>
      <c r="DI24" s="188">
        <v>0</v>
      </c>
      <c r="DJ24" s="182">
        <v>0</v>
      </c>
      <c r="DK24" s="182">
        <v>0</v>
      </c>
      <c r="DL24" s="183">
        <v>0</v>
      </c>
      <c r="DM24" s="184">
        <v>0</v>
      </c>
      <c r="DN24" s="184">
        <v>0</v>
      </c>
      <c r="DO24" s="184">
        <v>0</v>
      </c>
      <c r="DP24" s="182">
        <v>0</v>
      </c>
      <c r="DQ24" s="185">
        <v>0</v>
      </c>
      <c r="DR24" s="187">
        <v>0</v>
      </c>
      <c r="DS24" s="188">
        <v>0</v>
      </c>
      <c r="DT24" s="182">
        <v>0</v>
      </c>
      <c r="DU24" s="182">
        <v>0</v>
      </c>
      <c r="DV24" s="183">
        <v>26</v>
      </c>
      <c r="DW24" s="184">
        <v>45</v>
      </c>
      <c r="DX24" s="184">
        <v>250</v>
      </c>
      <c r="DY24" s="184">
        <v>272</v>
      </c>
      <c r="DZ24" s="182">
        <v>210</v>
      </c>
      <c r="EA24" s="185">
        <v>803</v>
      </c>
      <c r="EB24" s="187">
        <v>803</v>
      </c>
      <c r="EC24" s="32"/>
    </row>
    <row r="25" spans="2:133" ht="21" customHeight="1" x14ac:dyDescent="0.2">
      <c r="B25" s="468" t="s">
        <v>22</v>
      </c>
      <c r="C25" s="181">
        <v>0</v>
      </c>
      <c r="D25" s="182">
        <v>0</v>
      </c>
      <c r="E25" s="182">
        <v>0</v>
      </c>
      <c r="F25" s="183">
        <v>3</v>
      </c>
      <c r="G25" s="184">
        <v>7</v>
      </c>
      <c r="H25" s="184">
        <v>54</v>
      </c>
      <c r="I25" s="184">
        <v>62</v>
      </c>
      <c r="J25" s="182">
        <v>33</v>
      </c>
      <c r="K25" s="185">
        <v>159</v>
      </c>
      <c r="L25" s="186">
        <v>159</v>
      </c>
      <c r="M25" s="181">
        <v>0</v>
      </c>
      <c r="N25" s="182">
        <v>0</v>
      </c>
      <c r="O25" s="185">
        <v>0</v>
      </c>
      <c r="P25" s="183">
        <v>3</v>
      </c>
      <c r="Q25" s="184">
        <v>7</v>
      </c>
      <c r="R25" s="184">
        <v>54</v>
      </c>
      <c r="S25" s="184">
        <v>62</v>
      </c>
      <c r="T25" s="182">
        <v>32</v>
      </c>
      <c r="U25" s="185">
        <v>158</v>
      </c>
      <c r="V25" s="187">
        <v>158</v>
      </c>
      <c r="W25" s="188">
        <v>0</v>
      </c>
      <c r="X25" s="182">
        <v>0</v>
      </c>
      <c r="Y25" s="185">
        <v>0</v>
      </c>
      <c r="Z25" s="188">
        <v>0</v>
      </c>
      <c r="AA25" s="184">
        <v>0</v>
      </c>
      <c r="AB25" s="184">
        <v>0</v>
      </c>
      <c r="AC25" s="184">
        <v>0</v>
      </c>
      <c r="AD25" s="182">
        <v>1</v>
      </c>
      <c r="AE25" s="185">
        <v>1</v>
      </c>
      <c r="AF25" s="189">
        <v>1</v>
      </c>
      <c r="AG25" s="188">
        <v>0</v>
      </c>
      <c r="AH25" s="182">
        <v>0</v>
      </c>
      <c r="AI25" s="185">
        <v>0</v>
      </c>
      <c r="AJ25" s="188">
        <v>9</v>
      </c>
      <c r="AK25" s="184">
        <v>26</v>
      </c>
      <c r="AL25" s="184">
        <v>27</v>
      </c>
      <c r="AM25" s="184">
        <v>39</v>
      </c>
      <c r="AN25" s="182">
        <v>16</v>
      </c>
      <c r="AO25" s="185">
        <v>117</v>
      </c>
      <c r="AP25" s="189">
        <v>117</v>
      </c>
      <c r="AQ25" s="188">
        <v>0</v>
      </c>
      <c r="AR25" s="182">
        <v>0</v>
      </c>
      <c r="AS25" s="185">
        <v>0</v>
      </c>
      <c r="AT25" s="183">
        <v>9</v>
      </c>
      <c r="AU25" s="184">
        <v>26</v>
      </c>
      <c r="AV25" s="184">
        <v>27</v>
      </c>
      <c r="AW25" s="184">
        <v>39</v>
      </c>
      <c r="AX25" s="182">
        <v>16</v>
      </c>
      <c r="AY25" s="185">
        <v>117</v>
      </c>
      <c r="AZ25" s="186">
        <v>117</v>
      </c>
      <c r="BA25" s="181">
        <v>0</v>
      </c>
      <c r="BB25" s="182">
        <v>0</v>
      </c>
      <c r="BC25" s="182">
        <v>0</v>
      </c>
      <c r="BD25" s="183">
        <v>0</v>
      </c>
      <c r="BE25" s="184">
        <v>0</v>
      </c>
      <c r="BF25" s="184">
        <v>0</v>
      </c>
      <c r="BG25" s="184">
        <v>0</v>
      </c>
      <c r="BH25" s="182">
        <v>0</v>
      </c>
      <c r="BI25" s="185">
        <v>0</v>
      </c>
      <c r="BJ25" s="187">
        <v>0</v>
      </c>
      <c r="BK25" s="188">
        <v>0</v>
      </c>
      <c r="BL25" s="182">
        <v>0</v>
      </c>
      <c r="BM25" s="182">
        <v>0</v>
      </c>
      <c r="BN25" s="183">
        <v>0</v>
      </c>
      <c r="BO25" s="184">
        <v>0</v>
      </c>
      <c r="BP25" s="184">
        <v>0</v>
      </c>
      <c r="BQ25" s="184">
        <v>0</v>
      </c>
      <c r="BR25" s="182">
        <v>0</v>
      </c>
      <c r="BS25" s="185">
        <v>0</v>
      </c>
      <c r="BT25" s="186">
        <v>0</v>
      </c>
      <c r="BU25" s="181">
        <v>0</v>
      </c>
      <c r="BV25" s="182">
        <v>0</v>
      </c>
      <c r="BW25" s="182">
        <v>0</v>
      </c>
      <c r="BX25" s="183">
        <v>0</v>
      </c>
      <c r="BY25" s="184">
        <v>0</v>
      </c>
      <c r="BZ25" s="184">
        <v>0</v>
      </c>
      <c r="CA25" s="184">
        <v>0</v>
      </c>
      <c r="CB25" s="182">
        <v>0</v>
      </c>
      <c r="CC25" s="185">
        <v>0</v>
      </c>
      <c r="CD25" s="187">
        <v>0</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8</v>
      </c>
      <c r="CV25" s="182">
        <v>3</v>
      </c>
      <c r="CW25" s="185">
        <v>11</v>
      </c>
      <c r="CX25" s="186">
        <v>11</v>
      </c>
      <c r="CY25" s="181">
        <v>0</v>
      </c>
      <c r="CZ25" s="182">
        <v>0</v>
      </c>
      <c r="DA25" s="182">
        <v>0</v>
      </c>
      <c r="DB25" s="183">
        <v>0</v>
      </c>
      <c r="DC25" s="184">
        <v>0</v>
      </c>
      <c r="DD25" s="184">
        <v>0</v>
      </c>
      <c r="DE25" s="184">
        <v>8</v>
      </c>
      <c r="DF25" s="182">
        <v>1</v>
      </c>
      <c r="DG25" s="185">
        <v>9</v>
      </c>
      <c r="DH25" s="187">
        <v>9</v>
      </c>
      <c r="DI25" s="188">
        <v>0</v>
      </c>
      <c r="DJ25" s="182">
        <v>0</v>
      </c>
      <c r="DK25" s="182">
        <v>0</v>
      </c>
      <c r="DL25" s="183">
        <v>0</v>
      </c>
      <c r="DM25" s="184">
        <v>0</v>
      </c>
      <c r="DN25" s="184">
        <v>0</v>
      </c>
      <c r="DO25" s="184">
        <v>0</v>
      </c>
      <c r="DP25" s="182">
        <v>2</v>
      </c>
      <c r="DQ25" s="185">
        <v>2</v>
      </c>
      <c r="DR25" s="187">
        <v>2</v>
      </c>
      <c r="DS25" s="188">
        <v>0</v>
      </c>
      <c r="DT25" s="182">
        <v>0</v>
      </c>
      <c r="DU25" s="182">
        <v>0</v>
      </c>
      <c r="DV25" s="183">
        <v>12</v>
      </c>
      <c r="DW25" s="184">
        <v>33</v>
      </c>
      <c r="DX25" s="184">
        <v>81</v>
      </c>
      <c r="DY25" s="184">
        <v>109</v>
      </c>
      <c r="DZ25" s="182">
        <v>52</v>
      </c>
      <c r="EA25" s="185">
        <v>287</v>
      </c>
      <c r="EB25" s="187">
        <v>287</v>
      </c>
      <c r="EC25" s="32"/>
    </row>
    <row r="26" spans="2:133" ht="21" customHeight="1" x14ac:dyDescent="0.2">
      <c r="B26" s="468" t="s">
        <v>23</v>
      </c>
      <c r="C26" s="181">
        <v>0</v>
      </c>
      <c r="D26" s="182">
        <v>0</v>
      </c>
      <c r="E26" s="182">
        <v>0</v>
      </c>
      <c r="F26" s="183">
        <v>2</v>
      </c>
      <c r="G26" s="184">
        <v>12</v>
      </c>
      <c r="H26" s="184">
        <v>90</v>
      </c>
      <c r="I26" s="184">
        <v>132</v>
      </c>
      <c r="J26" s="182">
        <v>85</v>
      </c>
      <c r="K26" s="185">
        <v>321</v>
      </c>
      <c r="L26" s="186">
        <v>321</v>
      </c>
      <c r="M26" s="181">
        <v>0</v>
      </c>
      <c r="N26" s="182">
        <v>0</v>
      </c>
      <c r="O26" s="185">
        <v>0</v>
      </c>
      <c r="P26" s="183">
        <v>2</v>
      </c>
      <c r="Q26" s="184">
        <v>12</v>
      </c>
      <c r="R26" s="184">
        <v>90</v>
      </c>
      <c r="S26" s="184">
        <v>131</v>
      </c>
      <c r="T26" s="182">
        <v>85</v>
      </c>
      <c r="U26" s="185">
        <v>320</v>
      </c>
      <c r="V26" s="187">
        <v>320</v>
      </c>
      <c r="W26" s="188">
        <v>0</v>
      </c>
      <c r="X26" s="182">
        <v>0</v>
      </c>
      <c r="Y26" s="185">
        <v>0</v>
      </c>
      <c r="Z26" s="188">
        <v>0</v>
      </c>
      <c r="AA26" s="184">
        <v>0</v>
      </c>
      <c r="AB26" s="184">
        <v>0</v>
      </c>
      <c r="AC26" s="184">
        <v>1</v>
      </c>
      <c r="AD26" s="182">
        <v>0</v>
      </c>
      <c r="AE26" s="185">
        <v>1</v>
      </c>
      <c r="AF26" s="189">
        <v>1</v>
      </c>
      <c r="AG26" s="188">
        <v>0</v>
      </c>
      <c r="AH26" s="182">
        <v>0</v>
      </c>
      <c r="AI26" s="185">
        <v>0</v>
      </c>
      <c r="AJ26" s="188">
        <v>13</v>
      </c>
      <c r="AK26" s="184">
        <v>25</v>
      </c>
      <c r="AL26" s="184">
        <v>39</v>
      </c>
      <c r="AM26" s="184">
        <v>58</v>
      </c>
      <c r="AN26" s="182">
        <v>28</v>
      </c>
      <c r="AO26" s="185">
        <v>163</v>
      </c>
      <c r="AP26" s="189">
        <v>163</v>
      </c>
      <c r="AQ26" s="188">
        <v>0</v>
      </c>
      <c r="AR26" s="182">
        <v>0</v>
      </c>
      <c r="AS26" s="185">
        <v>0</v>
      </c>
      <c r="AT26" s="183">
        <v>13</v>
      </c>
      <c r="AU26" s="184">
        <v>25</v>
      </c>
      <c r="AV26" s="184">
        <v>39</v>
      </c>
      <c r="AW26" s="184">
        <v>58</v>
      </c>
      <c r="AX26" s="182">
        <v>27</v>
      </c>
      <c r="AY26" s="185">
        <v>162</v>
      </c>
      <c r="AZ26" s="186">
        <v>162</v>
      </c>
      <c r="BA26" s="181">
        <v>0</v>
      </c>
      <c r="BB26" s="182">
        <v>0</v>
      </c>
      <c r="BC26" s="182">
        <v>0</v>
      </c>
      <c r="BD26" s="183">
        <v>0</v>
      </c>
      <c r="BE26" s="184">
        <v>0</v>
      </c>
      <c r="BF26" s="184">
        <v>0</v>
      </c>
      <c r="BG26" s="184">
        <v>0</v>
      </c>
      <c r="BH26" s="182">
        <v>1</v>
      </c>
      <c r="BI26" s="185">
        <v>1</v>
      </c>
      <c r="BJ26" s="187">
        <v>1</v>
      </c>
      <c r="BK26" s="188">
        <v>0</v>
      </c>
      <c r="BL26" s="182">
        <v>0</v>
      </c>
      <c r="BM26" s="182">
        <v>0</v>
      </c>
      <c r="BN26" s="183">
        <v>0</v>
      </c>
      <c r="BO26" s="184">
        <v>0</v>
      </c>
      <c r="BP26" s="184">
        <v>0</v>
      </c>
      <c r="BQ26" s="184">
        <v>0</v>
      </c>
      <c r="BR26" s="182">
        <v>2</v>
      </c>
      <c r="BS26" s="185">
        <v>2</v>
      </c>
      <c r="BT26" s="186">
        <v>2</v>
      </c>
      <c r="BU26" s="181">
        <v>0</v>
      </c>
      <c r="BV26" s="182">
        <v>0</v>
      </c>
      <c r="BW26" s="182">
        <v>0</v>
      </c>
      <c r="BX26" s="183">
        <v>0</v>
      </c>
      <c r="BY26" s="184">
        <v>0</v>
      </c>
      <c r="BZ26" s="184">
        <v>0</v>
      </c>
      <c r="CA26" s="184">
        <v>0</v>
      </c>
      <c r="CB26" s="182">
        <v>2</v>
      </c>
      <c r="CC26" s="185">
        <v>2</v>
      </c>
      <c r="CD26" s="187">
        <v>2</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10</v>
      </c>
      <c r="CW26" s="185">
        <v>13</v>
      </c>
      <c r="CX26" s="186">
        <v>13</v>
      </c>
      <c r="CY26" s="181">
        <v>0</v>
      </c>
      <c r="CZ26" s="182">
        <v>0</v>
      </c>
      <c r="DA26" s="182">
        <v>0</v>
      </c>
      <c r="DB26" s="183">
        <v>0</v>
      </c>
      <c r="DC26" s="184">
        <v>0</v>
      </c>
      <c r="DD26" s="184">
        <v>0</v>
      </c>
      <c r="DE26" s="184">
        <v>3</v>
      </c>
      <c r="DF26" s="182">
        <v>10</v>
      </c>
      <c r="DG26" s="185">
        <v>13</v>
      </c>
      <c r="DH26" s="187">
        <v>13</v>
      </c>
      <c r="DI26" s="188">
        <v>0</v>
      </c>
      <c r="DJ26" s="182">
        <v>0</v>
      </c>
      <c r="DK26" s="182">
        <v>0</v>
      </c>
      <c r="DL26" s="183">
        <v>0</v>
      </c>
      <c r="DM26" s="184">
        <v>0</v>
      </c>
      <c r="DN26" s="184">
        <v>0</v>
      </c>
      <c r="DO26" s="184">
        <v>0</v>
      </c>
      <c r="DP26" s="182">
        <v>0</v>
      </c>
      <c r="DQ26" s="185">
        <v>0</v>
      </c>
      <c r="DR26" s="187">
        <v>0</v>
      </c>
      <c r="DS26" s="188">
        <v>0</v>
      </c>
      <c r="DT26" s="182">
        <v>0</v>
      </c>
      <c r="DU26" s="182">
        <v>0</v>
      </c>
      <c r="DV26" s="183">
        <v>15</v>
      </c>
      <c r="DW26" s="184">
        <v>37</v>
      </c>
      <c r="DX26" s="184">
        <v>129</v>
      </c>
      <c r="DY26" s="184">
        <v>193</v>
      </c>
      <c r="DZ26" s="182">
        <v>125</v>
      </c>
      <c r="EA26" s="185">
        <v>499</v>
      </c>
      <c r="EB26" s="187">
        <v>499</v>
      </c>
      <c r="EC26" s="32"/>
    </row>
    <row r="27" spans="2:133" ht="21" customHeight="1" x14ac:dyDescent="0.2">
      <c r="B27" s="468" t="s">
        <v>24</v>
      </c>
      <c r="C27" s="181">
        <v>0</v>
      </c>
      <c r="D27" s="182">
        <v>0</v>
      </c>
      <c r="E27" s="182">
        <v>0</v>
      </c>
      <c r="F27" s="183">
        <v>0</v>
      </c>
      <c r="G27" s="184">
        <v>0</v>
      </c>
      <c r="H27" s="184">
        <v>27</v>
      </c>
      <c r="I27" s="184">
        <v>90</v>
      </c>
      <c r="J27" s="182">
        <v>55</v>
      </c>
      <c r="K27" s="185">
        <v>172</v>
      </c>
      <c r="L27" s="186">
        <v>172</v>
      </c>
      <c r="M27" s="181">
        <v>0</v>
      </c>
      <c r="N27" s="182">
        <v>0</v>
      </c>
      <c r="O27" s="185">
        <v>0</v>
      </c>
      <c r="P27" s="183">
        <v>0</v>
      </c>
      <c r="Q27" s="184">
        <v>0</v>
      </c>
      <c r="R27" s="184">
        <v>27</v>
      </c>
      <c r="S27" s="184">
        <v>90</v>
      </c>
      <c r="T27" s="182">
        <v>55</v>
      </c>
      <c r="U27" s="185">
        <v>172</v>
      </c>
      <c r="V27" s="187">
        <v>172</v>
      </c>
      <c r="W27" s="188">
        <v>0</v>
      </c>
      <c r="X27" s="182">
        <v>0</v>
      </c>
      <c r="Y27" s="185">
        <v>0</v>
      </c>
      <c r="Z27" s="188">
        <v>0</v>
      </c>
      <c r="AA27" s="184">
        <v>0</v>
      </c>
      <c r="AB27" s="184">
        <v>0</v>
      </c>
      <c r="AC27" s="184">
        <v>0</v>
      </c>
      <c r="AD27" s="182">
        <v>0</v>
      </c>
      <c r="AE27" s="185">
        <v>0</v>
      </c>
      <c r="AF27" s="189">
        <v>0</v>
      </c>
      <c r="AG27" s="188">
        <v>0</v>
      </c>
      <c r="AH27" s="182">
        <v>0</v>
      </c>
      <c r="AI27" s="185">
        <v>0</v>
      </c>
      <c r="AJ27" s="188">
        <v>13</v>
      </c>
      <c r="AK27" s="184">
        <v>10</v>
      </c>
      <c r="AL27" s="184">
        <v>27</v>
      </c>
      <c r="AM27" s="184">
        <v>28</v>
      </c>
      <c r="AN27" s="182">
        <v>13</v>
      </c>
      <c r="AO27" s="185">
        <v>91</v>
      </c>
      <c r="AP27" s="189">
        <v>91</v>
      </c>
      <c r="AQ27" s="188">
        <v>0</v>
      </c>
      <c r="AR27" s="182">
        <v>0</v>
      </c>
      <c r="AS27" s="185">
        <v>0</v>
      </c>
      <c r="AT27" s="183">
        <v>13</v>
      </c>
      <c r="AU27" s="184">
        <v>10</v>
      </c>
      <c r="AV27" s="184">
        <v>26</v>
      </c>
      <c r="AW27" s="184">
        <v>27</v>
      </c>
      <c r="AX27" s="182">
        <v>13</v>
      </c>
      <c r="AY27" s="185">
        <v>89</v>
      </c>
      <c r="AZ27" s="186">
        <v>89</v>
      </c>
      <c r="BA27" s="181">
        <v>0</v>
      </c>
      <c r="BB27" s="182">
        <v>0</v>
      </c>
      <c r="BC27" s="182">
        <v>0</v>
      </c>
      <c r="BD27" s="183">
        <v>0</v>
      </c>
      <c r="BE27" s="184">
        <v>0</v>
      </c>
      <c r="BF27" s="184">
        <v>1</v>
      </c>
      <c r="BG27" s="184">
        <v>1</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13</v>
      </c>
      <c r="DW27" s="184">
        <v>10</v>
      </c>
      <c r="DX27" s="184">
        <v>53</v>
      </c>
      <c r="DY27" s="184">
        <v>116</v>
      </c>
      <c r="DZ27" s="182">
        <v>67</v>
      </c>
      <c r="EA27" s="185">
        <v>259</v>
      </c>
      <c r="EB27" s="187">
        <v>259</v>
      </c>
      <c r="EC27" s="32"/>
    </row>
    <row r="28" spans="2:133" ht="21" customHeight="1" x14ac:dyDescent="0.2">
      <c r="B28" s="468" t="s">
        <v>25</v>
      </c>
      <c r="C28" s="181">
        <v>0</v>
      </c>
      <c r="D28" s="182">
        <v>0</v>
      </c>
      <c r="E28" s="182">
        <v>0</v>
      </c>
      <c r="F28" s="183">
        <v>0</v>
      </c>
      <c r="G28" s="184">
        <v>5</v>
      </c>
      <c r="H28" s="184">
        <v>57</v>
      </c>
      <c r="I28" s="184">
        <v>84</v>
      </c>
      <c r="J28" s="182">
        <v>49</v>
      </c>
      <c r="K28" s="185">
        <v>195</v>
      </c>
      <c r="L28" s="186">
        <v>195</v>
      </c>
      <c r="M28" s="181">
        <v>0</v>
      </c>
      <c r="N28" s="182">
        <v>0</v>
      </c>
      <c r="O28" s="185">
        <v>0</v>
      </c>
      <c r="P28" s="183">
        <v>0</v>
      </c>
      <c r="Q28" s="184">
        <v>5</v>
      </c>
      <c r="R28" s="184">
        <v>57</v>
      </c>
      <c r="S28" s="184">
        <v>83</v>
      </c>
      <c r="T28" s="182">
        <v>44</v>
      </c>
      <c r="U28" s="185">
        <v>189</v>
      </c>
      <c r="V28" s="187">
        <v>189</v>
      </c>
      <c r="W28" s="188">
        <v>0</v>
      </c>
      <c r="X28" s="182">
        <v>0</v>
      </c>
      <c r="Y28" s="185">
        <v>0</v>
      </c>
      <c r="Z28" s="188">
        <v>0</v>
      </c>
      <c r="AA28" s="184">
        <v>0</v>
      </c>
      <c r="AB28" s="184">
        <v>0</v>
      </c>
      <c r="AC28" s="184">
        <v>1</v>
      </c>
      <c r="AD28" s="182">
        <v>5</v>
      </c>
      <c r="AE28" s="185">
        <v>6</v>
      </c>
      <c r="AF28" s="189">
        <v>6</v>
      </c>
      <c r="AG28" s="188">
        <v>0</v>
      </c>
      <c r="AH28" s="182">
        <v>0</v>
      </c>
      <c r="AI28" s="185">
        <v>0</v>
      </c>
      <c r="AJ28" s="188">
        <v>15</v>
      </c>
      <c r="AK28" s="184">
        <v>20</v>
      </c>
      <c r="AL28" s="184">
        <v>19</v>
      </c>
      <c r="AM28" s="184">
        <v>42</v>
      </c>
      <c r="AN28" s="182">
        <v>17</v>
      </c>
      <c r="AO28" s="185">
        <v>113</v>
      </c>
      <c r="AP28" s="189">
        <v>113</v>
      </c>
      <c r="AQ28" s="188">
        <v>0</v>
      </c>
      <c r="AR28" s="182">
        <v>0</v>
      </c>
      <c r="AS28" s="185">
        <v>0</v>
      </c>
      <c r="AT28" s="183">
        <v>15</v>
      </c>
      <c r="AU28" s="184">
        <v>20</v>
      </c>
      <c r="AV28" s="184">
        <v>19</v>
      </c>
      <c r="AW28" s="184">
        <v>41</v>
      </c>
      <c r="AX28" s="182">
        <v>17</v>
      </c>
      <c r="AY28" s="185">
        <v>112</v>
      </c>
      <c r="AZ28" s="186">
        <v>112</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0</v>
      </c>
      <c r="CU28" s="184">
        <v>0</v>
      </c>
      <c r="CV28" s="182">
        <v>3</v>
      </c>
      <c r="CW28" s="185">
        <v>3</v>
      </c>
      <c r="CX28" s="186">
        <v>3</v>
      </c>
      <c r="CY28" s="181">
        <v>0</v>
      </c>
      <c r="CZ28" s="182">
        <v>0</v>
      </c>
      <c r="DA28" s="182">
        <v>0</v>
      </c>
      <c r="DB28" s="183">
        <v>0</v>
      </c>
      <c r="DC28" s="184">
        <v>0</v>
      </c>
      <c r="DD28" s="184">
        <v>0</v>
      </c>
      <c r="DE28" s="184">
        <v>0</v>
      </c>
      <c r="DF28" s="182">
        <v>3</v>
      </c>
      <c r="DG28" s="185">
        <v>3</v>
      </c>
      <c r="DH28" s="187">
        <v>3</v>
      </c>
      <c r="DI28" s="188">
        <v>0</v>
      </c>
      <c r="DJ28" s="182">
        <v>0</v>
      </c>
      <c r="DK28" s="182">
        <v>0</v>
      </c>
      <c r="DL28" s="183">
        <v>0</v>
      </c>
      <c r="DM28" s="184">
        <v>0</v>
      </c>
      <c r="DN28" s="184">
        <v>0</v>
      </c>
      <c r="DO28" s="184">
        <v>0</v>
      </c>
      <c r="DP28" s="182">
        <v>0</v>
      </c>
      <c r="DQ28" s="185">
        <v>0</v>
      </c>
      <c r="DR28" s="187">
        <v>0</v>
      </c>
      <c r="DS28" s="188">
        <v>0</v>
      </c>
      <c r="DT28" s="182">
        <v>0</v>
      </c>
      <c r="DU28" s="182">
        <v>0</v>
      </c>
      <c r="DV28" s="183">
        <v>15</v>
      </c>
      <c r="DW28" s="184">
        <v>25</v>
      </c>
      <c r="DX28" s="184">
        <v>76</v>
      </c>
      <c r="DY28" s="184">
        <v>125</v>
      </c>
      <c r="DZ28" s="182">
        <v>69</v>
      </c>
      <c r="EA28" s="185">
        <v>310</v>
      </c>
      <c r="EB28" s="187">
        <v>310</v>
      </c>
      <c r="EC28" s="32"/>
    </row>
    <row r="29" spans="2:133" ht="21" customHeight="1" x14ac:dyDescent="0.2">
      <c r="B29" s="468" t="s">
        <v>26</v>
      </c>
      <c r="C29" s="181">
        <v>0</v>
      </c>
      <c r="D29" s="182">
        <v>0</v>
      </c>
      <c r="E29" s="182">
        <v>0</v>
      </c>
      <c r="F29" s="183">
        <v>1</v>
      </c>
      <c r="G29" s="184">
        <v>6</v>
      </c>
      <c r="H29" s="184">
        <v>37</v>
      </c>
      <c r="I29" s="184">
        <v>70</v>
      </c>
      <c r="J29" s="182">
        <v>55</v>
      </c>
      <c r="K29" s="185">
        <v>169</v>
      </c>
      <c r="L29" s="186">
        <v>169</v>
      </c>
      <c r="M29" s="181">
        <v>0</v>
      </c>
      <c r="N29" s="182">
        <v>0</v>
      </c>
      <c r="O29" s="185">
        <v>0</v>
      </c>
      <c r="P29" s="183">
        <v>1</v>
      </c>
      <c r="Q29" s="184">
        <v>6</v>
      </c>
      <c r="R29" s="184">
        <v>37</v>
      </c>
      <c r="S29" s="184">
        <v>68</v>
      </c>
      <c r="T29" s="182">
        <v>55</v>
      </c>
      <c r="U29" s="185">
        <v>167</v>
      </c>
      <c r="V29" s="187">
        <v>167</v>
      </c>
      <c r="W29" s="188">
        <v>0</v>
      </c>
      <c r="X29" s="182">
        <v>0</v>
      </c>
      <c r="Y29" s="185">
        <v>0</v>
      </c>
      <c r="Z29" s="188">
        <v>0</v>
      </c>
      <c r="AA29" s="184">
        <v>0</v>
      </c>
      <c r="AB29" s="184">
        <v>0</v>
      </c>
      <c r="AC29" s="184">
        <v>2</v>
      </c>
      <c r="AD29" s="182">
        <v>0</v>
      </c>
      <c r="AE29" s="185">
        <v>2</v>
      </c>
      <c r="AF29" s="189">
        <v>2</v>
      </c>
      <c r="AG29" s="188">
        <v>0</v>
      </c>
      <c r="AH29" s="182">
        <v>0</v>
      </c>
      <c r="AI29" s="185">
        <v>0</v>
      </c>
      <c r="AJ29" s="188">
        <v>7</v>
      </c>
      <c r="AK29" s="184">
        <v>20</v>
      </c>
      <c r="AL29" s="184">
        <v>26</v>
      </c>
      <c r="AM29" s="184">
        <v>17</v>
      </c>
      <c r="AN29" s="182">
        <v>13</v>
      </c>
      <c r="AO29" s="185">
        <v>83</v>
      </c>
      <c r="AP29" s="189">
        <v>83</v>
      </c>
      <c r="AQ29" s="188">
        <v>0</v>
      </c>
      <c r="AR29" s="182">
        <v>0</v>
      </c>
      <c r="AS29" s="185">
        <v>0</v>
      </c>
      <c r="AT29" s="183">
        <v>7</v>
      </c>
      <c r="AU29" s="184">
        <v>19</v>
      </c>
      <c r="AV29" s="184">
        <v>26</v>
      </c>
      <c r="AW29" s="184">
        <v>17</v>
      </c>
      <c r="AX29" s="182">
        <v>13</v>
      </c>
      <c r="AY29" s="185">
        <v>82</v>
      </c>
      <c r="AZ29" s="186">
        <v>82</v>
      </c>
      <c r="BA29" s="181">
        <v>0</v>
      </c>
      <c r="BB29" s="182">
        <v>0</v>
      </c>
      <c r="BC29" s="182">
        <v>0</v>
      </c>
      <c r="BD29" s="183">
        <v>0</v>
      </c>
      <c r="BE29" s="184">
        <v>1</v>
      </c>
      <c r="BF29" s="184">
        <v>0</v>
      </c>
      <c r="BG29" s="184">
        <v>0</v>
      </c>
      <c r="BH29" s="182">
        <v>0</v>
      </c>
      <c r="BI29" s="185">
        <v>1</v>
      </c>
      <c r="BJ29" s="187">
        <v>1</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0</v>
      </c>
      <c r="CV29" s="182">
        <v>2</v>
      </c>
      <c r="CW29" s="185">
        <v>3</v>
      </c>
      <c r="CX29" s="186">
        <v>3</v>
      </c>
      <c r="CY29" s="181">
        <v>0</v>
      </c>
      <c r="CZ29" s="182">
        <v>0</v>
      </c>
      <c r="DA29" s="182">
        <v>0</v>
      </c>
      <c r="DB29" s="183">
        <v>0</v>
      </c>
      <c r="DC29" s="184">
        <v>0</v>
      </c>
      <c r="DD29" s="184">
        <v>1</v>
      </c>
      <c r="DE29" s="184">
        <v>0</v>
      </c>
      <c r="DF29" s="182">
        <v>2</v>
      </c>
      <c r="DG29" s="185">
        <v>3</v>
      </c>
      <c r="DH29" s="187">
        <v>3</v>
      </c>
      <c r="DI29" s="188">
        <v>0</v>
      </c>
      <c r="DJ29" s="182">
        <v>0</v>
      </c>
      <c r="DK29" s="182">
        <v>0</v>
      </c>
      <c r="DL29" s="183">
        <v>0</v>
      </c>
      <c r="DM29" s="184">
        <v>0</v>
      </c>
      <c r="DN29" s="184">
        <v>0</v>
      </c>
      <c r="DO29" s="184">
        <v>0</v>
      </c>
      <c r="DP29" s="182">
        <v>0</v>
      </c>
      <c r="DQ29" s="185">
        <v>0</v>
      </c>
      <c r="DR29" s="187">
        <v>0</v>
      </c>
      <c r="DS29" s="188">
        <v>0</v>
      </c>
      <c r="DT29" s="182">
        <v>0</v>
      </c>
      <c r="DU29" s="182">
        <v>0</v>
      </c>
      <c r="DV29" s="183">
        <v>8</v>
      </c>
      <c r="DW29" s="184">
        <v>26</v>
      </c>
      <c r="DX29" s="184">
        <v>63</v>
      </c>
      <c r="DY29" s="184">
        <v>87</v>
      </c>
      <c r="DZ29" s="182">
        <v>69</v>
      </c>
      <c r="EA29" s="185">
        <v>253</v>
      </c>
      <c r="EB29" s="187">
        <v>253</v>
      </c>
      <c r="EC29" s="32"/>
    </row>
    <row r="30" spans="2:133" ht="21" customHeight="1" x14ac:dyDescent="0.2">
      <c r="B30" s="468" t="s">
        <v>27</v>
      </c>
      <c r="C30" s="181">
        <v>0</v>
      </c>
      <c r="D30" s="182">
        <v>0</v>
      </c>
      <c r="E30" s="182">
        <v>0</v>
      </c>
      <c r="F30" s="183">
        <v>3</v>
      </c>
      <c r="G30" s="184">
        <v>2</v>
      </c>
      <c r="H30" s="184">
        <v>34</v>
      </c>
      <c r="I30" s="184">
        <v>60</v>
      </c>
      <c r="J30" s="182">
        <v>41</v>
      </c>
      <c r="K30" s="185">
        <v>140</v>
      </c>
      <c r="L30" s="186">
        <v>140</v>
      </c>
      <c r="M30" s="181">
        <v>0</v>
      </c>
      <c r="N30" s="182">
        <v>0</v>
      </c>
      <c r="O30" s="185">
        <v>0</v>
      </c>
      <c r="P30" s="183">
        <v>3</v>
      </c>
      <c r="Q30" s="184">
        <v>2</v>
      </c>
      <c r="R30" s="184">
        <v>33</v>
      </c>
      <c r="S30" s="184">
        <v>60</v>
      </c>
      <c r="T30" s="182">
        <v>41</v>
      </c>
      <c r="U30" s="185">
        <v>139</v>
      </c>
      <c r="V30" s="187">
        <v>139</v>
      </c>
      <c r="W30" s="188">
        <v>0</v>
      </c>
      <c r="X30" s="182">
        <v>0</v>
      </c>
      <c r="Y30" s="185">
        <v>0</v>
      </c>
      <c r="Z30" s="188">
        <v>0</v>
      </c>
      <c r="AA30" s="184">
        <v>0</v>
      </c>
      <c r="AB30" s="184">
        <v>1</v>
      </c>
      <c r="AC30" s="184">
        <v>0</v>
      </c>
      <c r="AD30" s="182">
        <v>0</v>
      </c>
      <c r="AE30" s="185">
        <v>1</v>
      </c>
      <c r="AF30" s="189">
        <v>1</v>
      </c>
      <c r="AG30" s="188">
        <v>0</v>
      </c>
      <c r="AH30" s="182">
        <v>0</v>
      </c>
      <c r="AI30" s="185">
        <v>0</v>
      </c>
      <c r="AJ30" s="188">
        <v>9</v>
      </c>
      <c r="AK30" s="184">
        <v>14</v>
      </c>
      <c r="AL30" s="184">
        <v>19</v>
      </c>
      <c r="AM30" s="184">
        <v>18</v>
      </c>
      <c r="AN30" s="182">
        <v>16</v>
      </c>
      <c r="AO30" s="185">
        <v>76</v>
      </c>
      <c r="AP30" s="189">
        <v>76</v>
      </c>
      <c r="AQ30" s="188">
        <v>0</v>
      </c>
      <c r="AR30" s="182">
        <v>0</v>
      </c>
      <c r="AS30" s="185">
        <v>0</v>
      </c>
      <c r="AT30" s="183">
        <v>9</v>
      </c>
      <c r="AU30" s="184">
        <v>12</v>
      </c>
      <c r="AV30" s="184">
        <v>18</v>
      </c>
      <c r="AW30" s="184">
        <v>17</v>
      </c>
      <c r="AX30" s="182">
        <v>16</v>
      </c>
      <c r="AY30" s="185">
        <v>72</v>
      </c>
      <c r="AZ30" s="186">
        <v>72</v>
      </c>
      <c r="BA30" s="181">
        <v>0</v>
      </c>
      <c r="BB30" s="182">
        <v>0</v>
      </c>
      <c r="BC30" s="182">
        <v>0</v>
      </c>
      <c r="BD30" s="183">
        <v>0</v>
      </c>
      <c r="BE30" s="184">
        <v>2</v>
      </c>
      <c r="BF30" s="184">
        <v>1</v>
      </c>
      <c r="BG30" s="184">
        <v>1</v>
      </c>
      <c r="BH30" s="182">
        <v>0</v>
      </c>
      <c r="BI30" s="185">
        <v>4</v>
      </c>
      <c r="BJ30" s="187">
        <v>4</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3</v>
      </c>
      <c r="CV30" s="182">
        <v>2</v>
      </c>
      <c r="CW30" s="185">
        <v>5</v>
      </c>
      <c r="CX30" s="186">
        <v>5</v>
      </c>
      <c r="CY30" s="181">
        <v>0</v>
      </c>
      <c r="CZ30" s="182">
        <v>0</v>
      </c>
      <c r="DA30" s="182">
        <v>0</v>
      </c>
      <c r="DB30" s="183">
        <v>0</v>
      </c>
      <c r="DC30" s="184">
        <v>0</v>
      </c>
      <c r="DD30" s="184">
        <v>0</v>
      </c>
      <c r="DE30" s="184">
        <v>2</v>
      </c>
      <c r="DF30" s="182">
        <v>2</v>
      </c>
      <c r="DG30" s="185">
        <v>4</v>
      </c>
      <c r="DH30" s="187">
        <v>4</v>
      </c>
      <c r="DI30" s="188">
        <v>0</v>
      </c>
      <c r="DJ30" s="182">
        <v>0</v>
      </c>
      <c r="DK30" s="182">
        <v>0</v>
      </c>
      <c r="DL30" s="183">
        <v>0</v>
      </c>
      <c r="DM30" s="184">
        <v>0</v>
      </c>
      <c r="DN30" s="184">
        <v>0</v>
      </c>
      <c r="DO30" s="184">
        <v>1</v>
      </c>
      <c r="DP30" s="182">
        <v>0</v>
      </c>
      <c r="DQ30" s="185">
        <v>1</v>
      </c>
      <c r="DR30" s="187">
        <v>1</v>
      </c>
      <c r="DS30" s="188">
        <v>0</v>
      </c>
      <c r="DT30" s="182">
        <v>0</v>
      </c>
      <c r="DU30" s="182">
        <v>0</v>
      </c>
      <c r="DV30" s="183">
        <v>12</v>
      </c>
      <c r="DW30" s="184">
        <v>16</v>
      </c>
      <c r="DX30" s="184">
        <v>52</v>
      </c>
      <c r="DY30" s="184">
        <v>81</v>
      </c>
      <c r="DZ30" s="182">
        <v>59</v>
      </c>
      <c r="EA30" s="185">
        <v>220</v>
      </c>
      <c r="EB30" s="187">
        <v>220</v>
      </c>
      <c r="EC30" s="32"/>
    </row>
    <row r="31" spans="2:133" ht="21" customHeight="1" x14ac:dyDescent="0.2">
      <c r="B31" s="468" t="s">
        <v>28</v>
      </c>
      <c r="C31" s="181">
        <v>0</v>
      </c>
      <c r="D31" s="182">
        <v>0</v>
      </c>
      <c r="E31" s="182">
        <v>0</v>
      </c>
      <c r="F31" s="183">
        <v>0</v>
      </c>
      <c r="G31" s="184">
        <v>2</v>
      </c>
      <c r="H31" s="184">
        <v>13</v>
      </c>
      <c r="I31" s="184">
        <v>16</v>
      </c>
      <c r="J31" s="182">
        <v>18</v>
      </c>
      <c r="K31" s="185">
        <v>49</v>
      </c>
      <c r="L31" s="186">
        <v>49</v>
      </c>
      <c r="M31" s="181">
        <v>0</v>
      </c>
      <c r="N31" s="182">
        <v>0</v>
      </c>
      <c r="O31" s="185">
        <v>0</v>
      </c>
      <c r="P31" s="183">
        <v>0</v>
      </c>
      <c r="Q31" s="184">
        <v>2</v>
      </c>
      <c r="R31" s="184">
        <v>13</v>
      </c>
      <c r="S31" s="184">
        <v>16</v>
      </c>
      <c r="T31" s="182">
        <v>17</v>
      </c>
      <c r="U31" s="185">
        <v>48</v>
      </c>
      <c r="V31" s="187">
        <v>48</v>
      </c>
      <c r="W31" s="188">
        <v>0</v>
      </c>
      <c r="X31" s="182">
        <v>0</v>
      </c>
      <c r="Y31" s="185">
        <v>0</v>
      </c>
      <c r="Z31" s="188">
        <v>0</v>
      </c>
      <c r="AA31" s="184">
        <v>0</v>
      </c>
      <c r="AB31" s="184">
        <v>0</v>
      </c>
      <c r="AC31" s="184">
        <v>0</v>
      </c>
      <c r="AD31" s="182">
        <v>1</v>
      </c>
      <c r="AE31" s="185">
        <v>1</v>
      </c>
      <c r="AF31" s="189">
        <v>1</v>
      </c>
      <c r="AG31" s="188">
        <v>0</v>
      </c>
      <c r="AH31" s="182">
        <v>0</v>
      </c>
      <c r="AI31" s="185">
        <v>0</v>
      </c>
      <c r="AJ31" s="188">
        <v>4</v>
      </c>
      <c r="AK31" s="184">
        <v>9</v>
      </c>
      <c r="AL31" s="184">
        <v>11</v>
      </c>
      <c r="AM31" s="184">
        <v>6</v>
      </c>
      <c r="AN31" s="182">
        <v>3</v>
      </c>
      <c r="AO31" s="185">
        <v>33</v>
      </c>
      <c r="AP31" s="189">
        <v>33</v>
      </c>
      <c r="AQ31" s="188">
        <v>0</v>
      </c>
      <c r="AR31" s="182">
        <v>0</v>
      </c>
      <c r="AS31" s="185">
        <v>0</v>
      </c>
      <c r="AT31" s="183">
        <v>4</v>
      </c>
      <c r="AU31" s="184">
        <v>9</v>
      </c>
      <c r="AV31" s="184">
        <v>11</v>
      </c>
      <c r="AW31" s="184">
        <v>6</v>
      </c>
      <c r="AX31" s="182">
        <v>3</v>
      </c>
      <c r="AY31" s="185">
        <v>33</v>
      </c>
      <c r="AZ31" s="186">
        <v>33</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4</v>
      </c>
      <c r="DW31" s="184">
        <v>11</v>
      </c>
      <c r="DX31" s="184">
        <v>24</v>
      </c>
      <c r="DY31" s="184">
        <v>22</v>
      </c>
      <c r="DZ31" s="182">
        <v>21</v>
      </c>
      <c r="EA31" s="185">
        <v>82</v>
      </c>
      <c r="EB31" s="187">
        <v>82</v>
      </c>
      <c r="EC31" s="32"/>
    </row>
    <row r="32" spans="2:133" ht="21" customHeight="1" x14ac:dyDescent="0.2">
      <c r="B32" s="468" t="s">
        <v>29</v>
      </c>
      <c r="C32" s="181">
        <v>0</v>
      </c>
      <c r="D32" s="182">
        <v>0</v>
      </c>
      <c r="E32" s="182">
        <v>0</v>
      </c>
      <c r="F32" s="183">
        <v>0</v>
      </c>
      <c r="G32" s="184">
        <v>2</v>
      </c>
      <c r="H32" s="184">
        <v>10</v>
      </c>
      <c r="I32" s="184">
        <v>29</v>
      </c>
      <c r="J32" s="182">
        <v>18</v>
      </c>
      <c r="K32" s="185">
        <v>59</v>
      </c>
      <c r="L32" s="186">
        <v>59</v>
      </c>
      <c r="M32" s="181">
        <v>0</v>
      </c>
      <c r="N32" s="182">
        <v>0</v>
      </c>
      <c r="O32" s="185">
        <v>0</v>
      </c>
      <c r="P32" s="183">
        <v>0</v>
      </c>
      <c r="Q32" s="184">
        <v>2</v>
      </c>
      <c r="R32" s="184">
        <v>10</v>
      </c>
      <c r="S32" s="184">
        <v>29</v>
      </c>
      <c r="T32" s="182">
        <v>18</v>
      </c>
      <c r="U32" s="185">
        <v>59</v>
      </c>
      <c r="V32" s="187">
        <v>59</v>
      </c>
      <c r="W32" s="188">
        <v>0</v>
      </c>
      <c r="X32" s="182">
        <v>0</v>
      </c>
      <c r="Y32" s="185">
        <v>0</v>
      </c>
      <c r="Z32" s="188">
        <v>0</v>
      </c>
      <c r="AA32" s="184">
        <v>0</v>
      </c>
      <c r="AB32" s="184">
        <v>0</v>
      </c>
      <c r="AC32" s="184">
        <v>0</v>
      </c>
      <c r="AD32" s="182">
        <v>0</v>
      </c>
      <c r="AE32" s="185">
        <v>0</v>
      </c>
      <c r="AF32" s="189">
        <v>0</v>
      </c>
      <c r="AG32" s="188">
        <v>0</v>
      </c>
      <c r="AH32" s="182">
        <v>0</v>
      </c>
      <c r="AI32" s="185">
        <v>0</v>
      </c>
      <c r="AJ32" s="188">
        <v>2</v>
      </c>
      <c r="AK32" s="184">
        <v>9</v>
      </c>
      <c r="AL32" s="184">
        <v>12</v>
      </c>
      <c r="AM32" s="184">
        <v>14</v>
      </c>
      <c r="AN32" s="182">
        <v>9</v>
      </c>
      <c r="AO32" s="185">
        <v>46</v>
      </c>
      <c r="AP32" s="189">
        <v>46</v>
      </c>
      <c r="AQ32" s="188">
        <v>0</v>
      </c>
      <c r="AR32" s="182">
        <v>0</v>
      </c>
      <c r="AS32" s="185">
        <v>0</v>
      </c>
      <c r="AT32" s="183">
        <v>2</v>
      </c>
      <c r="AU32" s="184">
        <v>9</v>
      </c>
      <c r="AV32" s="184">
        <v>12</v>
      </c>
      <c r="AW32" s="184">
        <v>14</v>
      </c>
      <c r="AX32" s="182">
        <v>9</v>
      </c>
      <c r="AY32" s="185">
        <v>46</v>
      </c>
      <c r="AZ32" s="186">
        <v>46</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2</v>
      </c>
      <c r="DW32" s="184">
        <v>11</v>
      </c>
      <c r="DX32" s="184">
        <v>22</v>
      </c>
      <c r="DY32" s="184">
        <v>43</v>
      </c>
      <c r="DZ32" s="182">
        <v>27</v>
      </c>
      <c r="EA32" s="185">
        <v>105</v>
      </c>
      <c r="EB32" s="187">
        <v>105</v>
      </c>
      <c r="EC32" s="32"/>
    </row>
    <row r="33" spans="2:133" ht="21" customHeight="1" x14ac:dyDescent="0.2">
      <c r="B33" s="468" t="s">
        <v>30</v>
      </c>
      <c r="C33" s="181">
        <v>0</v>
      </c>
      <c r="D33" s="182">
        <v>0</v>
      </c>
      <c r="E33" s="182">
        <v>0</v>
      </c>
      <c r="F33" s="183">
        <v>1</v>
      </c>
      <c r="G33" s="184">
        <v>1</v>
      </c>
      <c r="H33" s="184">
        <v>23</v>
      </c>
      <c r="I33" s="184">
        <v>35</v>
      </c>
      <c r="J33" s="182">
        <v>20</v>
      </c>
      <c r="K33" s="185">
        <v>80</v>
      </c>
      <c r="L33" s="186">
        <v>80</v>
      </c>
      <c r="M33" s="181">
        <v>0</v>
      </c>
      <c r="N33" s="182">
        <v>0</v>
      </c>
      <c r="O33" s="185">
        <v>0</v>
      </c>
      <c r="P33" s="183">
        <v>1</v>
      </c>
      <c r="Q33" s="184">
        <v>1</v>
      </c>
      <c r="R33" s="184">
        <v>23</v>
      </c>
      <c r="S33" s="184">
        <v>35</v>
      </c>
      <c r="T33" s="182">
        <v>20</v>
      </c>
      <c r="U33" s="185">
        <v>80</v>
      </c>
      <c r="V33" s="187">
        <v>80</v>
      </c>
      <c r="W33" s="188">
        <v>0</v>
      </c>
      <c r="X33" s="182">
        <v>0</v>
      </c>
      <c r="Y33" s="185">
        <v>0</v>
      </c>
      <c r="Z33" s="188">
        <v>0</v>
      </c>
      <c r="AA33" s="184">
        <v>0</v>
      </c>
      <c r="AB33" s="184">
        <v>0</v>
      </c>
      <c r="AC33" s="184">
        <v>0</v>
      </c>
      <c r="AD33" s="182">
        <v>0</v>
      </c>
      <c r="AE33" s="185">
        <v>0</v>
      </c>
      <c r="AF33" s="189">
        <v>0</v>
      </c>
      <c r="AG33" s="188">
        <v>0</v>
      </c>
      <c r="AH33" s="182">
        <v>0</v>
      </c>
      <c r="AI33" s="185">
        <v>0</v>
      </c>
      <c r="AJ33" s="188">
        <v>13</v>
      </c>
      <c r="AK33" s="184">
        <v>2</v>
      </c>
      <c r="AL33" s="184">
        <v>12</v>
      </c>
      <c r="AM33" s="184">
        <v>16</v>
      </c>
      <c r="AN33" s="182">
        <v>8</v>
      </c>
      <c r="AO33" s="185">
        <v>51</v>
      </c>
      <c r="AP33" s="189">
        <v>51</v>
      </c>
      <c r="AQ33" s="188">
        <v>0</v>
      </c>
      <c r="AR33" s="182">
        <v>0</v>
      </c>
      <c r="AS33" s="185">
        <v>0</v>
      </c>
      <c r="AT33" s="183">
        <v>13</v>
      </c>
      <c r="AU33" s="184">
        <v>2</v>
      </c>
      <c r="AV33" s="184">
        <v>11</v>
      </c>
      <c r="AW33" s="184">
        <v>16</v>
      </c>
      <c r="AX33" s="182">
        <v>8</v>
      </c>
      <c r="AY33" s="185">
        <v>50</v>
      </c>
      <c r="AZ33" s="186">
        <v>50</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0</v>
      </c>
      <c r="CU33" s="184">
        <v>1</v>
      </c>
      <c r="CV33" s="182">
        <v>3</v>
      </c>
      <c r="CW33" s="185">
        <v>4</v>
      </c>
      <c r="CX33" s="186">
        <v>4</v>
      </c>
      <c r="CY33" s="181">
        <v>0</v>
      </c>
      <c r="CZ33" s="182">
        <v>0</v>
      </c>
      <c r="DA33" s="182">
        <v>0</v>
      </c>
      <c r="DB33" s="183">
        <v>0</v>
      </c>
      <c r="DC33" s="184">
        <v>0</v>
      </c>
      <c r="DD33" s="184">
        <v>0</v>
      </c>
      <c r="DE33" s="184">
        <v>1</v>
      </c>
      <c r="DF33" s="182">
        <v>2</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4</v>
      </c>
      <c r="DW33" s="184">
        <v>3</v>
      </c>
      <c r="DX33" s="184">
        <v>35</v>
      </c>
      <c r="DY33" s="184">
        <v>52</v>
      </c>
      <c r="DZ33" s="182">
        <v>31</v>
      </c>
      <c r="EA33" s="185">
        <v>135</v>
      </c>
      <c r="EB33" s="187">
        <v>135</v>
      </c>
      <c r="EC33" s="32"/>
    </row>
    <row r="34" spans="2:133" ht="21" customHeight="1" x14ac:dyDescent="0.2">
      <c r="B34" s="468" t="s">
        <v>31</v>
      </c>
      <c r="C34" s="181">
        <v>0</v>
      </c>
      <c r="D34" s="182">
        <v>0</v>
      </c>
      <c r="E34" s="182">
        <v>0</v>
      </c>
      <c r="F34" s="183">
        <v>1</v>
      </c>
      <c r="G34" s="184">
        <v>3</v>
      </c>
      <c r="H34" s="184">
        <v>26</v>
      </c>
      <c r="I34" s="184">
        <v>36</v>
      </c>
      <c r="J34" s="182">
        <v>23</v>
      </c>
      <c r="K34" s="185">
        <v>89</v>
      </c>
      <c r="L34" s="186">
        <v>89</v>
      </c>
      <c r="M34" s="181">
        <v>0</v>
      </c>
      <c r="N34" s="182">
        <v>0</v>
      </c>
      <c r="O34" s="185">
        <v>0</v>
      </c>
      <c r="P34" s="183">
        <v>1</v>
      </c>
      <c r="Q34" s="184">
        <v>3</v>
      </c>
      <c r="R34" s="184">
        <v>26</v>
      </c>
      <c r="S34" s="184">
        <v>36</v>
      </c>
      <c r="T34" s="182">
        <v>23</v>
      </c>
      <c r="U34" s="185">
        <v>89</v>
      </c>
      <c r="V34" s="187">
        <v>89</v>
      </c>
      <c r="W34" s="188">
        <v>0</v>
      </c>
      <c r="X34" s="182">
        <v>0</v>
      </c>
      <c r="Y34" s="185">
        <v>0</v>
      </c>
      <c r="Z34" s="188">
        <v>0</v>
      </c>
      <c r="AA34" s="184">
        <v>0</v>
      </c>
      <c r="AB34" s="184">
        <v>0</v>
      </c>
      <c r="AC34" s="184">
        <v>0</v>
      </c>
      <c r="AD34" s="182">
        <v>0</v>
      </c>
      <c r="AE34" s="185">
        <v>0</v>
      </c>
      <c r="AF34" s="189">
        <v>0</v>
      </c>
      <c r="AG34" s="188">
        <v>0</v>
      </c>
      <c r="AH34" s="182">
        <v>0</v>
      </c>
      <c r="AI34" s="185">
        <v>0</v>
      </c>
      <c r="AJ34" s="188">
        <v>3</v>
      </c>
      <c r="AK34" s="184">
        <v>10</v>
      </c>
      <c r="AL34" s="184">
        <v>7</v>
      </c>
      <c r="AM34" s="184">
        <v>10</v>
      </c>
      <c r="AN34" s="182">
        <v>2</v>
      </c>
      <c r="AO34" s="185">
        <v>32</v>
      </c>
      <c r="AP34" s="189">
        <v>32</v>
      </c>
      <c r="AQ34" s="188">
        <v>0</v>
      </c>
      <c r="AR34" s="182">
        <v>0</v>
      </c>
      <c r="AS34" s="185">
        <v>0</v>
      </c>
      <c r="AT34" s="183">
        <v>3</v>
      </c>
      <c r="AU34" s="184">
        <v>10</v>
      </c>
      <c r="AV34" s="184">
        <v>7</v>
      </c>
      <c r="AW34" s="184">
        <v>10</v>
      </c>
      <c r="AX34" s="182">
        <v>2</v>
      </c>
      <c r="AY34" s="185">
        <v>32</v>
      </c>
      <c r="AZ34" s="186">
        <v>32</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1</v>
      </c>
      <c r="CS34" s="184">
        <v>0</v>
      </c>
      <c r="CT34" s="184">
        <v>0</v>
      </c>
      <c r="CU34" s="184">
        <v>2</v>
      </c>
      <c r="CV34" s="182">
        <v>2</v>
      </c>
      <c r="CW34" s="185">
        <v>5</v>
      </c>
      <c r="CX34" s="186">
        <v>5</v>
      </c>
      <c r="CY34" s="181">
        <v>0</v>
      </c>
      <c r="CZ34" s="182">
        <v>0</v>
      </c>
      <c r="DA34" s="182">
        <v>0</v>
      </c>
      <c r="DB34" s="183">
        <v>1</v>
      </c>
      <c r="DC34" s="184">
        <v>0</v>
      </c>
      <c r="DD34" s="184">
        <v>0</v>
      </c>
      <c r="DE34" s="184">
        <v>2</v>
      </c>
      <c r="DF34" s="182">
        <v>2</v>
      </c>
      <c r="DG34" s="185">
        <v>5</v>
      </c>
      <c r="DH34" s="187">
        <v>5</v>
      </c>
      <c r="DI34" s="188">
        <v>0</v>
      </c>
      <c r="DJ34" s="182">
        <v>0</v>
      </c>
      <c r="DK34" s="182">
        <v>0</v>
      </c>
      <c r="DL34" s="183">
        <v>0</v>
      </c>
      <c r="DM34" s="184">
        <v>0</v>
      </c>
      <c r="DN34" s="184">
        <v>0</v>
      </c>
      <c r="DO34" s="184">
        <v>0</v>
      </c>
      <c r="DP34" s="182">
        <v>0</v>
      </c>
      <c r="DQ34" s="185">
        <v>0</v>
      </c>
      <c r="DR34" s="187">
        <v>0</v>
      </c>
      <c r="DS34" s="188">
        <v>0</v>
      </c>
      <c r="DT34" s="182">
        <v>0</v>
      </c>
      <c r="DU34" s="182">
        <v>0</v>
      </c>
      <c r="DV34" s="183">
        <v>5</v>
      </c>
      <c r="DW34" s="184">
        <v>13</v>
      </c>
      <c r="DX34" s="184">
        <v>33</v>
      </c>
      <c r="DY34" s="184">
        <v>48</v>
      </c>
      <c r="DZ34" s="182">
        <v>27</v>
      </c>
      <c r="EA34" s="185">
        <v>126</v>
      </c>
      <c r="EB34" s="187">
        <v>126</v>
      </c>
      <c r="EC34" s="32"/>
    </row>
    <row r="35" spans="2:133" ht="21" customHeight="1" x14ac:dyDescent="0.2">
      <c r="B35" s="468" t="s">
        <v>32</v>
      </c>
      <c r="C35" s="181">
        <v>0</v>
      </c>
      <c r="D35" s="182">
        <v>0</v>
      </c>
      <c r="E35" s="182">
        <v>0</v>
      </c>
      <c r="F35" s="183">
        <v>2</v>
      </c>
      <c r="G35" s="184">
        <v>0</v>
      </c>
      <c r="H35" s="184">
        <v>12</v>
      </c>
      <c r="I35" s="184">
        <v>28</v>
      </c>
      <c r="J35" s="182">
        <v>18</v>
      </c>
      <c r="K35" s="185">
        <v>60</v>
      </c>
      <c r="L35" s="186">
        <v>60</v>
      </c>
      <c r="M35" s="181">
        <v>0</v>
      </c>
      <c r="N35" s="182">
        <v>0</v>
      </c>
      <c r="O35" s="185">
        <v>0</v>
      </c>
      <c r="P35" s="183">
        <v>2</v>
      </c>
      <c r="Q35" s="184">
        <v>0</v>
      </c>
      <c r="R35" s="184">
        <v>12</v>
      </c>
      <c r="S35" s="184">
        <v>27</v>
      </c>
      <c r="T35" s="182">
        <v>17</v>
      </c>
      <c r="U35" s="185">
        <v>58</v>
      </c>
      <c r="V35" s="187">
        <v>58</v>
      </c>
      <c r="W35" s="188">
        <v>0</v>
      </c>
      <c r="X35" s="182">
        <v>0</v>
      </c>
      <c r="Y35" s="185">
        <v>0</v>
      </c>
      <c r="Z35" s="188">
        <v>0</v>
      </c>
      <c r="AA35" s="184">
        <v>0</v>
      </c>
      <c r="AB35" s="184">
        <v>0</v>
      </c>
      <c r="AC35" s="184">
        <v>1</v>
      </c>
      <c r="AD35" s="182">
        <v>1</v>
      </c>
      <c r="AE35" s="185">
        <v>2</v>
      </c>
      <c r="AF35" s="189">
        <v>2</v>
      </c>
      <c r="AG35" s="188">
        <v>0</v>
      </c>
      <c r="AH35" s="182">
        <v>0</v>
      </c>
      <c r="AI35" s="185">
        <v>0</v>
      </c>
      <c r="AJ35" s="188">
        <v>5</v>
      </c>
      <c r="AK35" s="184">
        <v>4</v>
      </c>
      <c r="AL35" s="184">
        <v>14</v>
      </c>
      <c r="AM35" s="184">
        <v>21</v>
      </c>
      <c r="AN35" s="182">
        <v>8</v>
      </c>
      <c r="AO35" s="185">
        <v>52</v>
      </c>
      <c r="AP35" s="189">
        <v>52</v>
      </c>
      <c r="AQ35" s="188">
        <v>0</v>
      </c>
      <c r="AR35" s="182">
        <v>0</v>
      </c>
      <c r="AS35" s="185">
        <v>0</v>
      </c>
      <c r="AT35" s="183">
        <v>5</v>
      </c>
      <c r="AU35" s="184">
        <v>4</v>
      </c>
      <c r="AV35" s="184">
        <v>14</v>
      </c>
      <c r="AW35" s="184">
        <v>21</v>
      </c>
      <c r="AX35" s="182">
        <v>8</v>
      </c>
      <c r="AY35" s="185">
        <v>52</v>
      </c>
      <c r="AZ35" s="186">
        <v>52</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2</v>
      </c>
      <c r="CT35" s="184">
        <v>2</v>
      </c>
      <c r="CU35" s="184">
        <v>0</v>
      </c>
      <c r="CV35" s="182">
        <v>1</v>
      </c>
      <c r="CW35" s="185">
        <v>5</v>
      </c>
      <c r="CX35" s="186">
        <v>5</v>
      </c>
      <c r="CY35" s="181">
        <v>0</v>
      </c>
      <c r="CZ35" s="182">
        <v>0</v>
      </c>
      <c r="DA35" s="182">
        <v>0</v>
      </c>
      <c r="DB35" s="183">
        <v>0</v>
      </c>
      <c r="DC35" s="184">
        <v>2</v>
      </c>
      <c r="DD35" s="184">
        <v>2</v>
      </c>
      <c r="DE35" s="184">
        <v>0</v>
      </c>
      <c r="DF35" s="182">
        <v>1</v>
      </c>
      <c r="DG35" s="185">
        <v>5</v>
      </c>
      <c r="DH35" s="187">
        <v>5</v>
      </c>
      <c r="DI35" s="188">
        <v>0</v>
      </c>
      <c r="DJ35" s="182">
        <v>0</v>
      </c>
      <c r="DK35" s="182">
        <v>0</v>
      </c>
      <c r="DL35" s="183">
        <v>0</v>
      </c>
      <c r="DM35" s="184">
        <v>0</v>
      </c>
      <c r="DN35" s="184">
        <v>0</v>
      </c>
      <c r="DO35" s="184">
        <v>0</v>
      </c>
      <c r="DP35" s="182">
        <v>0</v>
      </c>
      <c r="DQ35" s="185">
        <v>0</v>
      </c>
      <c r="DR35" s="187">
        <v>0</v>
      </c>
      <c r="DS35" s="188">
        <v>0</v>
      </c>
      <c r="DT35" s="182">
        <v>0</v>
      </c>
      <c r="DU35" s="182">
        <v>0</v>
      </c>
      <c r="DV35" s="183">
        <v>7</v>
      </c>
      <c r="DW35" s="184">
        <v>6</v>
      </c>
      <c r="DX35" s="184">
        <v>28</v>
      </c>
      <c r="DY35" s="184">
        <v>49</v>
      </c>
      <c r="DZ35" s="182">
        <v>27</v>
      </c>
      <c r="EA35" s="185">
        <v>117</v>
      </c>
      <c r="EB35" s="187">
        <v>117</v>
      </c>
      <c r="EC35" s="32"/>
    </row>
    <row r="36" spans="2:133" ht="21" customHeight="1" x14ac:dyDescent="0.2">
      <c r="B36" s="468" t="s">
        <v>33</v>
      </c>
      <c r="C36" s="181">
        <v>0</v>
      </c>
      <c r="D36" s="182">
        <v>0</v>
      </c>
      <c r="E36" s="182">
        <v>0</v>
      </c>
      <c r="F36" s="183">
        <v>0</v>
      </c>
      <c r="G36" s="184">
        <v>5</v>
      </c>
      <c r="H36" s="184">
        <v>22</v>
      </c>
      <c r="I36" s="184">
        <v>31</v>
      </c>
      <c r="J36" s="182">
        <v>22</v>
      </c>
      <c r="K36" s="185">
        <v>80</v>
      </c>
      <c r="L36" s="186">
        <v>80</v>
      </c>
      <c r="M36" s="181">
        <v>0</v>
      </c>
      <c r="N36" s="182">
        <v>0</v>
      </c>
      <c r="O36" s="185">
        <v>0</v>
      </c>
      <c r="P36" s="183">
        <v>0</v>
      </c>
      <c r="Q36" s="184">
        <v>5</v>
      </c>
      <c r="R36" s="184">
        <v>22</v>
      </c>
      <c r="S36" s="184">
        <v>31</v>
      </c>
      <c r="T36" s="182">
        <v>22</v>
      </c>
      <c r="U36" s="185">
        <v>80</v>
      </c>
      <c r="V36" s="187">
        <v>80</v>
      </c>
      <c r="W36" s="188">
        <v>0</v>
      </c>
      <c r="X36" s="182">
        <v>0</v>
      </c>
      <c r="Y36" s="185">
        <v>0</v>
      </c>
      <c r="Z36" s="188">
        <v>0</v>
      </c>
      <c r="AA36" s="184">
        <v>0</v>
      </c>
      <c r="AB36" s="184">
        <v>0</v>
      </c>
      <c r="AC36" s="184">
        <v>0</v>
      </c>
      <c r="AD36" s="182">
        <v>0</v>
      </c>
      <c r="AE36" s="185">
        <v>0</v>
      </c>
      <c r="AF36" s="189">
        <v>0</v>
      </c>
      <c r="AG36" s="188">
        <v>0</v>
      </c>
      <c r="AH36" s="182">
        <v>0</v>
      </c>
      <c r="AI36" s="185">
        <v>0</v>
      </c>
      <c r="AJ36" s="188">
        <v>8</v>
      </c>
      <c r="AK36" s="184">
        <v>7</v>
      </c>
      <c r="AL36" s="184">
        <v>12</v>
      </c>
      <c r="AM36" s="184">
        <v>20</v>
      </c>
      <c r="AN36" s="182">
        <v>6</v>
      </c>
      <c r="AO36" s="185">
        <v>53</v>
      </c>
      <c r="AP36" s="189">
        <v>53</v>
      </c>
      <c r="AQ36" s="188">
        <v>0</v>
      </c>
      <c r="AR36" s="182">
        <v>0</v>
      </c>
      <c r="AS36" s="185">
        <v>0</v>
      </c>
      <c r="AT36" s="183">
        <v>8</v>
      </c>
      <c r="AU36" s="184">
        <v>7</v>
      </c>
      <c r="AV36" s="184">
        <v>12</v>
      </c>
      <c r="AW36" s="184">
        <v>20</v>
      </c>
      <c r="AX36" s="182">
        <v>6</v>
      </c>
      <c r="AY36" s="185">
        <v>53</v>
      </c>
      <c r="AZ36" s="186">
        <v>53</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8</v>
      </c>
      <c r="CT36" s="184">
        <v>7</v>
      </c>
      <c r="CU36" s="184">
        <v>8</v>
      </c>
      <c r="CV36" s="182">
        <v>9</v>
      </c>
      <c r="CW36" s="185">
        <v>35</v>
      </c>
      <c r="CX36" s="186">
        <v>35</v>
      </c>
      <c r="CY36" s="181">
        <v>0</v>
      </c>
      <c r="CZ36" s="182">
        <v>0</v>
      </c>
      <c r="DA36" s="182">
        <v>0</v>
      </c>
      <c r="DB36" s="183">
        <v>3</v>
      </c>
      <c r="DC36" s="184">
        <v>8</v>
      </c>
      <c r="DD36" s="184">
        <v>7</v>
      </c>
      <c r="DE36" s="184">
        <v>8</v>
      </c>
      <c r="DF36" s="182">
        <v>9</v>
      </c>
      <c r="DG36" s="185">
        <v>35</v>
      </c>
      <c r="DH36" s="187">
        <v>35</v>
      </c>
      <c r="DI36" s="188">
        <v>0</v>
      </c>
      <c r="DJ36" s="182">
        <v>0</v>
      </c>
      <c r="DK36" s="182">
        <v>0</v>
      </c>
      <c r="DL36" s="183">
        <v>0</v>
      </c>
      <c r="DM36" s="184">
        <v>0</v>
      </c>
      <c r="DN36" s="184">
        <v>0</v>
      </c>
      <c r="DO36" s="184">
        <v>0</v>
      </c>
      <c r="DP36" s="182">
        <v>0</v>
      </c>
      <c r="DQ36" s="185">
        <v>0</v>
      </c>
      <c r="DR36" s="187">
        <v>0</v>
      </c>
      <c r="DS36" s="188">
        <v>0</v>
      </c>
      <c r="DT36" s="182">
        <v>0</v>
      </c>
      <c r="DU36" s="182">
        <v>0</v>
      </c>
      <c r="DV36" s="183">
        <v>11</v>
      </c>
      <c r="DW36" s="184">
        <v>20</v>
      </c>
      <c r="DX36" s="184">
        <v>41</v>
      </c>
      <c r="DY36" s="184">
        <v>59</v>
      </c>
      <c r="DZ36" s="182">
        <v>37</v>
      </c>
      <c r="EA36" s="185">
        <v>168</v>
      </c>
      <c r="EB36" s="187">
        <v>168</v>
      </c>
      <c r="EC36" s="32"/>
    </row>
    <row r="37" spans="2:133" ht="21" customHeight="1" x14ac:dyDescent="0.2">
      <c r="B37" s="468" t="s">
        <v>34</v>
      </c>
      <c r="C37" s="181">
        <v>0</v>
      </c>
      <c r="D37" s="182">
        <v>0</v>
      </c>
      <c r="E37" s="182">
        <v>0</v>
      </c>
      <c r="F37" s="183">
        <v>0</v>
      </c>
      <c r="G37" s="184">
        <v>0</v>
      </c>
      <c r="H37" s="184">
        <v>10</v>
      </c>
      <c r="I37" s="184">
        <v>20</v>
      </c>
      <c r="J37" s="182">
        <v>13</v>
      </c>
      <c r="K37" s="185">
        <v>43</v>
      </c>
      <c r="L37" s="186">
        <v>43</v>
      </c>
      <c r="M37" s="181">
        <v>0</v>
      </c>
      <c r="N37" s="182">
        <v>0</v>
      </c>
      <c r="O37" s="185">
        <v>0</v>
      </c>
      <c r="P37" s="183">
        <v>0</v>
      </c>
      <c r="Q37" s="184">
        <v>0</v>
      </c>
      <c r="R37" s="184">
        <v>10</v>
      </c>
      <c r="S37" s="184">
        <v>20</v>
      </c>
      <c r="T37" s="182">
        <v>13</v>
      </c>
      <c r="U37" s="185">
        <v>43</v>
      </c>
      <c r="V37" s="187">
        <v>43</v>
      </c>
      <c r="W37" s="188">
        <v>0</v>
      </c>
      <c r="X37" s="182">
        <v>0</v>
      </c>
      <c r="Y37" s="185">
        <v>0</v>
      </c>
      <c r="Z37" s="188">
        <v>0</v>
      </c>
      <c r="AA37" s="184">
        <v>0</v>
      </c>
      <c r="AB37" s="184">
        <v>0</v>
      </c>
      <c r="AC37" s="184">
        <v>0</v>
      </c>
      <c r="AD37" s="182">
        <v>0</v>
      </c>
      <c r="AE37" s="185">
        <v>0</v>
      </c>
      <c r="AF37" s="189">
        <v>0</v>
      </c>
      <c r="AG37" s="188">
        <v>0</v>
      </c>
      <c r="AH37" s="182">
        <v>0</v>
      </c>
      <c r="AI37" s="185">
        <v>0</v>
      </c>
      <c r="AJ37" s="188">
        <v>7</v>
      </c>
      <c r="AK37" s="184">
        <v>11</v>
      </c>
      <c r="AL37" s="184">
        <v>7</v>
      </c>
      <c r="AM37" s="184">
        <v>10</v>
      </c>
      <c r="AN37" s="182">
        <v>3</v>
      </c>
      <c r="AO37" s="185">
        <v>38</v>
      </c>
      <c r="AP37" s="189">
        <v>38</v>
      </c>
      <c r="AQ37" s="188">
        <v>0</v>
      </c>
      <c r="AR37" s="182">
        <v>0</v>
      </c>
      <c r="AS37" s="185">
        <v>0</v>
      </c>
      <c r="AT37" s="183">
        <v>7</v>
      </c>
      <c r="AU37" s="184">
        <v>10</v>
      </c>
      <c r="AV37" s="184">
        <v>7</v>
      </c>
      <c r="AW37" s="184">
        <v>10</v>
      </c>
      <c r="AX37" s="182">
        <v>3</v>
      </c>
      <c r="AY37" s="185">
        <v>37</v>
      </c>
      <c r="AZ37" s="186">
        <v>37</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2</v>
      </c>
      <c r="CV37" s="182">
        <v>1</v>
      </c>
      <c r="CW37" s="185">
        <v>3</v>
      </c>
      <c r="CX37" s="186">
        <v>3</v>
      </c>
      <c r="CY37" s="181">
        <v>0</v>
      </c>
      <c r="CZ37" s="182">
        <v>0</v>
      </c>
      <c r="DA37" s="182">
        <v>0</v>
      </c>
      <c r="DB37" s="183">
        <v>0</v>
      </c>
      <c r="DC37" s="184">
        <v>0</v>
      </c>
      <c r="DD37" s="184">
        <v>0</v>
      </c>
      <c r="DE37" s="184">
        <v>2</v>
      </c>
      <c r="DF37" s="182">
        <v>0</v>
      </c>
      <c r="DG37" s="185">
        <v>2</v>
      </c>
      <c r="DH37" s="187">
        <v>2</v>
      </c>
      <c r="DI37" s="188">
        <v>0</v>
      </c>
      <c r="DJ37" s="182">
        <v>0</v>
      </c>
      <c r="DK37" s="182">
        <v>0</v>
      </c>
      <c r="DL37" s="183">
        <v>0</v>
      </c>
      <c r="DM37" s="184">
        <v>0</v>
      </c>
      <c r="DN37" s="184">
        <v>0</v>
      </c>
      <c r="DO37" s="184">
        <v>0</v>
      </c>
      <c r="DP37" s="182">
        <v>1</v>
      </c>
      <c r="DQ37" s="185">
        <v>1</v>
      </c>
      <c r="DR37" s="187">
        <v>1</v>
      </c>
      <c r="DS37" s="188">
        <v>0</v>
      </c>
      <c r="DT37" s="182">
        <v>0</v>
      </c>
      <c r="DU37" s="182">
        <v>0</v>
      </c>
      <c r="DV37" s="183">
        <v>7</v>
      </c>
      <c r="DW37" s="184">
        <v>11</v>
      </c>
      <c r="DX37" s="184">
        <v>17</v>
      </c>
      <c r="DY37" s="184">
        <v>32</v>
      </c>
      <c r="DZ37" s="182">
        <v>17</v>
      </c>
      <c r="EA37" s="185">
        <v>84</v>
      </c>
      <c r="EB37" s="187">
        <v>84</v>
      </c>
      <c r="EC37" s="32"/>
    </row>
    <row r="38" spans="2:133" ht="21" customHeight="1" x14ac:dyDescent="0.2">
      <c r="B38" s="468" t="s">
        <v>35</v>
      </c>
      <c r="C38" s="181">
        <v>0</v>
      </c>
      <c r="D38" s="182">
        <v>0</v>
      </c>
      <c r="E38" s="182">
        <v>0</v>
      </c>
      <c r="F38" s="183">
        <v>1</v>
      </c>
      <c r="G38" s="184">
        <v>1</v>
      </c>
      <c r="H38" s="184">
        <v>21</v>
      </c>
      <c r="I38" s="184">
        <v>50</v>
      </c>
      <c r="J38" s="182">
        <v>33</v>
      </c>
      <c r="K38" s="185">
        <v>106</v>
      </c>
      <c r="L38" s="186">
        <v>106</v>
      </c>
      <c r="M38" s="181">
        <v>0</v>
      </c>
      <c r="N38" s="182">
        <v>0</v>
      </c>
      <c r="O38" s="185">
        <v>0</v>
      </c>
      <c r="P38" s="183">
        <v>1</v>
      </c>
      <c r="Q38" s="184">
        <v>1</v>
      </c>
      <c r="R38" s="184">
        <v>21</v>
      </c>
      <c r="S38" s="184">
        <v>50</v>
      </c>
      <c r="T38" s="182">
        <v>33</v>
      </c>
      <c r="U38" s="185">
        <v>106</v>
      </c>
      <c r="V38" s="187">
        <v>106</v>
      </c>
      <c r="W38" s="188">
        <v>0</v>
      </c>
      <c r="X38" s="182">
        <v>0</v>
      </c>
      <c r="Y38" s="185">
        <v>0</v>
      </c>
      <c r="Z38" s="188">
        <v>0</v>
      </c>
      <c r="AA38" s="184">
        <v>0</v>
      </c>
      <c r="AB38" s="184">
        <v>0</v>
      </c>
      <c r="AC38" s="184">
        <v>0</v>
      </c>
      <c r="AD38" s="182">
        <v>0</v>
      </c>
      <c r="AE38" s="185">
        <v>0</v>
      </c>
      <c r="AF38" s="189">
        <v>0</v>
      </c>
      <c r="AG38" s="188">
        <v>0</v>
      </c>
      <c r="AH38" s="182">
        <v>0</v>
      </c>
      <c r="AI38" s="185">
        <v>0</v>
      </c>
      <c r="AJ38" s="188">
        <v>21</v>
      </c>
      <c r="AK38" s="184">
        <v>27</v>
      </c>
      <c r="AL38" s="184">
        <v>26</v>
      </c>
      <c r="AM38" s="184">
        <v>9</v>
      </c>
      <c r="AN38" s="182">
        <v>12</v>
      </c>
      <c r="AO38" s="185">
        <v>95</v>
      </c>
      <c r="AP38" s="189">
        <v>95</v>
      </c>
      <c r="AQ38" s="188">
        <v>0</v>
      </c>
      <c r="AR38" s="182">
        <v>0</v>
      </c>
      <c r="AS38" s="185">
        <v>0</v>
      </c>
      <c r="AT38" s="183">
        <v>21</v>
      </c>
      <c r="AU38" s="184">
        <v>27</v>
      </c>
      <c r="AV38" s="184">
        <v>26</v>
      </c>
      <c r="AW38" s="184">
        <v>9</v>
      </c>
      <c r="AX38" s="182">
        <v>12</v>
      </c>
      <c r="AY38" s="185">
        <v>95</v>
      </c>
      <c r="AZ38" s="186">
        <v>95</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3</v>
      </c>
      <c r="CS38" s="184">
        <v>1</v>
      </c>
      <c r="CT38" s="184">
        <v>6</v>
      </c>
      <c r="CU38" s="184">
        <v>8</v>
      </c>
      <c r="CV38" s="182">
        <v>5</v>
      </c>
      <c r="CW38" s="185">
        <v>23</v>
      </c>
      <c r="CX38" s="186">
        <v>23</v>
      </c>
      <c r="CY38" s="181">
        <v>0</v>
      </c>
      <c r="CZ38" s="182">
        <v>0</v>
      </c>
      <c r="DA38" s="182">
        <v>0</v>
      </c>
      <c r="DB38" s="183">
        <v>2</v>
      </c>
      <c r="DC38" s="184">
        <v>1</v>
      </c>
      <c r="DD38" s="184">
        <v>6</v>
      </c>
      <c r="DE38" s="184">
        <v>8</v>
      </c>
      <c r="DF38" s="182">
        <v>5</v>
      </c>
      <c r="DG38" s="185">
        <v>22</v>
      </c>
      <c r="DH38" s="187">
        <v>22</v>
      </c>
      <c r="DI38" s="188">
        <v>0</v>
      </c>
      <c r="DJ38" s="182">
        <v>0</v>
      </c>
      <c r="DK38" s="182">
        <v>0</v>
      </c>
      <c r="DL38" s="183">
        <v>1</v>
      </c>
      <c r="DM38" s="184">
        <v>0</v>
      </c>
      <c r="DN38" s="184">
        <v>0</v>
      </c>
      <c r="DO38" s="184">
        <v>0</v>
      </c>
      <c r="DP38" s="182">
        <v>0</v>
      </c>
      <c r="DQ38" s="185">
        <v>1</v>
      </c>
      <c r="DR38" s="187">
        <v>1</v>
      </c>
      <c r="DS38" s="188">
        <v>0</v>
      </c>
      <c r="DT38" s="182">
        <v>0</v>
      </c>
      <c r="DU38" s="182">
        <v>0</v>
      </c>
      <c r="DV38" s="183">
        <v>25</v>
      </c>
      <c r="DW38" s="184">
        <v>29</v>
      </c>
      <c r="DX38" s="184">
        <v>53</v>
      </c>
      <c r="DY38" s="184">
        <v>67</v>
      </c>
      <c r="DZ38" s="182">
        <v>50</v>
      </c>
      <c r="EA38" s="185">
        <v>224</v>
      </c>
      <c r="EB38" s="187">
        <v>224</v>
      </c>
      <c r="EC38" s="32"/>
    </row>
    <row r="39" spans="2:133" ht="21" customHeight="1" x14ac:dyDescent="0.2">
      <c r="B39" s="468" t="s">
        <v>36</v>
      </c>
      <c r="C39" s="181">
        <v>0</v>
      </c>
      <c r="D39" s="182">
        <v>0</v>
      </c>
      <c r="E39" s="182">
        <v>0</v>
      </c>
      <c r="F39" s="183">
        <v>0</v>
      </c>
      <c r="G39" s="184">
        <v>3</v>
      </c>
      <c r="H39" s="184">
        <v>59</v>
      </c>
      <c r="I39" s="184">
        <v>82</v>
      </c>
      <c r="J39" s="182">
        <v>74</v>
      </c>
      <c r="K39" s="185">
        <v>218</v>
      </c>
      <c r="L39" s="186">
        <v>218</v>
      </c>
      <c r="M39" s="181">
        <v>0</v>
      </c>
      <c r="N39" s="182">
        <v>0</v>
      </c>
      <c r="O39" s="185">
        <v>0</v>
      </c>
      <c r="P39" s="183">
        <v>0</v>
      </c>
      <c r="Q39" s="184">
        <v>3</v>
      </c>
      <c r="R39" s="184">
        <v>58</v>
      </c>
      <c r="S39" s="184">
        <v>77</v>
      </c>
      <c r="T39" s="182">
        <v>74</v>
      </c>
      <c r="U39" s="185">
        <v>212</v>
      </c>
      <c r="V39" s="187">
        <v>212</v>
      </c>
      <c r="W39" s="188">
        <v>0</v>
      </c>
      <c r="X39" s="182">
        <v>0</v>
      </c>
      <c r="Y39" s="185">
        <v>0</v>
      </c>
      <c r="Z39" s="188">
        <v>0</v>
      </c>
      <c r="AA39" s="184">
        <v>0</v>
      </c>
      <c r="AB39" s="184">
        <v>1</v>
      </c>
      <c r="AC39" s="184">
        <v>5</v>
      </c>
      <c r="AD39" s="182">
        <v>0</v>
      </c>
      <c r="AE39" s="185">
        <v>6</v>
      </c>
      <c r="AF39" s="189">
        <v>6</v>
      </c>
      <c r="AG39" s="188">
        <v>0</v>
      </c>
      <c r="AH39" s="182">
        <v>0</v>
      </c>
      <c r="AI39" s="185">
        <v>0</v>
      </c>
      <c r="AJ39" s="188">
        <v>14</v>
      </c>
      <c r="AK39" s="184">
        <v>21</v>
      </c>
      <c r="AL39" s="184">
        <v>36</v>
      </c>
      <c r="AM39" s="184">
        <v>56</v>
      </c>
      <c r="AN39" s="182">
        <v>20</v>
      </c>
      <c r="AO39" s="185">
        <v>147</v>
      </c>
      <c r="AP39" s="189">
        <v>147</v>
      </c>
      <c r="AQ39" s="188">
        <v>0</v>
      </c>
      <c r="AR39" s="182">
        <v>0</v>
      </c>
      <c r="AS39" s="185">
        <v>0</v>
      </c>
      <c r="AT39" s="183">
        <v>14</v>
      </c>
      <c r="AU39" s="184">
        <v>21</v>
      </c>
      <c r="AV39" s="184">
        <v>36</v>
      </c>
      <c r="AW39" s="184">
        <v>55</v>
      </c>
      <c r="AX39" s="182">
        <v>20</v>
      </c>
      <c r="AY39" s="185">
        <v>146</v>
      </c>
      <c r="AZ39" s="186">
        <v>146</v>
      </c>
      <c r="BA39" s="181">
        <v>0</v>
      </c>
      <c r="BB39" s="182">
        <v>0</v>
      </c>
      <c r="BC39" s="182">
        <v>0</v>
      </c>
      <c r="BD39" s="183">
        <v>0</v>
      </c>
      <c r="BE39" s="184">
        <v>0</v>
      </c>
      <c r="BF39" s="184">
        <v>0</v>
      </c>
      <c r="BG39" s="184">
        <v>1</v>
      </c>
      <c r="BH39" s="182">
        <v>0</v>
      </c>
      <c r="BI39" s="185">
        <v>1</v>
      </c>
      <c r="BJ39" s="187">
        <v>1</v>
      </c>
      <c r="BK39" s="188">
        <v>0</v>
      </c>
      <c r="BL39" s="182">
        <v>0</v>
      </c>
      <c r="BM39" s="182">
        <v>0</v>
      </c>
      <c r="BN39" s="183">
        <v>0</v>
      </c>
      <c r="BO39" s="184">
        <v>0</v>
      </c>
      <c r="BP39" s="184">
        <v>0</v>
      </c>
      <c r="BQ39" s="184">
        <v>2</v>
      </c>
      <c r="BR39" s="182">
        <v>1</v>
      </c>
      <c r="BS39" s="185">
        <v>3</v>
      </c>
      <c r="BT39" s="186">
        <v>3</v>
      </c>
      <c r="BU39" s="181">
        <v>0</v>
      </c>
      <c r="BV39" s="182">
        <v>0</v>
      </c>
      <c r="BW39" s="182">
        <v>0</v>
      </c>
      <c r="BX39" s="183">
        <v>0</v>
      </c>
      <c r="BY39" s="184">
        <v>0</v>
      </c>
      <c r="BZ39" s="184">
        <v>0</v>
      </c>
      <c r="CA39" s="184">
        <v>2</v>
      </c>
      <c r="CB39" s="182">
        <v>1</v>
      </c>
      <c r="CC39" s="185">
        <v>3</v>
      </c>
      <c r="CD39" s="187">
        <v>3</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8</v>
      </c>
      <c r="CV39" s="182">
        <v>2</v>
      </c>
      <c r="CW39" s="185">
        <v>10</v>
      </c>
      <c r="CX39" s="186">
        <v>10</v>
      </c>
      <c r="CY39" s="181">
        <v>0</v>
      </c>
      <c r="CZ39" s="182">
        <v>0</v>
      </c>
      <c r="DA39" s="182">
        <v>0</v>
      </c>
      <c r="DB39" s="183">
        <v>0</v>
      </c>
      <c r="DC39" s="184">
        <v>0</v>
      </c>
      <c r="DD39" s="184">
        <v>0</v>
      </c>
      <c r="DE39" s="184">
        <v>7</v>
      </c>
      <c r="DF39" s="182">
        <v>2</v>
      </c>
      <c r="DG39" s="185">
        <v>9</v>
      </c>
      <c r="DH39" s="187">
        <v>9</v>
      </c>
      <c r="DI39" s="188">
        <v>0</v>
      </c>
      <c r="DJ39" s="182">
        <v>0</v>
      </c>
      <c r="DK39" s="182">
        <v>0</v>
      </c>
      <c r="DL39" s="183">
        <v>0</v>
      </c>
      <c r="DM39" s="184">
        <v>0</v>
      </c>
      <c r="DN39" s="184">
        <v>0</v>
      </c>
      <c r="DO39" s="184">
        <v>1</v>
      </c>
      <c r="DP39" s="182">
        <v>0</v>
      </c>
      <c r="DQ39" s="185">
        <v>1</v>
      </c>
      <c r="DR39" s="187">
        <v>1</v>
      </c>
      <c r="DS39" s="188">
        <v>0</v>
      </c>
      <c r="DT39" s="182">
        <v>0</v>
      </c>
      <c r="DU39" s="182">
        <v>0</v>
      </c>
      <c r="DV39" s="183">
        <v>14</v>
      </c>
      <c r="DW39" s="184">
        <v>24</v>
      </c>
      <c r="DX39" s="184">
        <v>95</v>
      </c>
      <c r="DY39" s="184">
        <v>146</v>
      </c>
      <c r="DZ39" s="182">
        <v>97</v>
      </c>
      <c r="EA39" s="185">
        <v>376</v>
      </c>
      <c r="EB39" s="187">
        <v>376</v>
      </c>
      <c r="EC39" s="32"/>
    </row>
    <row r="40" spans="2:133" ht="21" customHeight="1" thickBot="1" x14ac:dyDescent="0.25">
      <c r="B40" s="469" t="s">
        <v>37</v>
      </c>
      <c r="C40" s="190">
        <v>0</v>
      </c>
      <c r="D40" s="191">
        <v>0</v>
      </c>
      <c r="E40" s="191">
        <v>0</v>
      </c>
      <c r="F40" s="192">
        <v>0</v>
      </c>
      <c r="G40" s="193">
        <v>0</v>
      </c>
      <c r="H40" s="193">
        <v>6</v>
      </c>
      <c r="I40" s="193">
        <v>9</v>
      </c>
      <c r="J40" s="191">
        <v>6</v>
      </c>
      <c r="K40" s="194">
        <v>21</v>
      </c>
      <c r="L40" s="195">
        <v>21</v>
      </c>
      <c r="M40" s="190">
        <v>0</v>
      </c>
      <c r="N40" s="191">
        <v>0</v>
      </c>
      <c r="O40" s="194">
        <v>0</v>
      </c>
      <c r="P40" s="192">
        <v>0</v>
      </c>
      <c r="Q40" s="193">
        <v>0</v>
      </c>
      <c r="R40" s="193">
        <v>6</v>
      </c>
      <c r="S40" s="193">
        <v>9</v>
      </c>
      <c r="T40" s="191">
        <v>6</v>
      </c>
      <c r="U40" s="194">
        <v>21</v>
      </c>
      <c r="V40" s="196">
        <v>21</v>
      </c>
      <c r="W40" s="197">
        <v>0</v>
      </c>
      <c r="X40" s="191">
        <v>0</v>
      </c>
      <c r="Y40" s="194">
        <v>0</v>
      </c>
      <c r="Z40" s="197">
        <v>0</v>
      </c>
      <c r="AA40" s="193">
        <v>0</v>
      </c>
      <c r="AB40" s="193">
        <v>0</v>
      </c>
      <c r="AC40" s="193">
        <v>0</v>
      </c>
      <c r="AD40" s="191">
        <v>0</v>
      </c>
      <c r="AE40" s="194">
        <v>0</v>
      </c>
      <c r="AF40" s="198">
        <v>0</v>
      </c>
      <c r="AG40" s="197">
        <v>0</v>
      </c>
      <c r="AH40" s="191">
        <v>0</v>
      </c>
      <c r="AI40" s="194">
        <v>0</v>
      </c>
      <c r="AJ40" s="197">
        <v>2</v>
      </c>
      <c r="AK40" s="193">
        <v>4</v>
      </c>
      <c r="AL40" s="193">
        <v>9</v>
      </c>
      <c r="AM40" s="193">
        <v>1</v>
      </c>
      <c r="AN40" s="191">
        <v>3</v>
      </c>
      <c r="AO40" s="194">
        <v>19</v>
      </c>
      <c r="AP40" s="198">
        <v>19</v>
      </c>
      <c r="AQ40" s="197">
        <v>0</v>
      </c>
      <c r="AR40" s="191">
        <v>0</v>
      </c>
      <c r="AS40" s="194">
        <v>0</v>
      </c>
      <c r="AT40" s="192">
        <v>2</v>
      </c>
      <c r="AU40" s="193">
        <v>4</v>
      </c>
      <c r="AV40" s="193">
        <v>9</v>
      </c>
      <c r="AW40" s="193">
        <v>1</v>
      </c>
      <c r="AX40" s="191">
        <v>3</v>
      </c>
      <c r="AY40" s="194">
        <v>19</v>
      </c>
      <c r="AZ40" s="195">
        <v>19</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2</v>
      </c>
      <c r="DW40" s="193">
        <v>4</v>
      </c>
      <c r="DX40" s="193">
        <v>15</v>
      </c>
      <c r="DY40" s="193">
        <v>10</v>
      </c>
      <c r="DZ40" s="191">
        <v>9</v>
      </c>
      <c r="EA40" s="194">
        <v>40</v>
      </c>
      <c r="EB40" s="196">
        <v>40</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0</v>
      </c>
      <c r="F1" s="539">
        <f>第１表!F2</f>
        <v>6</v>
      </c>
      <c r="G1" s="539"/>
      <c r="H1" s="235">
        <f>第１表!G2</f>
        <v>1</v>
      </c>
      <c r="I1" s="538">
        <f>H1</f>
        <v>1</v>
      </c>
      <c r="J1" s="538"/>
    </row>
    <row r="2" spans="2:299" ht="24" customHeight="1" thickBot="1" x14ac:dyDescent="0.25">
      <c r="B2" s="15" t="s">
        <v>128</v>
      </c>
    </row>
    <row r="3" spans="2:299" ht="21" customHeight="1" thickBot="1" x14ac:dyDescent="0.25">
      <c r="B3" s="525" t="s">
        <v>38</v>
      </c>
      <c r="C3" s="520" t="s">
        <v>96</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0"/>
      <c r="AG3" s="520"/>
      <c r="AH3" s="520"/>
      <c r="AI3" s="520"/>
      <c r="AJ3" s="520"/>
      <c r="AK3" s="520"/>
      <c r="AL3" s="520"/>
      <c r="AM3" s="520"/>
      <c r="AN3" s="520"/>
      <c r="AO3" s="520"/>
      <c r="AP3" s="520"/>
      <c r="AQ3" s="520"/>
      <c r="AR3" s="520"/>
      <c r="AS3" s="520"/>
      <c r="AT3" s="520"/>
      <c r="AU3" s="520"/>
      <c r="AV3" s="520"/>
      <c r="AW3" s="520"/>
      <c r="AX3" s="520"/>
      <c r="AY3" s="520"/>
      <c r="AZ3" s="520"/>
      <c r="BA3" s="520"/>
      <c r="BB3" s="520"/>
      <c r="BC3" s="520"/>
      <c r="BD3" s="520"/>
      <c r="BE3" s="520"/>
      <c r="BF3" s="520"/>
      <c r="BG3" s="520"/>
      <c r="BH3" s="520"/>
      <c r="BI3" s="520"/>
      <c r="BJ3" s="520"/>
      <c r="BK3" s="520"/>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0"/>
      <c r="CO3" s="520"/>
      <c r="CP3" s="520"/>
      <c r="CQ3" s="520"/>
      <c r="CR3" s="520"/>
      <c r="CS3" s="520"/>
      <c r="CT3" s="520"/>
      <c r="CU3" s="520"/>
      <c r="CV3" s="520"/>
      <c r="CW3" s="521"/>
      <c r="CX3" s="520" t="s">
        <v>103</v>
      </c>
      <c r="CY3" s="520"/>
      <c r="CZ3" s="520"/>
      <c r="DA3" s="520"/>
      <c r="DB3" s="520"/>
      <c r="DC3" s="520"/>
      <c r="DD3" s="520"/>
      <c r="DE3" s="520"/>
      <c r="DF3" s="520"/>
      <c r="DG3" s="520"/>
      <c r="DH3" s="520"/>
      <c r="DI3" s="520"/>
      <c r="DJ3" s="520"/>
      <c r="DK3" s="520"/>
      <c r="DL3" s="520"/>
      <c r="DM3" s="520"/>
      <c r="DN3" s="520"/>
      <c r="DO3" s="520"/>
      <c r="DP3" s="520"/>
      <c r="DQ3" s="520"/>
      <c r="DR3" s="520"/>
      <c r="DS3" s="520"/>
      <c r="DT3" s="520"/>
      <c r="DU3" s="520"/>
      <c r="DV3" s="520"/>
      <c r="DW3" s="520"/>
      <c r="DX3" s="520"/>
      <c r="DY3" s="520"/>
      <c r="DZ3" s="520"/>
      <c r="EA3" s="520"/>
      <c r="EB3" s="520"/>
      <c r="EC3" s="520"/>
      <c r="ED3" s="520"/>
      <c r="EE3" s="520"/>
      <c r="EF3" s="520"/>
      <c r="EG3" s="520"/>
      <c r="EH3" s="520"/>
      <c r="EI3" s="520"/>
      <c r="EJ3" s="520"/>
      <c r="EK3" s="520"/>
      <c r="EL3" s="520"/>
      <c r="EM3" s="520"/>
      <c r="EN3" s="520"/>
      <c r="EO3" s="520"/>
      <c r="EP3" s="520"/>
      <c r="EQ3" s="520"/>
      <c r="ER3" s="520"/>
      <c r="ES3" s="520"/>
      <c r="ET3" s="520"/>
      <c r="EU3" s="520"/>
      <c r="EV3" s="520"/>
      <c r="EW3" s="520"/>
      <c r="EX3" s="520"/>
      <c r="EY3" s="520"/>
      <c r="EZ3" s="520"/>
      <c r="FA3" s="520"/>
      <c r="FB3" s="520"/>
      <c r="FC3" s="520"/>
      <c r="FD3" s="520"/>
      <c r="FE3" s="520"/>
      <c r="FF3" s="520"/>
      <c r="FG3" s="520"/>
      <c r="FH3" s="520"/>
      <c r="FI3" s="520"/>
      <c r="FJ3" s="520"/>
      <c r="FK3" s="520"/>
      <c r="FL3" s="520"/>
      <c r="FM3" s="520"/>
      <c r="FN3" s="520"/>
      <c r="FO3" s="520"/>
      <c r="FP3" s="520"/>
      <c r="FQ3" s="520"/>
      <c r="FR3" s="520"/>
      <c r="FS3" s="520"/>
      <c r="FT3" s="520"/>
      <c r="FU3" s="520"/>
      <c r="FV3" s="520"/>
      <c r="FW3" s="520"/>
      <c r="FX3" s="520"/>
      <c r="FY3" s="520"/>
      <c r="FZ3" s="520"/>
      <c r="GA3" s="520"/>
      <c r="GB3" s="520"/>
      <c r="GC3" s="520"/>
      <c r="GD3" s="520"/>
      <c r="GE3" s="520"/>
      <c r="GF3" s="520"/>
      <c r="GG3" s="520"/>
      <c r="GH3" s="520"/>
      <c r="GI3" s="520"/>
      <c r="GJ3" s="520"/>
      <c r="GK3" s="520"/>
      <c r="GL3" s="520"/>
      <c r="GM3" s="520"/>
      <c r="GN3" s="520"/>
      <c r="GO3" s="520"/>
      <c r="GP3" s="520"/>
      <c r="GQ3" s="520"/>
      <c r="GR3" s="521"/>
      <c r="GS3" s="520" t="s">
        <v>104</v>
      </c>
      <c r="GT3" s="520"/>
      <c r="GU3" s="520"/>
      <c r="GV3" s="520"/>
      <c r="GW3" s="520"/>
      <c r="GX3" s="520"/>
      <c r="GY3" s="520"/>
      <c r="GZ3" s="520"/>
      <c r="HA3" s="520"/>
      <c r="HB3" s="520"/>
      <c r="HC3" s="520"/>
      <c r="HD3" s="520"/>
      <c r="HE3" s="520"/>
      <c r="HF3" s="520"/>
      <c r="HG3" s="520"/>
      <c r="HH3" s="520"/>
      <c r="HI3" s="520"/>
      <c r="HJ3" s="520"/>
      <c r="HK3" s="520"/>
      <c r="HL3" s="520"/>
      <c r="HM3" s="520"/>
      <c r="HN3" s="520"/>
      <c r="HO3" s="520"/>
      <c r="HP3" s="520"/>
      <c r="HQ3" s="520"/>
      <c r="HR3" s="520"/>
      <c r="HS3" s="520"/>
      <c r="HT3" s="520"/>
      <c r="HU3" s="520"/>
      <c r="HV3" s="520"/>
      <c r="HW3" s="520"/>
      <c r="HX3" s="520"/>
      <c r="HY3" s="520"/>
      <c r="HZ3" s="520"/>
      <c r="IA3" s="520"/>
      <c r="IB3" s="520"/>
      <c r="IC3" s="520"/>
      <c r="ID3" s="520"/>
      <c r="IE3" s="520"/>
      <c r="IF3" s="520"/>
      <c r="IG3" s="520"/>
      <c r="IH3" s="520"/>
      <c r="II3" s="520"/>
      <c r="IJ3" s="520"/>
      <c r="IK3" s="520"/>
      <c r="IL3" s="520"/>
      <c r="IM3" s="520"/>
      <c r="IN3" s="520"/>
      <c r="IO3" s="520"/>
      <c r="IP3" s="520"/>
      <c r="IQ3" s="520"/>
      <c r="IR3" s="520"/>
      <c r="IS3" s="520"/>
      <c r="IT3" s="520"/>
      <c r="IU3" s="520"/>
      <c r="IV3" s="520"/>
      <c r="IW3" s="520"/>
      <c r="IX3" s="520"/>
      <c r="IY3" s="520"/>
      <c r="IZ3" s="520"/>
      <c r="JA3" s="520"/>
      <c r="JB3" s="520"/>
      <c r="JC3" s="520"/>
      <c r="JD3" s="520"/>
      <c r="JE3" s="520"/>
      <c r="JF3" s="520"/>
      <c r="JG3" s="520"/>
      <c r="JH3" s="520"/>
      <c r="JI3" s="520"/>
      <c r="JJ3" s="520"/>
      <c r="JK3" s="520"/>
      <c r="JL3" s="520"/>
      <c r="JM3" s="520"/>
      <c r="JN3" s="520"/>
      <c r="JO3" s="520"/>
      <c r="JP3" s="520"/>
      <c r="JQ3" s="520"/>
      <c r="JR3" s="520"/>
      <c r="JS3" s="520"/>
      <c r="JT3" s="520"/>
      <c r="JU3" s="520"/>
      <c r="JV3" s="520"/>
      <c r="JW3" s="520"/>
      <c r="JX3" s="520"/>
      <c r="JY3" s="520"/>
      <c r="JZ3" s="520"/>
      <c r="KA3" s="520"/>
      <c r="KB3" s="520"/>
      <c r="KC3" s="520"/>
      <c r="KD3" s="520"/>
      <c r="KE3" s="520"/>
      <c r="KF3" s="520"/>
      <c r="KG3" s="520"/>
      <c r="KH3" s="520"/>
      <c r="KI3" s="520"/>
      <c r="KJ3" s="520"/>
      <c r="KK3" s="520"/>
      <c r="KL3" s="520"/>
      <c r="KM3" s="521"/>
    </row>
    <row r="4" spans="2:299" ht="21" customHeight="1" thickBot="1" x14ac:dyDescent="0.25">
      <c r="B4" s="537"/>
      <c r="C4" s="522" t="s">
        <v>39</v>
      </c>
      <c r="D4" s="523"/>
      <c r="E4" s="523"/>
      <c r="F4" s="523"/>
      <c r="G4" s="523"/>
      <c r="H4" s="523"/>
      <c r="I4" s="523"/>
      <c r="J4" s="523"/>
      <c r="K4" s="523"/>
      <c r="L4" s="523"/>
      <c r="M4" s="523"/>
      <c r="N4" s="523"/>
      <c r="O4" s="523"/>
      <c r="P4" s="523"/>
      <c r="Q4" s="523"/>
      <c r="R4" s="523"/>
      <c r="S4" s="523"/>
      <c r="T4" s="523"/>
      <c r="U4" s="523"/>
      <c r="V4" s="523"/>
      <c r="W4" s="523"/>
      <c r="X4" s="523"/>
      <c r="Y4" s="523"/>
      <c r="Z4" s="523"/>
      <c r="AA4" s="523"/>
      <c r="AB4" s="523"/>
      <c r="AC4" s="523"/>
      <c r="AD4" s="523"/>
      <c r="AE4" s="523"/>
      <c r="AF4" s="523"/>
      <c r="AG4" s="523"/>
      <c r="AH4" s="523"/>
      <c r="AI4" s="523"/>
      <c r="AJ4" s="523"/>
      <c r="AK4" s="523"/>
      <c r="AL4" s="523"/>
      <c r="AM4" s="523"/>
      <c r="AN4" s="523"/>
      <c r="AO4" s="523"/>
      <c r="AP4" s="523"/>
      <c r="AQ4" s="523"/>
      <c r="AR4" s="523"/>
      <c r="AS4" s="523"/>
      <c r="AT4" s="523"/>
      <c r="AU4" s="523"/>
      <c r="AV4" s="523"/>
      <c r="AW4" s="523"/>
      <c r="AX4" s="523"/>
      <c r="AY4" s="523"/>
      <c r="AZ4" s="523"/>
      <c r="BA4" s="523"/>
      <c r="BB4" s="523"/>
      <c r="BC4" s="523"/>
      <c r="BD4" s="523"/>
      <c r="BE4" s="523"/>
      <c r="BF4" s="523"/>
      <c r="BG4" s="523"/>
      <c r="BH4" s="523"/>
      <c r="BI4" s="523"/>
      <c r="BJ4" s="523"/>
      <c r="BK4" s="523"/>
      <c r="BL4" s="523"/>
      <c r="BM4" s="523"/>
      <c r="BN4" s="523"/>
      <c r="BO4" s="523"/>
      <c r="BP4" s="523"/>
      <c r="BQ4" s="523"/>
      <c r="BR4" s="523"/>
      <c r="BS4" s="523"/>
      <c r="BT4" s="523"/>
      <c r="BU4" s="523"/>
      <c r="BV4" s="523"/>
      <c r="BW4" s="523"/>
      <c r="BX4" s="523"/>
      <c r="BY4" s="523"/>
      <c r="BZ4" s="523"/>
      <c r="CA4" s="524"/>
      <c r="CB4" s="525" t="s">
        <v>40</v>
      </c>
      <c r="CC4" s="526"/>
      <c r="CD4" s="526"/>
      <c r="CE4" s="526"/>
      <c r="CF4" s="526"/>
      <c r="CG4" s="526"/>
      <c r="CH4" s="526"/>
      <c r="CI4" s="526"/>
      <c r="CJ4" s="526"/>
      <c r="CK4" s="526"/>
      <c r="CL4" s="527"/>
      <c r="CM4" s="525" t="s">
        <v>41</v>
      </c>
      <c r="CN4" s="526"/>
      <c r="CO4" s="526"/>
      <c r="CP4" s="526"/>
      <c r="CQ4" s="526"/>
      <c r="CR4" s="526"/>
      <c r="CS4" s="526"/>
      <c r="CT4" s="526"/>
      <c r="CU4" s="526"/>
      <c r="CV4" s="526"/>
      <c r="CW4" s="527"/>
      <c r="CX4" s="522" t="s">
        <v>39</v>
      </c>
      <c r="CY4" s="523"/>
      <c r="CZ4" s="523"/>
      <c r="DA4" s="523"/>
      <c r="DB4" s="523"/>
      <c r="DC4" s="523"/>
      <c r="DD4" s="523"/>
      <c r="DE4" s="523"/>
      <c r="DF4" s="523"/>
      <c r="DG4" s="523"/>
      <c r="DH4" s="523"/>
      <c r="DI4" s="523"/>
      <c r="DJ4" s="523"/>
      <c r="DK4" s="523"/>
      <c r="DL4" s="523"/>
      <c r="DM4" s="523"/>
      <c r="DN4" s="523"/>
      <c r="DO4" s="523"/>
      <c r="DP4" s="523"/>
      <c r="DQ4" s="523"/>
      <c r="DR4" s="523"/>
      <c r="DS4" s="523"/>
      <c r="DT4" s="523"/>
      <c r="DU4" s="523"/>
      <c r="DV4" s="523"/>
      <c r="DW4" s="523"/>
      <c r="DX4" s="523"/>
      <c r="DY4" s="523"/>
      <c r="DZ4" s="523"/>
      <c r="EA4" s="523"/>
      <c r="EB4" s="523"/>
      <c r="EC4" s="523"/>
      <c r="ED4" s="523"/>
      <c r="EE4" s="523"/>
      <c r="EF4" s="523"/>
      <c r="EG4" s="523"/>
      <c r="EH4" s="523"/>
      <c r="EI4" s="523"/>
      <c r="EJ4" s="523"/>
      <c r="EK4" s="523"/>
      <c r="EL4" s="523"/>
      <c r="EM4" s="523"/>
      <c r="EN4" s="523"/>
      <c r="EO4" s="523"/>
      <c r="EP4" s="523"/>
      <c r="EQ4" s="523"/>
      <c r="ER4" s="523"/>
      <c r="ES4" s="523"/>
      <c r="ET4" s="523"/>
      <c r="EU4" s="523"/>
      <c r="EV4" s="523"/>
      <c r="EW4" s="523"/>
      <c r="EX4" s="523"/>
      <c r="EY4" s="523"/>
      <c r="EZ4" s="523"/>
      <c r="FA4" s="523"/>
      <c r="FB4" s="523"/>
      <c r="FC4" s="523"/>
      <c r="FD4" s="523"/>
      <c r="FE4" s="523"/>
      <c r="FF4" s="523"/>
      <c r="FG4" s="523"/>
      <c r="FH4" s="523"/>
      <c r="FI4" s="523"/>
      <c r="FJ4" s="523"/>
      <c r="FK4" s="523"/>
      <c r="FL4" s="523"/>
      <c r="FM4" s="523"/>
      <c r="FN4" s="523"/>
      <c r="FO4" s="523"/>
      <c r="FP4" s="523"/>
      <c r="FQ4" s="523"/>
      <c r="FR4" s="523"/>
      <c r="FS4" s="523"/>
      <c r="FT4" s="523"/>
      <c r="FU4" s="523"/>
      <c r="FV4" s="524"/>
      <c r="FW4" s="525" t="s">
        <v>40</v>
      </c>
      <c r="FX4" s="526"/>
      <c r="FY4" s="526"/>
      <c r="FZ4" s="526"/>
      <c r="GA4" s="526"/>
      <c r="GB4" s="526"/>
      <c r="GC4" s="526"/>
      <c r="GD4" s="526"/>
      <c r="GE4" s="526"/>
      <c r="GF4" s="526"/>
      <c r="GG4" s="527"/>
      <c r="GH4" s="525" t="s">
        <v>41</v>
      </c>
      <c r="GI4" s="526"/>
      <c r="GJ4" s="526"/>
      <c r="GK4" s="526"/>
      <c r="GL4" s="526"/>
      <c r="GM4" s="526"/>
      <c r="GN4" s="526"/>
      <c r="GO4" s="526"/>
      <c r="GP4" s="526"/>
      <c r="GQ4" s="526"/>
      <c r="GR4" s="527"/>
      <c r="GS4" s="522" t="s">
        <v>39</v>
      </c>
      <c r="GT4" s="523"/>
      <c r="GU4" s="523"/>
      <c r="GV4" s="523"/>
      <c r="GW4" s="523"/>
      <c r="GX4" s="523"/>
      <c r="GY4" s="523"/>
      <c r="GZ4" s="523"/>
      <c r="HA4" s="523"/>
      <c r="HB4" s="523"/>
      <c r="HC4" s="523"/>
      <c r="HD4" s="523"/>
      <c r="HE4" s="523"/>
      <c r="HF4" s="523"/>
      <c r="HG4" s="523"/>
      <c r="HH4" s="523"/>
      <c r="HI4" s="523"/>
      <c r="HJ4" s="523"/>
      <c r="HK4" s="523"/>
      <c r="HL4" s="523"/>
      <c r="HM4" s="523"/>
      <c r="HN4" s="523"/>
      <c r="HO4" s="523"/>
      <c r="HP4" s="523"/>
      <c r="HQ4" s="523"/>
      <c r="HR4" s="523"/>
      <c r="HS4" s="523"/>
      <c r="HT4" s="523"/>
      <c r="HU4" s="523"/>
      <c r="HV4" s="523"/>
      <c r="HW4" s="523"/>
      <c r="HX4" s="523"/>
      <c r="HY4" s="523"/>
      <c r="HZ4" s="523"/>
      <c r="IA4" s="523"/>
      <c r="IB4" s="523"/>
      <c r="IC4" s="523"/>
      <c r="ID4" s="523"/>
      <c r="IE4" s="523"/>
      <c r="IF4" s="523"/>
      <c r="IG4" s="523"/>
      <c r="IH4" s="523"/>
      <c r="II4" s="523"/>
      <c r="IJ4" s="523"/>
      <c r="IK4" s="523"/>
      <c r="IL4" s="523"/>
      <c r="IM4" s="523"/>
      <c r="IN4" s="523"/>
      <c r="IO4" s="523"/>
      <c r="IP4" s="523"/>
      <c r="IQ4" s="523"/>
      <c r="IR4" s="523"/>
      <c r="IS4" s="523"/>
      <c r="IT4" s="523"/>
      <c r="IU4" s="523"/>
      <c r="IV4" s="523"/>
      <c r="IW4" s="523"/>
      <c r="IX4" s="523"/>
      <c r="IY4" s="523"/>
      <c r="IZ4" s="523"/>
      <c r="JA4" s="523"/>
      <c r="JB4" s="523"/>
      <c r="JC4" s="523"/>
      <c r="JD4" s="523"/>
      <c r="JE4" s="523"/>
      <c r="JF4" s="523"/>
      <c r="JG4" s="523"/>
      <c r="JH4" s="523"/>
      <c r="JI4" s="523"/>
      <c r="JJ4" s="523"/>
      <c r="JK4" s="523"/>
      <c r="JL4" s="523"/>
      <c r="JM4" s="523"/>
      <c r="JN4" s="523"/>
      <c r="JO4" s="523"/>
      <c r="JP4" s="523"/>
      <c r="JQ4" s="524"/>
      <c r="JR4" s="525" t="s">
        <v>40</v>
      </c>
      <c r="JS4" s="526"/>
      <c r="JT4" s="526"/>
      <c r="JU4" s="526"/>
      <c r="JV4" s="526"/>
      <c r="JW4" s="526"/>
      <c r="JX4" s="526"/>
      <c r="JY4" s="526"/>
      <c r="JZ4" s="526"/>
      <c r="KA4" s="526"/>
      <c r="KB4" s="527"/>
      <c r="KC4" s="525" t="s">
        <v>41</v>
      </c>
      <c r="KD4" s="526"/>
      <c r="KE4" s="526"/>
      <c r="KF4" s="526"/>
      <c r="KG4" s="526"/>
      <c r="KH4" s="526"/>
      <c r="KI4" s="526"/>
      <c r="KJ4" s="526"/>
      <c r="KK4" s="526"/>
      <c r="KL4" s="526"/>
      <c r="KM4" s="527"/>
    </row>
    <row r="5" spans="2:299" ht="21" customHeight="1" thickBot="1" x14ac:dyDescent="0.25">
      <c r="B5" s="531"/>
      <c r="C5" s="531"/>
      <c r="D5" s="532"/>
      <c r="E5" s="532"/>
      <c r="F5" s="532"/>
      <c r="G5" s="532"/>
      <c r="H5" s="532"/>
      <c r="I5" s="532"/>
      <c r="J5" s="532"/>
      <c r="K5" s="532"/>
      <c r="L5" s="532"/>
      <c r="M5" s="533"/>
      <c r="N5" s="534" t="s">
        <v>97</v>
      </c>
      <c r="O5" s="535"/>
      <c r="P5" s="535"/>
      <c r="Q5" s="535"/>
      <c r="R5" s="535"/>
      <c r="S5" s="535"/>
      <c r="T5" s="535"/>
      <c r="U5" s="535"/>
      <c r="V5" s="535"/>
      <c r="W5" s="535"/>
      <c r="X5" s="536"/>
      <c r="Y5" s="534" t="s">
        <v>98</v>
      </c>
      <c r="Z5" s="535"/>
      <c r="AA5" s="535"/>
      <c r="AB5" s="535"/>
      <c r="AC5" s="535"/>
      <c r="AD5" s="535"/>
      <c r="AE5" s="535"/>
      <c r="AF5" s="535"/>
      <c r="AG5" s="535"/>
      <c r="AH5" s="535"/>
      <c r="AI5" s="536"/>
      <c r="AJ5" s="534" t="s">
        <v>99</v>
      </c>
      <c r="AK5" s="535"/>
      <c r="AL5" s="535"/>
      <c r="AM5" s="535"/>
      <c r="AN5" s="535"/>
      <c r="AO5" s="535"/>
      <c r="AP5" s="535"/>
      <c r="AQ5" s="535"/>
      <c r="AR5" s="535"/>
      <c r="AS5" s="535"/>
      <c r="AT5" s="536"/>
      <c r="AU5" s="534" t="s">
        <v>100</v>
      </c>
      <c r="AV5" s="535"/>
      <c r="AW5" s="535"/>
      <c r="AX5" s="535"/>
      <c r="AY5" s="535"/>
      <c r="AZ5" s="535"/>
      <c r="BA5" s="535"/>
      <c r="BB5" s="535"/>
      <c r="BC5" s="535"/>
      <c r="BD5" s="535"/>
      <c r="BE5" s="536"/>
      <c r="BF5" s="534" t="s">
        <v>101</v>
      </c>
      <c r="BG5" s="535"/>
      <c r="BH5" s="535"/>
      <c r="BI5" s="535"/>
      <c r="BJ5" s="535"/>
      <c r="BK5" s="535"/>
      <c r="BL5" s="535"/>
      <c r="BM5" s="535"/>
      <c r="BN5" s="535"/>
      <c r="BO5" s="535"/>
      <c r="BP5" s="536"/>
      <c r="BQ5" s="534" t="s">
        <v>102</v>
      </c>
      <c r="BR5" s="535"/>
      <c r="BS5" s="535"/>
      <c r="BT5" s="535"/>
      <c r="BU5" s="535"/>
      <c r="BV5" s="535"/>
      <c r="BW5" s="535"/>
      <c r="BX5" s="535"/>
      <c r="BY5" s="535"/>
      <c r="BZ5" s="535"/>
      <c r="CA5" s="536"/>
      <c r="CB5" s="528"/>
      <c r="CC5" s="529"/>
      <c r="CD5" s="529"/>
      <c r="CE5" s="529"/>
      <c r="CF5" s="529"/>
      <c r="CG5" s="529"/>
      <c r="CH5" s="529"/>
      <c r="CI5" s="529"/>
      <c r="CJ5" s="529"/>
      <c r="CK5" s="529"/>
      <c r="CL5" s="530"/>
      <c r="CM5" s="528"/>
      <c r="CN5" s="529"/>
      <c r="CO5" s="529"/>
      <c r="CP5" s="529"/>
      <c r="CQ5" s="529"/>
      <c r="CR5" s="529"/>
      <c r="CS5" s="529"/>
      <c r="CT5" s="529"/>
      <c r="CU5" s="529"/>
      <c r="CV5" s="529"/>
      <c r="CW5" s="530"/>
      <c r="CX5" s="531"/>
      <c r="CY5" s="532"/>
      <c r="CZ5" s="532"/>
      <c r="DA5" s="532"/>
      <c r="DB5" s="532"/>
      <c r="DC5" s="532"/>
      <c r="DD5" s="532"/>
      <c r="DE5" s="532"/>
      <c r="DF5" s="532"/>
      <c r="DG5" s="532"/>
      <c r="DH5" s="533"/>
      <c r="DI5" s="534" t="s">
        <v>97</v>
      </c>
      <c r="DJ5" s="535"/>
      <c r="DK5" s="535"/>
      <c r="DL5" s="535"/>
      <c r="DM5" s="535"/>
      <c r="DN5" s="535"/>
      <c r="DO5" s="535"/>
      <c r="DP5" s="535"/>
      <c r="DQ5" s="535"/>
      <c r="DR5" s="535"/>
      <c r="DS5" s="536"/>
      <c r="DT5" s="534" t="s">
        <v>98</v>
      </c>
      <c r="DU5" s="535"/>
      <c r="DV5" s="535"/>
      <c r="DW5" s="535"/>
      <c r="DX5" s="535"/>
      <c r="DY5" s="535"/>
      <c r="DZ5" s="535"/>
      <c r="EA5" s="535"/>
      <c r="EB5" s="535"/>
      <c r="EC5" s="535"/>
      <c r="ED5" s="536"/>
      <c r="EE5" s="534" t="s">
        <v>99</v>
      </c>
      <c r="EF5" s="535"/>
      <c r="EG5" s="535"/>
      <c r="EH5" s="535"/>
      <c r="EI5" s="535"/>
      <c r="EJ5" s="535"/>
      <c r="EK5" s="535"/>
      <c r="EL5" s="535"/>
      <c r="EM5" s="535"/>
      <c r="EN5" s="535"/>
      <c r="EO5" s="536"/>
      <c r="EP5" s="534" t="s">
        <v>100</v>
      </c>
      <c r="EQ5" s="535"/>
      <c r="ER5" s="535"/>
      <c r="ES5" s="535"/>
      <c r="ET5" s="535"/>
      <c r="EU5" s="535"/>
      <c r="EV5" s="535"/>
      <c r="EW5" s="535"/>
      <c r="EX5" s="535"/>
      <c r="EY5" s="535"/>
      <c r="EZ5" s="536"/>
      <c r="FA5" s="534" t="s">
        <v>101</v>
      </c>
      <c r="FB5" s="535"/>
      <c r="FC5" s="535"/>
      <c r="FD5" s="535"/>
      <c r="FE5" s="535"/>
      <c r="FF5" s="535"/>
      <c r="FG5" s="535"/>
      <c r="FH5" s="535"/>
      <c r="FI5" s="535"/>
      <c r="FJ5" s="535"/>
      <c r="FK5" s="536"/>
      <c r="FL5" s="534" t="s">
        <v>102</v>
      </c>
      <c r="FM5" s="535"/>
      <c r="FN5" s="535"/>
      <c r="FO5" s="535"/>
      <c r="FP5" s="535"/>
      <c r="FQ5" s="535"/>
      <c r="FR5" s="535"/>
      <c r="FS5" s="535"/>
      <c r="FT5" s="535"/>
      <c r="FU5" s="535"/>
      <c r="FV5" s="536"/>
      <c r="FW5" s="528"/>
      <c r="FX5" s="529"/>
      <c r="FY5" s="529"/>
      <c r="FZ5" s="529"/>
      <c r="GA5" s="529"/>
      <c r="GB5" s="529"/>
      <c r="GC5" s="529"/>
      <c r="GD5" s="529"/>
      <c r="GE5" s="529"/>
      <c r="GF5" s="529"/>
      <c r="GG5" s="530"/>
      <c r="GH5" s="528"/>
      <c r="GI5" s="529"/>
      <c r="GJ5" s="529"/>
      <c r="GK5" s="529"/>
      <c r="GL5" s="529"/>
      <c r="GM5" s="529"/>
      <c r="GN5" s="529"/>
      <c r="GO5" s="529"/>
      <c r="GP5" s="529"/>
      <c r="GQ5" s="529"/>
      <c r="GR5" s="530"/>
      <c r="GS5" s="531"/>
      <c r="GT5" s="532"/>
      <c r="GU5" s="532"/>
      <c r="GV5" s="532"/>
      <c r="GW5" s="532"/>
      <c r="GX5" s="532"/>
      <c r="GY5" s="532"/>
      <c r="GZ5" s="532"/>
      <c r="HA5" s="532"/>
      <c r="HB5" s="532"/>
      <c r="HC5" s="533"/>
      <c r="HD5" s="534" t="s">
        <v>97</v>
      </c>
      <c r="HE5" s="535"/>
      <c r="HF5" s="535"/>
      <c r="HG5" s="535"/>
      <c r="HH5" s="535"/>
      <c r="HI5" s="535"/>
      <c r="HJ5" s="535"/>
      <c r="HK5" s="535"/>
      <c r="HL5" s="535"/>
      <c r="HM5" s="535"/>
      <c r="HN5" s="536"/>
      <c r="HO5" s="534" t="s">
        <v>98</v>
      </c>
      <c r="HP5" s="535"/>
      <c r="HQ5" s="535"/>
      <c r="HR5" s="535"/>
      <c r="HS5" s="535"/>
      <c r="HT5" s="535"/>
      <c r="HU5" s="535"/>
      <c r="HV5" s="535"/>
      <c r="HW5" s="535"/>
      <c r="HX5" s="535"/>
      <c r="HY5" s="536"/>
      <c r="HZ5" s="534" t="s">
        <v>99</v>
      </c>
      <c r="IA5" s="535"/>
      <c r="IB5" s="535"/>
      <c r="IC5" s="535"/>
      <c r="ID5" s="535"/>
      <c r="IE5" s="535"/>
      <c r="IF5" s="535"/>
      <c r="IG5" s="535"/>
      <c r="IH5" s="535"/>
      <c r="II5" s="535"/>
      <c r="IJ5" s="536"/>
      <c r="IK5" s="534" t="s">
        <v>100</v>
      </c>
      <c r="IL5" s="535"/>
      <c r="IM5" s="535"/>
      <c r="IN5" s="535"/>
      <c r="IO5" s="535"/>
      <c r="IP5" s="535"/>
      <c r="IQ5" s="535"/>
      <c r="IR5" s="535"/>
      <c r="IS5" s="535"/>
      <c r="IT5" s="535"/>
      <c r="IU5" s="536"/>
      <c r="IV5" s="534" t="s">
        <v>101</v>
      </c>
      <c r="IW5" s="535"/>
      <c r="IX5" s="535"/>
      <c r="IY5" s="535"/>
      <c r="IZ5" s="535"/>
      <c r="JA5" s="535"/>
      <c r="JB5" s="535"/>
      <c r="JC5" s="535"/>
      <c r="JD5" s="535"/>
      <c r="JE5" s="535"/>
      <c r="JF5" s="536"/>
      <c r="JG5" s="534" t="s">
        <v>102</v>
      </c>
      <c r="JH5" s="535"/>
      <c r="JI5" s="535"/>
      <c r="JJ5" s="535"/>
      <c r="JK5" s="535"/>
      <c r="JL5" s="535"/>
      <c r="JM5" s="535"/>
      <c r="JN5" s="535"/>
      <c r="JO5" s="535"/>
      <c r="JP5" s="535"/>
      <c r="JQ5" s="536"/>
      <c r="JR5" s="528"/>
      <c r="JS5" s="529"/>
      <c r="JT5" s="529"/>
      <c r="JU5" s="529"/>
      <c r="JV5" s="529"/>
      <c r="JW5" s="529"/>
      <c r="JX5" s="529"/>
      <c r="JY5" s="529"/>
      <c r="JZ5" s="529"/>
      <c r="KA5" s="529"/>
      <c r="KB5" s="530"/>
      <c r="KC5" s="528"/>
      <c r="KD5" s="529"/>
      <c r="KE5" s="529"/>
      <c r="KF5" s="529"/>
      <c r="KG5" s="529"/>
      <c r="KH5" s="529"/>
      <c r="KI5" s="529"/>
      <c r="KJ5" s="529"/>
      <c r="KK5" s="529"/>
      <c r="KL5" s="529"/>
      <c r="KM5" s="530"/>
    </row>
    <row r="6" spans="2:299" ht="30" customHeight="1" thickBot="1" x14ac:dyDescent="0.25">
      <c r="B6" s="293" t="s">
        <v>42</v>
      </c>
      <c r="C6" s="43" t="s">
        <v>43</v>
      </c>
      <c r="D6" s="41" t="s">
        <v>44</v>
      </c>
      <c r="E6" s="42" t="s">
        <v>45</v>
      </c>
      <c r="F6" s="44" t="s">
        <v>46</v>
      </c>
      <c r="G6" s="41" t="s">
        <v>47</v>
      </c>
      <c r="H6" s="41" t="s">
        <v>48</v>
      </c>
      <c r="I6" s="41" t="s">
        <v>49</v>
      </c>
      <c r="J6" s="41" t="s">
        <v>50</v>
      </c>
      <c r="K6" s="41" t="s">
        <v>51</v>
      </c>
      <c r="L6" s="42" t="s">
        <v>45</v>
      </c>
      <c r="M6" s="45" t="s">
        <v>52</v>
      </c>
      <c r="N6" s="330" t="s">
        <v>43</v>
      </c>
      <c r="O6" s="331" t="s">
        <v>44</v>
      </c>
      <c r="P6" s="332" t="s">
        <v>45</v>
      </c>
      <c r="Q6" s="333" t="s">
        <v>46</v>
      </c>
      <c r="R6" s="331" t="s">
        <v>47</v>
      </c>
      <c r="S6" s="331" t="s">
        <v>48</v>
      </c>
      <c r="T6" s="331" t="s">
        <v>49</v>
      </c>
      <c r="U6" s="331" t="s">
        <v>50</v>
      </c>
      <c r="V6" s="331" t="s">
        <v>51</v>
      </c>
      <c r="W6" s="332" t="s">
        <v>45</v>
      </c>
      <c r="X6" s="329" t="s">
        <v>52</v>
      </c>
      <c r="Y6" s="330" t="s">
        <v>43</v>
      </c>
      <c r="Z6" s="331" t="s">
        <v>44</v>
      </c>
      <c r="AA6" s="332" t="s">
        <v>45</v>
      </c>
      <c r="AB6" s="333" t="s">
        <v>46</v>
      </c>
      <c r="AC6" s="331" t="s">
        <v>47</v>
      </c>
      <c r="AD6" s="331" t="s">
        <v>48</v>
      </c>
      <c r="AE6" s="331" t="s">
        <v>49</v>
      </c>
      <c r="AF6" s="331" t="s">
        <v>50</v>
      </c>
      <c r="AG6" s="331" t="s">
        <v>51</v>
      </c>
      <c r="AH6" s="332" t="s">
        <v>45</v>
      </c>
      <c r="AI6" s="334" t="s">
        <v>52</v>
      </c>
      <c r="AJ6" s="330" t="s">
        <v>43</v>
      </c>
      <c r="AK6" s="331" t="s">
        <v>44</v>
      </c>
      <c r="AL6" s="332" t="s">
        <v>45</v>
      </c>
      <c r="AM6" s="333" t="s">
        <v>46</v>
      </c>
      <c r="AN6" s="331" t="s">
        <v>47</v>
      </c>
      <c r="AO6" s="331" t="s">
        <v>48</v>
      </c>
      <c r="AP6" s="331" t="s">
        <v>49</v>
      </c>
      <c r="AQ6" s="331" t="s">
        <v>50</v>
      </c>
      <c r="AR6" s="331" t="s">
        <v>51</v>
      </c>
      <c r="AS6" s="332" t="s">
        <v>45</v>
      </c>
      <c r="AT6" s="334" t="s">
        <v>52</v>
      </c>
      <c r="AU6" s="330" t="s">
        <v>43</v>
      </c>
      <c r="AV6" s="331" t="s">
        <v>44</v>
      </c>
      <c r="AW6" s="332" t="s">
        <v>45</v>
      </c>
      <c r="AX6" s="333" t="s">
        <v>46</v>
      </c>
      <c r="AY6" s="331" t="s">
        <v>47</v>
      </c>
      <c r="AZ6" s="331" t="s">
        <v>48</v>
      </c>
      <c r="BA6" s="331" t="s">
        <v>49</v>
      </c>
      <c r="BB6" s="331" t="s">
        <v>50</v>
      </c>
      <c r="BC6" s="331" t="s">
        <v>51</v>
      </c>
      <c r="BD6" s="332" t="s">
        <v>45</v>
      </c>
      <c r="BE6" s="334" t="s">
        <v>52</v>
      </c>
      <c r="BF6" s="330" t="s">
        <v>43</v>
      </c>
      <c r="BG6" s="331" t="s">
        <v>44</v>
      </c>
      <c r="BH6" s="332" t="s">
        <v>45</v>
      </c>
      <c r="BI6" s="333" t="s">
        <v>46</v>
      </c>
      <c r="BJ6" s="331" t="s">
        <v>47</v>
      </c>
      <c r="BK6" s="331" t="s">
        <v>48</v>
      </c>
      <c r="BL6" s="331" t="s">
        <v>49</v>
      </c>
      <c r="BM6" s="331" t="s">
        <v>50</v>
      </c>
      <c r="BN6" s="331" t="s">
        <v>51</v>
      </c>
      <c r="BO6" s="332" t="s">
        <v>45</v>
      </c>
      <c r="BP6" s="334" t="s">
        <v>52</v>
      </c>
      <c r="BQ6" s="330" t="s">
        <v>43</v>
      </c>
      <c r="BR6" s="331" t="s">
        <v>44</v>
      </c>
      <c r="BS6" s="332" t="s">
        <v>45</v>
      </c>
      <c r="BT6" s="333" t="s">
        <v>46</v>
      </c>
      <c r="BU6" s="331" t="s">
        <v>47</v>
      </c>
      <c r="BV6" s="331" t="s">
        <v>48</v>
      </c>
      <c r="BW6" s="331" t="s">
        <v>49</v>
      </c>
      <c r="BX6" s="331" t="s">
        <v>50</v>
      </c>
      <c r="BY6" s="331" t="s">
        <v>51</v>
      </c>
      <c r="BZ6" s="332" t="s">
        <v>45</v>
      </c>
      <c r="CA6" s="334" t="s">
        <v>52</v>
      </c>
      <c r="CB6" s="330" t="s">
        <v>43</v>
      </c>
      <c r="CC6" s="331" t="s">
        <v>44</v>
      </c>
      <c r="CD6" s="332" t="s">
        <v>45</v>
      </c>
      <c r="CE6" s="333" t="s">
        <v>46</v>
      </c>
      <c r="CF6" s="331" t="s">
        <v>47</v>
      </c>
      <c r="CG6" s="331" t="s">
        <v>48</v>
      </c>
      <c r="CH6" s="331" t="s">
        <v>49</v>
      </c>
      <c r="CI6" s="331" t="s">
        <v>50</v>
      </c>
      <c r="CJ6" s="331" t="s">
        <v>51</v>
      </c>
      <c r="CK6" s="332" t="s">
        <v>45</v>
      </c>
      <c r="CL6" s="334" t="s">
        <v>52</v>
      </c>
      <c r="CM6" s="330" t="s">
        <v>43</v>
      </c>
      <c r="CN6" s="331" t="s">
        <v>44</v>
      </c>
      <c r="CO6" s="332" t="s">
        <v>45</v>
      </c>
      <c r="CP6" s="333" t="s">
        <v>46</v>
      </c>
      <c r="CQ6" s="331" t="s">
        <v>47</v>
      </c>
      <c r="CR6" s="331" t="s">
        <v>48</v>
      </c>
      <c r="CS6" s="331" t="s">
        <v>49</v>
      </c>
      <c r="CT6" s="331" t="s">
        <v>50</v>
      </c>
      <c r="CU6" s="331" t="s">
        <v>51</v>
      </c>
      <c r="CV6" s="332" t="s">
        <v>45</v>
      </c>
      <c r="CW6" s="334" t="s">
        <v>52</v>
      </c>
      <c r="CX6" s="43" t="s">
        <v>43</v>
      </c>
      <c r="CY6" s="41" t="s">
        <v>44</v>
      </c>
      <c r="CZ6" s="42" t="s">
        <v>45</v>
      </c>
      <c r="DA6" s="44" t="s">
        <v>46</v>
      </c>
      <c r="DB6" s="41" t="s">
        <v>47</v>
      </c>
      <c r="DC6" s="41" t="s">
        <v>48</v>
      </c>
      <c r="DD6" s="41" t="s">
        <v>49</v>
      </c>
      <c r="DE6" s="41" t="s">
        <v>50</v>
      </c>
      <c r="DF6" s="41" t="s">
        <v>51</v>
      </c>
      <c r="DG6" s="42" t="s">
        <v>45</v>
      </c>
      <c r="DH6" s="45" t="s">
        <v>52</v>
      </c>
      <c r="DI6" s="330" t="s">
        <v>43</v>
      </c>
      <c r="DJ6" s="331" t="s">
        <v>44</v>
      </c>
      <c r="DK6" s="332" t="s">
        <v>45</v>
      </c>
      <c r="DL6" s="333" t="s">
        <v>46</v>
      </c>
      <c r="DM6" s="331" t="s">
        <v>47</v>
      </c>
      <c r="DN6" s="331" t="s">
        <v>48</v>
      </c>
      <c r="DO6" s="331" t="s">
        <v>49</v>
      </c>
      <c r="DP6" s="331" t="s">
        <v>50</v>
      </c>
      <c r="DQ6" s="331" t="s">
        <v>51</v>
      </c>
      <c r="DR6" s="332" t="s">
        <v>45</v>
      </c>
      <c r="DS6" s="334" t="s">
        <v>52</v>
      </c>
      <c r="DT6" s="330" t="s">
        <v>43</v>
      </c>
      <c r="DU6" s="331" t="s">
        <v>44</v>
      </c>
      <c r="DV6" s="332" t="s">
        <v>45</v>
      </c>
      <c r="DW6" s="333" t="s">
        <v>46</v>
      </c>
      <c r="DX6" s="331" t="s">
        <v>47</v>
      </c>
      <c r="DY6" s="331" t="s">
        <v>48</v>
      </c>
      <c r="DZ6" s="331" t="s">
        <v>49</v>
      </c>
      <c r="EA6" s="331" t="s">
        <v>50</v>
      </c>
      <c r="EB6" s="331" t="s">
        <v>51</v>
      </c>
      <c r="EC6" s="332" t="s">
        <v>45</v>
      </c>
      <c r="ED6" s="334" t="s">
        <v>52</v>
      </c>
      <c r="EE6" s="330" t="s">
        <v>43</v>
      </c>
      <c r="EF6" s="331" t="s">
        <v>44</v>
      </c>
      <c r="EG6" s="332" t="s">
        <v>45</v>
      </c>
      <c r="EH6" s="333" t="s">
        <v>46</v>
      </c>
      <c r="EI6" s="331" t="s">
        <v>47</v>
      </c>
      <c r="EJ6" s="331" t="s">
        <v>48</v>
      </c>
      <c r="EK6" s="331" t="s">
        <v>49</v>
      </c>
      <c r="EL6" s="331" t="s">
        <v>50</v>
      </c>
      <c r="EM6" s="331" t="s">
        <v>51</v>
      </c>
      <c r="EN6" s="332" t="s">
        <v>45</v>
      </c>
      <c r="EO6" s="334" t="s">
        <v>52</v>
      </c>
      <c r="EP6" s="330" t="s">
        <v>43</v>
      </c>
      <c r="EQ6" s="331" t="s">
        <v>44</v>
      </c>
      <c r="ER6" s="332" t="s">
        <v>45</v>
      </c>
      <c r="ES6" s="333" t="s">
        <v>46</v>
      </c>
      <c r="ET6" s="331" t="s">
        <v>47</v>
      </c>
      <c r="EU6" s="331" t="s">
        <v>48</v>
      </c>
      <c r="EV6" s="331" t="s">
        <v>49</v>
      </c>
      <c r="EW6" s="331" t="s">
        <v>50</v>
      </c>
      <c r="EX6" s="331" t="s">
        <v>51</v>
      </c>
      <c r="EY6" s="332" t="s">
        <v>45</v>
      </c>
      <c r="EZ6" s="334" t="s">
        <v>52</v>
      </c>
      <c r="FA6" s="330" t="s">
        <v>43</v>
      </c>
      <c r="FB6" s="331" t="s">
        <v>44</v>
      </c>
      <c r="FC6" s="332" t="s">
        <v>45</v>
      </c>
      <c r="FD6" s="333" t="s">
        <v>46</v>
      </c>
      <c r="FE6" s="331" t="s">
        <v>47</v>
      </c>
      <c r="FF6" s="331" t="s">
        <v>48</v>
      </c>
      <c r="FG6" s="331" t="s">
        <v>49</v>
      </c>
      <c r="FH6" s="331" t="s">
        <v>50</v>
      </c>
      <c r="FI6" s="331" t="s">
        <v>51</v>
      </c>
      <c r="FJ6" s="332" t="s">
        <v>45</v>
      </c>
      <c r="FK6" s="334" t="s">
        <v>52</v>
      </c>
      <c r="FL6" s="330" t="s">
        <v>43</v>
      </c>
      <c r="FM6" s="331" t="s">
        <v>44</v>
      </c>
      <c r="FN6" s="332" t="s">
        <v>45</v>
      </c>
      <c r="FO6" s="333" t="s">
        <v>46</v>
      </c>
      <c r="FP6" s="331" t="s">
        <v>47</v>
      </c>
      <c r="FQ6" s="331" t="s">
        <v>48</v>
      </c>
      <c r="FR6" s="331" t="s">
        <v>49</v>
      </c>
      <c r="FS6" s="331" t="s">
        <v>50</v>
      </c>
      <c r="FT6" s="331" t="s">
        <v>51</v>
      </c>
      <c r="FU6" s="332" t="s">
        <v>45</v>
      </c>
      <c r="FV6" s="334" t="s">
        <v>52</v>
      </c>
      <c r="FW6" s="330" t="s">
        <v>43</v>
      </c>
      <c r="FX6" s="331" t="s">
        <v>44</v>
      </c>
      <c r="FY6" s="332" t="s">
        <v>45</v>
      </c>
      <c r="FZ6" s="333" t="s">
        <v>46</v>
      </c>
      <c r="GA6" s="331" t="s">
        <v>47</v>
      </c>
      <c r="GB6" s="331" t="s">
        <v>48</v>
      </c>
      <c r="GC6" s="331" t="s">
        <v>49</v>
      </c>
      <c r="GD6" s="331" t="s">
        <v>50</v>
      </c>
      <c r="GE6" s="331" t="s">
        <v>51</v>
      </c>
      <c r="GF6" s="332" t="s">
        <v>45</v>
      </c>
      <c r="GG6" s="334" t="s">
        <v>52</v>
      </c>
      <c r="GH6" s="330" t="s">
        <v>43</v>
      </c>
      <c r="GI6" s="331" t="s">
        <v>44</v>
      </c>
      <c r="GJ6" s="332" t="s">
        <v>45</v>
      </c>
      <c r="GK6" s="333" t="s">
        <v>46</v>
      </c>
      <c r="GL6" s="331" t="s">
        <v>47</v>
      </c>
      <c r="GM6" s="331" t="s">
        <v>48</v>
      </c>
      <c r="GN6" s="331" t="s">
        <v>49</v>
      </c>
      <c r="GO6" s="331" t="s">
        <v>50</v>
      </c>
      <c r="GP6" s="331" t="s">
        <v>51</v>
      </c>
      <c r="GQ6" s="332" t="s">
        <v>45</v>
      </c>
      <c r="GR6" s="334" t="s">
        <v>52</v>
      </c>
      <c r="GS6" s="43" t="s">
        <v>43</v>
      </c>
      <c r="GT6" s="41" t="s">
        <v>44</v>
      </c>
      <c r="GU6" s="42" t="s">
        <v>45</v>
      </c>
      <c r="GV6" s="44" t="s">
        <v>46</v>
      </c>
      <c r="GW6" s="41" t="s">
        <v>47</v>
      </c>
      <c r="GX6" s="41" t="s">
        <v>48</v>
      </c>
      <c r="GY6" s="41" t="s">
        <v>49</v>
      </c>
      <c r="GZ6" s="41" t="s">
        <v>50</v>
      </c>
      <c r="HA6" s="41" t="s">
        <v>51</v>
      </c>
      <c r="HB6" s="42" t="s">
        <v>45</v>
      </c>
      <c r="HC6" s="45" t="s">
        <v>52</v>
      </c>
      <c r="HD6" s="330" t="s">
        <v>43</v>
      </c>
      <c r="HE6" s="331" t="s">
        <v>44</v>
      </c>
      <c r="HF6" s="332" t="s">
        <v>45</v>
      </c>
      <c r="HG6" s="333" t="s">
        <v>46</v>
      </c>
      <c r="HH6" s="331" t="s">
        <v>47</v>
      </c>
      <c r="HI6" s="331" t="s">
        <v>48</v>
      </c>
      <c r="HJ6" s="331" t="s">
        <v>49</v>
      </c>
      <c r="HK6" s="331" t="s">
        <v>50</v>
      </c>
      <c r="HL6" s="331" t="s">
        <v>51</v>
      </c>
      <c r="HM6" s="332" t="s">
        <v>45</v>
      </c>
      <c r="HN6" s="334" t="s">
        <v>52</v>
      </c>
      <c r="HO6" s="330" t="s">
        <v>43</v>
      </c>
      <c r="HP6" s="331" t="s">
        <v>44</v>
      </c>
      <c r="HQ6" s="332" t="s">
        <v>45</v>
      </c>
      <c r="HR6" s="333" t="s">
        <v>46</v>
      </c>
      <c r="HS6" s="331" t="s">
        <v>47</v>
      </c>
      <c r="HT6" s="331" t="s">
        <v>48</v>
      </c>
      <c r="HU6" s="331" t="s">
        <v>49</v>
      </c>
      <c r="HV6" s="331" t="s">
        <v>50</v>
      </c>
      <c r="HW6" s="331" t="s">
        <v>51</v>
      </c>
      <c r="HX6" s="332" t="s">
        <v>45</v>
      </c>
      <c r="HY6" s="334" t="s">
        <v>52</v>
      </c>
      <c r="HZ6" s="330" t="s">
        <v>43</v>
      </c>
      <c r="IA6" s="331" t="s">
        <v>44</v>
      </c>
      <c r="IB6" s="332" t="s">
        <v>45</v>
      </c>
      <c r="IC6" s="333" t="s">
        <v>46</v>
      </c>
      <c r="ID6" s="331" t="s">
        <v>47</v>
      </c>
      <c r="IE6" s="331" t="s">
        <v>48</v>
      </c>
      <c r="IF6" s="331" t="s">
        <v>49</v>
      </c>
      <c r="IG6" s="331" t="s">
        <v>50</v>
      </c>
      <c r="IH6" s="331" t="s">
        <v>51</v>
      </c>
      <c r="II6" s="332" t="s">
        <v>45</v>
      </c>
      <c r="IJ6" s="334" t="s">
        <v>52</v>
      </c>
      <c r="IK6" s="330" t="s">
        <v>43</v>
      </c>
      <c r="IL6" s="331" t="s">
        <v>44</v>
      </c>
      <c r="IM6" s="332" t="s">
        <v>45</v>
      </c>
      <c r="IN6" s="333" t="s">
        <v>46</v>
      </c>
      <c r="IO6" s="331" t="s">
        <v>47</v>
      </c>
      <c r="IP6" s="331" t="s">
        <v>48</v>
      </c>
      <c r="IQ6" s="331" t="s">
        <v>49</v>
      </c>
      <c r="IR6" s="331" t="s">
        <v>50</v>
      </c>
      <c r="IS6" s="331" t="s">
        <v>51</v>
      </c>
      <c r="IT6" s="332" t="s">
        <v>45</v>
      </c>
      <c r="IU6" s="334" t="s">
        <v>52</v>
      </c>
      <c r="IV6" s="330" t="s">
        <v>43</v>
      </c>
      <c r="IW6" s="331" t="s">
        <v>44</v>
      </c>
      <c r="IX6" s="332" t="s">
        <v>45</v>
      </c>
      <c r="IY6" s="333" t="s">
        <v>46</v>
      </c>
      <c r="IZ6" s="331" t="s">
        <v>47</v>
      </c>
      <c r="JA6" s="331" t="s">
        <v>48</v>
      </c>
      <c r="JB6" s="331" t="s">
        <v>49</v>
      </c>
      <c r="JC6" s="331" t="s">
        <v>50</v>
      </c>
      <c r="JD6" s="331" t="s">
        <v>51</v>
      </c>
      <c r="JE6" s="332" t="s">
        <v>45</v>
      </c>
      <c r="JF6" s="334" t="s">
        <v>52</v>
      </c>
      <c r="JG6" s="330" t="s">
        <v>43</v>
      </c>
      <c r="JH6" s="331" t="s">
        <v>44</v>
      </c>
      <c r="JI6" s="332" t="s">
        <v>45</v>
      </c>
      <c r="JJ6" s="333" t="s">
        <v>46</v>
      </c>
      <c r="JK6" s="331" t="s">
        <v>47</v>
      </c>
      <c r="JL6" s="331" t="s">
        <v>48</v>
      </c>
      <c r="JM6" s="331" t="s">
        <v>49</v>
      </c>
      <c r="JN6" s="331" t="s">
        <v>50</v>
      </c>
      <c r="JO6" s="331" t="s">
        <v>51</v>
      </c>
      <c r="JP6" s="332" t="s">
        <v>45</v>
      </c>
      <c r="JQ6" s="334" t="s">
        <v>52</v>
      </c>
      <c r="JR6" s="330" t="s">
        <v>43</v>
      </c>
      <c r="JS6" s="331" t="s">
        <v>44</v>
      </c>
      <c r="JT6" s="332" t="s">
        <v>45</v>
      </c>
      <c r="JU6" s="333" t="s">
        <v>46</v>
      </c>
      <c r="JV6" s="331" t="s">
        <v>47</v>
      </c>
      <c r="JW6" s="331" t="s">
        <v>48</v>
      </c>
      <c r="JX6" s="331" t="s">
        <v>49</v>
      </c>
      <c r="JY6" s="331" t="s">
        <v>50</v>
      </c>
      <c r="JZ6" s="331" t="s">
        <v>51</v>
      </c>
      <c r="KA6" s="332" t="s">
        <v>45</v>
      </c>
      <c r="KB6" s="334" t="s">
        <v>52</v>
      </c>
      <c r="KC6" s="330" t="s">
        <v>43</v>
      </c>
      <c r="KD6" s="331" t="s">
        <v>44</v>
      </c>
      <c r="KE6" s="332" t="s">
        <v>45</v>
      </c>
      <c r="KF6" s="333" t="s">
        <v>46</v>
      </c>
      <c r="KG6" s="331" t="s">
        <v>47</v>
      </c>
      <c r="KH6" s="331" t="s">
        <v>48</v>
      </c>
      <c r="KI6" s="331" t="s">
        <v>49</v>
      </c>
      <c r="KJ6" s="331" t="s">
        <v>50</v>
      </c>
      <c r="KK6" s="331" t="s">
        <v>51</v>
      </c>
      <c r="KL6" s="332" t="s">
        <v>45</v>
      </c>
      <c r="KM6" s="334" t="s">
        <v>52</v>
      </c>
    </row>
    <row r="7" spans="2:299" ht="21" customHeight="1" x14ac:dyDescent="0.2">
      <c r="B7" s="466" t="s">
        <v>4</v>
      </c>
      <c r="C7" s="290">
        <v>20427</v>
      </c>
      <c r="D7" s="68">
        <v>21079</v>
      </c>
      <c r="E7" s="69">
        <v>41506</v>
      </c>
      <c r="F7" s="227"/>
      <c r="G7" s="68">
        <v>31045</v>
      </c>
      <c r="H7" s="68">
        <v>30857</v>
      </c>
      <c r="I7" s="68">
        <v>20546</v>
      </c>
      <c r="J7" s="68">
        <v>17121</v>
      </c>
      <c r="K7" s="68">
        <v>10411</v>
      </c>
      <c r="L7" s="70">
        <v>109980</v>
      </c>
      <c r="M7" s="71">
        <v>151486</v>
      </c>
      <c r="N7" s="56">
        <v>818</v>
      </c>
      <c r="O7" s="57">
        <v>1013</v>
      </c>
      <c r="P7" s="58">
        <v>1831</v>
      </c>
      <c r="Q7" s="230"/>
      <c r="R7" s="57">
        <v>1329</v>
      </c>
      <c r="S7" s="57">
        <v>1547</v>
      </c>
      <c r="T7" s="57">
        <v>1027</v>
      </c>
      <c r="U7" s="57">
        <v>956</v>
      </c>
      <c r="V7" s="57">
        <v>727</v>
      </c>
      <c r="W7" s="58">
        <v>5586</v>
      </c>
      <c r="X7" s="59">
        <v>7417</v>
      </c>
      <c r="Y7" s="56">
        <v>1882</v>
      </c>
      <c r="Z7" s="57">
        <v>2320</v>
      </c>
      <c r="AA7" s="58">
        <v>4202</v>
      </c>
      <c r="AB7" s="230"/>
      <c r="AC7" s="57">
        <v>2791</v>
      </c>
      <c r="AD7" s="57">
        <v>3354</v>
      </c>
      <c r="AE7" s="57">
        <v>2134</v>
      </c>
      <c r="AF7" s="57">
        <v>1882</v>
      </c>
      <c r="AG7" s="57">
        <v>1407</v>
      </c>
      <c r="AH7" s="58">
        <v>11568</v>
      </c>
      <c r="AI7" s="59">
        <v>15770</v>
      </c>
      <c r="AJ7" s="56">
        <v>3110</v>
      </c>
      <c r="AK7" s="57">
        <v>3505</v>
      </c>
      <c r="AL7" s="58">
        <v>6615</v>
      </c>
      <c r="AM7" s="230"/>
      <c r="AN7" s="57">
        <v>4881</v>
      </c>
      <c r="AO7" s="57">
        <v>5004</v>
      </c>
      <c r="AP7" s="57">
        <v>3360</v>
      </c>
      <c r="AQ7" s="57">
        <v>2826</v>
      </c>
      <c r="AR7" s="57">
        <v>1899</v>
      </c>
      <c r="AS7" s="58">
        <v>17970</v>
      </c>
      <c r="AT7" s="59">
        <v>24585</v>
      </c>
      <c r="AU7" s="56">
        <v>5369</v>
      </c>
      <c r="AV7" s="57">
        <v>5205</v>
      </c>
      <c r="AW7" s="58">
        <v>10574</v>
      </c>
      <c r="AX7" s="230"/>
      <c r="AY7" s="57">
        <v>8027</v>
      </c>
      <c r="AZ7" s="57">
        <v>7424</v>
      </c>
      <c r="BA7" s="57">
        <v>4776</v>
      </c>
      <c r="BB7" s="57">
        <v>3951</v>
      </c>
      <c r="BC7" s="57">
        <v>2409</v>
      </c>
      <c r="BD7" s="58">
        <v>26587</v>
      </c>
      <c r="BE7" s="59">
        <v>37161</v>
      </c>
      <c r="BF7" s="56">
        <v>5835</v>
      </c>
      <c r="BG7" s="57">
        <v>5408</v>
      </c>
      <c r="BH7" s="58">
        <v>11243</v>
      </c>
      <c r="BI7" s="230"/>
      <c r="BJ7" s="57">
        <v>8382</v>
      </c>
      <c r="BK7" s="57">
        <v>7508</v>
      </c>
      <c r="BL7" s="57">
        <v>5016</v>
      </c>
      <c r="BM7" s="57">
        <v>4073</v>
      </c>
      <c r="BN7" s="57">
        <v>2227</v>
      </c>
      <c r="BO7" s="58">
        <v>27206</v>
      </c>
      <c r="BP7" s="59">
        <v>38449</v>
      </c>
      <c r="BQ7" s="56">
        <v>3413</v>
      </c>
      <c r="BR7" s="57">
        <v>3628</v>
      </c>
      <c r="BS7" s="58">
        <v>7041</v>
      </c>
      <c r="BT7" s="230"/>
      <c r="BU7" s="57">
        <v>5635</v>
      </c>
      <c r="BV7" s="57">
        <v>6020</v>
      </c>
      <c r="BW7" s="57">
        <v>4233</v>
      </c>
      <c r="BX7" s="57">
        <v>3433</v>
      </c>
      <c r="BY7" s="57">
        <v>1742</v>
      </c>
      <c r="BZ7" s="58">
        <v>21063</v>
      </c>
      <c r="CA7" s="59">
        <v>28104</v>
      </c>
      <c r="CB7" s="56">
        <v>508</v>
      </c>
      <c r="CC7" s="57">
        <v>814</v>
      </c>
      <c r="CD7" s="58">
        <v>1322</v>
      </c>
      <c r="CE7" s="230"/>
      <c r="CF7" s="57">
        <v>910</v>
      </c>
      <c r="CG7" s="57">
        <v>1402</v>
      </c>
      <c r="CH7" s="57">
        <v>832</v>
      </c>
      <c r="CI7" s="57">
        <v>779</v>
      </c>
      <c r="CJ7" s="57">
        <v>744</v>
      </c>
      <c r="CK7" s="58">
        <v>4667</v>
      </c>
      <c r="CL7" s="59">
        <v>5989</v>
      </c>
      <c r="CM7" s="56">
        <v>20935</v>
      </c>
      <c r="CN7" s="57">
        <v>21893</v>
      </c>
      <c r="CO7" s="58">
        <v>42828</v>
      </c>
      <c r="CP7" s="230"/>
      <c r="CQ7" s="57">
        <v>31955</v>
      </c>
      <c r="CR7" s="57">
        <v>32259</v>
      </c>
      <c r="CS7" s="57">
        <v>21378</v>
      </c>
      <c r="CT7" s="57">
        <v>17900</v>
      </c>
      <c r="CU7" s="57">
        <v>11155</v>
      </c>
      <c r="CV7" s="58">
        <v>114647</v>
      </c>
      <c r="CW7" s="59">
        <v>157475</v>
      </c>
      <c r="CX7" s="112">
        <v>39140</v>
      </c>
      <c r="CY7" s="68">
        <v>46353</v>
      </c>
      <c r="CZ7" s="69">
        <v>85493</v>
      </c>
      <c r="DA7" s="227"/>
      <c r="DB7" s="68">
        <v>56655</v>
      </c>
      <c r="DC7" s="68">
        <v>53710</v>
      </c>
      <c r="DD7" s="68">
        <v>39300</v>
      </c>
      <c r="DE7" s="68">
        <v>38551</v>
      </c>
      <c r="DF7" s="68">
        <v>25530</v>
      </c>
      <c r="DG7" s="70">
        <v>213746</v>
      </c>
      <c r="DH7" s="71">
        <v>299239</v>
      </c>
      <c r="DI7" s="56">
        <v>801</v>
      </c>
      <c r="DJ7" s="57">
        <v>1088</v>
      </c>
      <c r="DK7" s="58">
        <v>1889</v>
      </c>
      <c r="DL7" s="230"/>
      <c r="DM7" s="57">
        <v>975</v>
      </c>
      <c r="DN7" s="57">
        <v>1078</v>
      </c>
      <c r="DO7" s="57">
        <v>677</v>
      </c>
      <c r="DP7" s="57">
        <v>689</v>
      </c>
      <c r="DQ7" s="57">
        <v>557</v>
      </c>
      <c r="DR7" s="58">
        <v>3976</v>
      </c>
      <c r="DS7" s="59">
        <v>5865</v>
      </c>
      <c r="DT7" s="56">
        <v>2525</v>
      </c>
      <c r="DU7" s="57">
        <v>3022</v>
      </c>
      <c r="DV7" s="58">
        <v>5547</v>
      </c>
      <c r="DW7" s="230"/>
      <c r="DX7" s="57">
        <v>2766</v>
      </c>
      <c r="DY7" s="57">
        <v>2746</v>
      </c>
      <c r="DZ7" s="57">
        <v>1718</v>
      </c>
      <c r="EA7" s="57">
        <v>1730</v>
      </c>
      <c r="EB7" s="57">
        <v>1381</v>
      </c>
      <c r="EC7" s="58">
        <v>10341</v>
      </c>
      <c r="ED7" s="59">
        <v>15888</v>
      </c>
      <c r="EE7" s="56">
        <v>5946</v>
      </c>
      <c r="EF7" s="57">
        <v>6853</v>
      </c>
      <c r="EG7" s="58">
        <v>12799</v>
      </c>
      <c r="EH7" s="230"/>
      <c r="EI7" s="57">
        <v>6646</v>
      </c>
      <c r="EJ7" s="57">
        <v>5689</v>
      </c>
      <c r="EK7" s="57">
        <v>3546</v>
      </c>
      <c r="EL7" s="57">
        <v>3318</v>
      </c>
      <c r="EM7" s="57">
        <v>2662</v>
      </c>
      <c r="EN7" s="58">
        <v>21861</v>
      </c>
      <c r="EO7" s="59">
        <v>34660</v>
      </c>
      <c r="EP7" s="56">
        <v>12082</v>
      </c>
      <c r="EQ7" s="57">
        <v>12689</v>
      </c>
      <c r="ER7" s="58">
        <v>24771</v>
      </c>
      <c r="ES7" s="230"/>
      <c r="ET7" s="57">
        <v>13871</v>
      </c>
      <c r="EU7" s="57">
        <v>11411</v>
      </c>
      <c r="EV7" s="57">
        <v>7388</v>
      </c>
      <c r="EW7" s="57">
        <v>6717</v>
      </c>
      <c r="EX7" s="57">
        <v>4590</v>
      </c>
      <c r="EY7" s="58">
        <v>43977</v>
      </c>
      <c r="EZ7" s="59">
        <v>68748</v>
      </c>
      <c r="FA7" s="56">
        <v>11557</v>
      </c>
      <c r="FB7" s="57">
        <v>13636</v>
      </c>
      <c r="FC7" s="58">
        <v>25193</v>
      </c>
      <c r="FD7" s="230"/>
      <c r="FE7" s="57">
        <v>17303</v>
      </c>
      <c r="FF7" s="57">
        <v>15342</v>
      </c>
      <c r="FG7" s="57">
        <v>10722</v>
      </c>
      <c r="FH7" s="57">
        <v>9638</v>
      </c>
      <c r="FI7" s="57">
        <v>6518</v>
      </c>
      <c r="FJ7" s="58">
        <v>59523</v>
      </c>
      <c r="FK7" s="59">
        <v>84716</v>
      </c>
      <c r="FL7" s="56">
        <v>6229</v>
      </c>
      <c r="FM7" s="57">
        <v>9065</v>
      </c>
      <c r="FN7" s="58">
        <v>15294</v>
      </c>
      <c r="FO7" s="230"/>
      <c r="FP7" s="57">
        <v>15094</v>
      </c>
      <c r="FQ7" s="57">
        <v>17444</v>
      </c>
      <c r="FR7" s="57">
        <v>15249</v>
      </c>
      <c r="FS7" s="57">
        <v>16459</v>
      </c>
      <c r="FT7" s="57">
        <v>9822</v>
      </c>
      <c r="FU7" s="58">
        <v>74068</v>
      </c>
      <c r="FV7" s="59">
        <v>89362</v>
      </c>
      <c r="FW7" s="56">
        <v>378</v>
      </c>
      <c r="FX7" s="57">
        <v>708</v>
      </c>
      <c r="FY7" s="58">
        <v>1086</v>
      </c>
      <c r="FZ7" s="230"/>
      <c r="GA7" s="57">
        <v>680</v>
      </c>
      <c r="GB7" s="57">
        <v>1087</v>
      </c>
      <c r="GC7" s="57">
        <v>634</v>
      </c>
      <c r="GD7" s="57">
        <v>574</v>
      </c>
      <c r="GE7" s="57">
        <v>614</v>
      </c>
      <c r="GF7" s="58">
        <v>3589</v>
      </c>
      <c r="GG7" s="59">
        <v>4675</v>
      </c>
      <c r="GH7" s="56">
        <v>39518</v>
      </c>
      <c r="GI7" s="57">
        <v>47061</v>
      </c>
      <c r="GJ7" s="58">
        <v>86579</v>
      </c>
      <c r="GK7" s="230"/>
      <c r="GL7" s="57">
        <v>57335</v>
      </c>
      <c r="GM7" s="57">
        <v>54797</v>
      </c>
      <c r="GN7" s="57">
        <v>39934</v>
      </c>
      <c r="GO7" s="57">
        <v>39125</v>
      </c>
      <c r="GP7" s="57">
        <v>26144</v>
      </c>
      <c r="GQ7" s="58">
        <v>217335</v>
      </c>
      <c r="GR7" s="59">
        <v>303914</v>
      </c>
      <c r="GS7" s="112">
        <v>59567</v>
      </c>
      <c r="GT7" s="68">
        <v>67432</v>
      </c>
      <c r="GU7" s="69">
        <v>126999</v>
      </c>
      <c r="GV7" s="227"/>
      <c r="GW7" s="68">
        <v>87700</v>
      </c>
      <c r="GX7" s="68">
        <v>84567</v>
      </c>
      <c r="GY7" s="68">
        <v>59846</v>
      </c>
      <c r="GZ7" s="68">
        <v>55672</v>
      </c>
      <c r="HA7" s="68">
        <v>35941</v>
      </c>
      <c r="HB7" s="70">
        <v>323726</v>
      </c>
      <c r="HC7" s="71">
        <v>450725</v>
      </c>
      <c r="HD7" s="56">
        <v>1619</v>
      </c>
      <c r="HE7" s="57">
        <v>2101</v>
      </c>
      <c r="HF7" s="58">
        <v>3720</v>
      </c>
      <c r="HG7" s="230"/>
      <c r="HH7" s="57">
        <v>2304</v>
      </c>
      <c r="HI7" s="57">
        <v>2625</v>
      </c>
      <c r="HJ7" s="57">
        <v>1704</v>
      </c>
      <c r="HK7" s="57">
        <v>1645</v>
      </c>
      <c r="HL7" s="57">
        <v>1284</v>
      </c>
      <c r="HM7" s="58">
        <v>9562</v>
      </c>
      <c r="HN7" s="59">
        <v>13282</v>
      </c>
      <c r="HO7" s="56">
        <v>4407</v>
      </c>
      <c r="HP7" s="57">
        <v>5342</v>
      </c>
      <c r="HQ7" s="58">
        <v>9749</v>
      </c>
      <c r="HR7" s="230"/>
      <c r="HS7" s="57">
        <v>5557</v>
      </c>
      <c r="HT7" s="57">
        <v>6100</v>
      </c>
      <c r="HU7" s="57">
        <v>3852</v>
      </c>
      <c r="HV7" s="57">
        <v>3612</v>
      </c>
      <c r="HW7" s="57">
        <v>2788</v>
      </c>
      <c r="HX7" s="58">
        <v>21909</v>
      </c>
      <c r="HY7" s="59">
        <v>31658</v>
      </c>
      <c r="HZ7" s="56">
        <v>9056</v>
      </c>
      <c r="IA7" s="57">
        <v>10358</v>
      </c>
      <c r="IB7" s="58">
        <v>19414</v>
      </c>
      <c r="IC7" s="230"/>
      <c r="ID7" s="57">
        <v>11527</v>
      </c>
      <c r="IE7" s="57">
        <v>10693</v>
      </c>
      <c r="IF7" s="57">
        <v>6906</v>
      </c>
      <c r="IG7" s="57">
        <v>6144</v>
      </c>
      <c r="IH7" s="57">
        <v>4561</v>
      </c>
      <c r="II7" s="58">
        <v>39831</v>
      </c>
      <c r="IJ7" s="59">
        <v>59245</v>
      </c>
      <c r="IK7" s="56">
        <v>17451</v>
      </c>
      <c r="IL7" s="57">
        <v>17894</v>
      </c>
      <c r="IM7" s="58">
        <v>35345</v>
      </c>
      <c r="IN7" s="230"/>
      <c r="IO7" s="57">
        <v>21898</v>
      </c>
      <c r="IP7" s="57">
        <v>18835</v>
      </c>
      <c r="IQ7" s="57">
        <v>12164</v>
      </c>
      <c r="IR7" s="57">
        <v>10668</v>
      </c>
      <c r="IS7" s="57">
        <v>6999</v>
      </c>
      <c r="IT7" s="58">
        <v>70564</v>
      </c>
      <c r="IU7" s="59">
        <v>105909</v>
      </c>
      <c r="IV7" s="56">
        <v>17392</v>
      </c>
      <c r="IW7" s="57">
        <v>19044</v>
      </c>
      <c r="IX7" s="58">
        <v>36436</v>
      </c>
      <c r="IY7" s="230"/>
      <c r="IZ7" s="57">
        <v>25685</v>
      </c>
      <c r="JA7" s="57">
        <v>22850</v>
      </c>
      <c r="JB7" s="57">
        <v>15738</v>
      </c>
      <c r="JC7" s="57">
        <v>13711</v>
      </c>
      <c r="JD7" s="57">
        <v>8745</v>
      </c>
      <c r="JE7" s="58">
        <v>86729</v>
      </c>
      <c r="JF7" s="59">
        <v>123165</v>
      </c>
      <c r="JG7" s="56">
        <v>9642</v>
      </c>
      <c r="JH7" s="57">
        <v>12693</v>
      </c>
      <c r="JI7" s="58">
        <v>22335</v>
      </c>
      <c r="JJ7" s="230"/>
      <c r="JK7" s="57">
        <v>20729</v>
      </c>
      <c r="JL7" s="57">
        <v>23464</v>
      </c>
      <c r="JM7" s="57">
        <v>19482</v>
      </c>
      <c r="JN7" s="57">
        <v>19892</v>
      </c>
      <c r="JO7" s="57">
        <v>11564</v>
      </c>
      <c r="JP7" s="58">
        <v>95131</v>
      </c>
      <c r="JQ7" s="59">
        <v>117466</v>
      </c>
      <c r="JR7" s="56">
        <v>886</v>
      </c>
      <c r="JS7" s="57">
        <v>1522</v>
      </c>
      <c r="JT7" s="58">
        <v>2408</v>
      </c>
      <c r="JU7" s="230"/>
      <c r="JV7" s="57">
        <v>1590</v>
      </c>
      <c r="JW7" s="57">
        <v>2489</v>
      </c>
      <c r="JX7" s="57">
        <v>1466</v>
      </c>
      <c r="JY7" s="57">
        <v>1353</v>
      </c>
      <c r="JZ7" s="57">
        <v>1358</v>
      </c>
      <c r="KA7" s="58">
        <v>8256</v>
      </c>
      <c r="KB7" s="59">
        <v>10664</v>
      </c>
      <c r="KC7" s="56">
        <v>60453</v>
      </c>
      <c r="KD7" s="57">
        <v>68954</v>
      </c>
      <c r="KE7" s="58">
        <v>129407</v>
      </c>
      <c r="KF7" s="230"/>
      <c r="KG7" s="57">
        <v>89290</v>
      </c>
      <c r="KH7" s="57">
        <v>87056</v>
      </c>
      <c r="KI7" s="57">
        <v>61312</v>
      </c>
      <c r="KJ7" s="57">
        <v>57025</v>
      </c>
      <c r="KK7" s="57">
        <v>37299</v>
      </c>
      <c r="KL7" s="58">
        <v>331982</v>
      </c>
      <c r="KM7" s="59">
        <v>461389</v>
      </c>
    </row>
    <row r="8" spans="2:299" ht="21" customHeight="1" x14ac:dyDescent="0.2">
      <c r="B8" s="467" t="s">
        <v>5</v>
      </c>
      <c r="C8" s="291">
        <v>8011</v>
      </c>
      <c r="D8" s="72">
        <v>9944</v>
      </c>
      <c r="E8" s="73">
        <v>17955</v>
      </c>
      <c r="F8" s="228"/>
      <c r="G8" s="72">
        <v>10216</v>
      </c>
      <c r="H8" s="72">
        <v>13704</v>
      </c>
      <c r="I8" s="72">
        <v>8762</v>
      </c>
      <c r="J8" s="72">
        <v>7091</v>
      </c>
      <c r="K8" s="72">
        <v>4299</v>
      </c>
      <c r="L8" s="74">
        <v>44072</v>
      </c>
      <c r="M8" s="75">
        <v>62027</v>
      </c>
      <c r="N8" s="60">
        <v>297</v>
      </c>
      <c r="O8" s="61">
        <v>464</v>
      </c>
      <c r="P8" s="62">
        <v>761</v>
      </c>
      <c r="Q8" s="231"/>
      <c r="R8" s="61">
        <v>409</v>
      </c>
      <c r="S8" s="61">
        <v>691</v>
      </c>
      <c r="T8" s="61">
        <v>452</v>
      </c>
      <c r="U8" s="61">
        <v>396</v>
      </c>
      <c r="V8" s="61">
        <v>306</v>
      </c>
      <c r="W8" s="62">
        <v>2254</v>
      </c>
      <c r="X8" s="63">
        <v>3015</v>
      </c>
      <c r="Y8" s="60">
        <v>724</v>
      </c>
      <c r="Z8" s="61">
        <v>1063</v>
      </c>
      <c r="AA8" s="62">
        <v>1787</v>
      </c>
      <c r="AB8" s="231"/>
      <c r="AC8" s="61">
        <v>821</v>
      </c>
      <c r="AD8" s="61">
        <v>1501</v>
      </c>
      <c r="AE8" s="61">
        <v>911</v>
      </c>
      <c r="AF8" s="61">
        <v>770</v>
      </c>
      <c r="AG8" s="61">
        <v>564</v>
      </c>
      <c r="AH8" s="62">
        <v>4567</v>
      </c>
      <c r="AI8" s="63">
        <v>6354</v>
      </c>
      <c r="AJ8" s="60">
        <v>1172</v>
      </c>
      <c r="AK8" s="61">
        <v>1620</v>
      </c>
      <c r="AL8" s="62">
        <v>2792</v>
      </c>
      <c r="AM8" s="231"/>
      <c r="AN8" s="61">
        <v>1535</v>
      </c>
      <c r="AO8" s="61">
        <v>2193</v>
      </c>
      <c r="AP8" s="61">
        <v>1420</v>
      </c>
      <c r="AQ8" s="61">
        <v>1140</v>
      </c>
      <c r="AR8" s="61">
        <v>781</v>
      </c>
      <c r="AS8" s="62">
        <v>7069</v>
      </c>
      <c r="AT8" s="63">
        <v>9861</v>
      </c>
      <c r="AU8" s="60">
        <v>2034</v>
      </c>
      <c r="AV8" s="61">
        <v>2424</v>
      </c>
      <c r="AW8" s="62">
        <v>4458</v>
      </c>
      <c r="AX8" s="231"/>
      <c r="AY8" s="61">
        <v>2532</v>
      </c>
      <c r="AZ8" s="61">
        <v>3148</v>
      </c>
      <c r="BA8" s="61">
        <v>1951</v>
      </c>
      <c r="BB8" s="61">
        <v>1604</v>
      </c>
      <c r="BC8" s="61">
        <v>989</v>
      </c>
      <c r="BD8" s="62">
        <v>10224</v>
      </c>
      <c r="BE8" s="63">
        <v>14682</v>
      </c>
      <c r="BF8" s="60">
        <v>2400</v>
      </c>
      <c r="BG8" s="61">
        <v>2572</v>
      </c>
      <c r="BH8" s="62">
        <v>4972</v>
      </c>
      <c r="BI8" s="231"/>
      <c r="BJ8" s="61">
        <v>2933</v>
      </c>
      <c r="BK8" s="61">
        <v>3381</v>
      </c>
      <c r="BL8" s="61">
        <v>2141</v>
      </c>
      <c r="BM8" s="61">
        <v>1705</v>
      </c>
      <c r="BN8" s="61">
        <v>903</v>
      </c>
      <c r="BO8" s="62">
        <v>11063</v>
      </c>
      <c r="BP8" s="63">
        <v>16035</v>
      </c>
      <c r="BQ8" s="60">
        <v>1384</v>
      </c>
      <c r="BR8" s="61">
        <v>1801</v>
      </c>
      <c r="BS8" s="62">
        <v>3185</v>
      </c>
      <c r="BT8" s="231"/>
      <c r="BU8" s="61">
        <v>1986</v>
      </c>
      <c r="BV8" s="61">
        <v>2790</v>
      </c>
      <c r="BW8" s="61">
        <v>1887</v>
      </c>
      <c r="BX8" s="61">
        <v>1476</v>
      </c>
      <c r="BY8" s="61">
        <v>756</v>
      </c>
      <c r="BZ8" s="62">
        <v>8895</v>
      </c>
      <c r="CA8" s="63">
        <v>12080</v>
      </c>
      <c r="CB8" s="60">
        <v>186</v>
      </c>
      <c r="CC8" s="61">
        <v>361</v>
      </c>
      <c r="CD8" s="62">
        <v>547</v>
      </c>
      <c r="CE8" s="231"/>
      <c r="CF8" s="61">
        <v>260</v>
      </c>
      <c r="CG8" s="61">
        <v>624</v>
      </c>
      <c r="CH8" s="61">
        <v>363</v>
      </c>
      <c r="CI8" s="61">
        <v>317</v>
      </c>
      <c r="CJ8" s="61">
        <v>339</v>
      </c>
      <c r="CK8" s="62">
        <v>1903</v>
      </c>
      <c r="CL8" s="63">
        <v>2450</v>
      </c>
      <c r="CM8" s="60">
        <v>8197</v>
      </c>
      <c r="CN8" s="61">
        <v>10305</v>
      </c>
      <c r="CO8" s="62">
        <v>18502</v>
      </c>
      <c r="CP8" s="231"/>
      <c r="CQ8" s="61">
        <v>10476</v>
      </c>
      <c r="CR8" s="61">
        <v>14328</v>
      </c>
      <c r="CS8" s="61">
        <v>9125</v>
      </c>
      <c r="CT8" s="61">
        <v>7408</v>
      </c>
      <c r="CU8" s="61">
        <v>4638</v>
      </c>
      <c r="CV8" s="62">
        <v>45975</v>
      </c>
      <c r="CW8" s="63">
        <v>64477</v>
      </c>
      <c r="CX8" s="113">
        <v>15069</v>
      </c>
      <c r="CY8" s="72">
        <v>20707</v>
      </c>
      <c r="CZ8" s="73">
        <v>35776</v>
      </c>
      <c r="DA8" s="228"/>
      <c r="DB8" s="72">
        <v>19536</v>
      </c>
      <c r="DC8" s="72">
        <v>24545</v>
      </c>
      <c r="DD8" s="72">
        <v>16308</v>
      </c>
      <c r="DE8" s="72">
        <v>15974</v>
      </c>
      <c r="DF8" s="72">
        <v>10530</v>
      </c>
      <c r="DG8" s="74">
        <v>86893</v>
      </c>
      <c r="DH8" s="75">
        <v>122669</v>
      </c>
      <c r="DI8" s="60">
        <v>301</v>
      </c>
      <c r="DJ8" s="61">
        <v>491</v>
      </c>
      <c r="DK8" s="62">
        <v>792</v>
      </c>
      <c r="DL8" s="231"/>
      <c r="DM8" s="61">
        <v>271</v>
      </c>
      <c r="DN8" s="61">
        <v>485</v>
      </c>
      <c r="DO8" s="61">
        <v>266</v>
      </c>
      <c r="DP8" s="61">
        <v>286</v>
      </c>
      <c r="DQ8" s="61">
        <v>210</v>
      </c>
      <c r="DR8" s="62">
        <v>1518</v>
      </c>
      <c r="DS8" s="63">
        <v>2310</v>
      </c>
      <c r="DT8" s="60">
        <v>899</v>
      </c>
      <c r="DU8" s="61">
        <v>1332</v>
      </c>
      <c r="DV8" s="62">
        <v>2231</v>
      </c>
      <c r="DW8" s="231"/>
      <c r="DX8" s="61">
        <v>826</v>
      </c>
      <c r="DY8" s="61">
        <v>1207</v>
      </c>
      <c r="DZ8" s="61">
        <v>711</v>
      </c>
      <c r="EA8" s="61">
        <v>716</v>
      </c>
      <c r="EB8" s="61">
        <v>613</v>
      </c>
      <c r="EC8" s="62">
        <v>4073</v>
      </c>
      <c r="ED8" s="63">
        <v>6304</v>
      </c>
      <c r="EE8" s="60">
        <v>2294</v>
      </c>
      <c r="EF8" s="61">
        <v>2993</v>
      </c>
      <c r="EG8" s="62">
        <v>5287</v>
      </c>
      <c r="EH8" s="231"/>
      <c r="EI8" s="61">
        <v>2176</v>
      </c>
      <c r="EJ8" s="61">
        <v>2490</v>
      </c>
      <c r="EK8" s="61">
        <v>1399</v>
      </c>
      <c r="EL8" s="61">
        <v>1285</v>
      </c>
      <c r="EM8" s="61">
        <v>1082</v>
      </c>
      <c r="EN8" s="62">
        <v>8432</v>
      </c>
      <c r="EO8" s="63">
        <v>13719</v>
      </c>
      <c r="EP8" s="60">
        <v>4657</v>
      </c>
      <c r="EQ8" s="61">
        <v>5508</v>
      </c>
      <c r="ER8" s="62">
        <v>10165</v>
      </c>
      <c r="ES8" s="231"/>
      <c r="ET8" s="61">
        <v>4794</v>
      </c>
      <c r="EU8" s="61">
        <v>5193</v>
      </c>
      <c r="EV8" s="61">
        <v>2947</v>
      </c>
      <c r="EW8" s="61">
        <v>2754</v>
      </c>
      <c r="EX8" s="61">
        <v>1799</v>
      </c>
      <c r="EY8" s="62">
        <v>17487</v>
      </c>
      <c r="EZ8" s="63">
        <v>27652</v>
      </c>
      <c r="FA8" s="60">
        <v>4520</v>
      </c>
      <c r="FB8" s="61">
        <v>6220</v>
      </c>
      <c r="FC8" s="62">
        <v>10740</v>
      </c>
      <c r="FD8" s="231"/>
      <c r="FE8" s="61">
        <v>6208</v>
      </c>
      <c r="FF8" s="61">
        <v>7129</v>
      </c>
      <c r="FG8" s="61">
        <v>4505</v>
      </c>
      <c r="FH8" s="61">
        <v>4095</v>
      </c>
      <c r="FI8" s="61">
        <v>2715</v>
      </c>
      <c r="FJ8" s="62">
        <v>24652</v>
      </c>
      <c r="FK8" s="63">
        <v>35392</v>
      </c>
      <c r="FL8" s="60">
        <v>2398</v>
      </c>
      <c r="FM8" s="61">
        <v>4163</v>
      </c>
      <c r="FN8" s="62">
        <v>6561</v>
      </c>
      <c r="FO8" s="231"/>
      <c r="FP8" s="61">
        <v>5261</v>
      </c>
      <c r="FQ8" s="61">
        <v>8041</v>
      </c>
      <c r="FR8" s="61">
        <v>6480</v>
      </c>
      <c r="FS8" s="61">
        <v>6838</v>
      </c>
      <c r="FT8" s="61">
        <v>4111</v>
      </c>
      <c r="FU8" s="62">
        <v>30731</v>
      </c>
      <c r="FV8" s="63">
        <v>37292</v>
      </c>
      <c r="FW8" s="60">
        <v>144</v>
      </c>
      <c r="FX8" s="61">
        <v>297</v>
      </c>
      <c r="FY8" s="62">
        <v>441</v>
      </c>
      <c r="FZ8" s="231"/>
      <c r="GA8" s="61">
        <v>198</v>
      </c>
      <c r="GB8" s="61">
        <v>491</v>
      </c>
      <c r="GC8" s="61">
        <v>268</v>
      </c>
      <c r="GD8" s="61">
        <v>239</v>
      </c>
      <c r="GE8" s="61">
        <v>262</v>
      </c>
      <c r="GF8" s="62">
        <v>1458</v>
      </c>
      <c r="GG8" s="63">
        <v>1899</v>
      </c>
      <c r="GH8" s="60">
        <v>15213</v>
      </c>
      <c r="GI8" s="61">
        <v>21004</v>
      </c>
      <c r="GJ8" s="62">
        <v>36217</v>
      </c>
      <c r="GK8" s="231"/>
      <c r="GL8" s="61">
        <v>19734</v>
      </c>
      <c r="GM8" s="61">
        <v>25036</v>
      </c>
      <c r="GN8" s="61">
        <v>16576</v>
      </c>
      <c r="GO8" s="61">
        <v>16213</v>
      </c>
      <c r="GP8" s="61">
        <v>10792</v>
      </c>
      <c r="GQ8" s="62">
        <v>88351</v>
      </c>
      <c r="GR8" s="63">
        <v>124568</v>
      </c>
      <c r="GS8" s="113">
        <v>23080</v>
      </c>
      <c r="GT8" s="72">
        <v>30651</v>
      </c>
      <c r="GU8" s="73">
        <v>53731</v>
      </c>
      <c r="GV8" s="228"/>
      <c r="GW8" s="72">
        <v>29752</v>
      </c>
      <c r="GX8" s="72">
        <v>38249</v>
      </c>
      <c r="GY8" s="72">
        <v>25070</v>
      </c>
      <c r="GZ8" s="72">
        <v>23065</v>
      </c>
      <c r="HA8" s="72">
        <v>14829</v>
      </c>
      <c r="HB8" s="74">
        <v>130965</v>
      </c>
      <c r="HC8" s="75">
        <v>184696</v>
      </c>
      <c r="HD8" s="60">
        <v>598</v>
      </c>
      <c r="HE8" s="61">
        <v>955</v>
      </c>
      <c r="HF8" s="62">
        <v>1553</v>
      </c>
      <c r="HG8" s="231"/>
      <c r="HH8" s="61">
        <v>680</v>
      </c>
      <c r="HI8" s="61">
        <v>1176</v>
      </c>
      <c r="HJ8" s="61">
        <v>718</v>
      </c>
      <c r="HK8" s="61">
        <v>682</v>
      </c>
      <c r="HL8" s="61">
        <v>516</v>
      </c>
      <c r="HM8" s="62">
        <v>3772</v>
      </c>
      <c r="HN8" s="63">
        <v>5325</v>
      </c>
      <c r="HO8" s="60">
        <v>1623</v>
      </c>
      <c r="HP8" s="61">
        <v>2395</v>
      </c>
      <c r="HQ8" s="62">
        <v>4018</v>
      </c>
      <c r="HR8" s="231"/>
      <c r="HS8" s="61">
        <v>1647</v>
      </c>
      <c r="HT8" s="61">
        <v>2708</v>
      </c>
      <c r="HU8" s="61">
        <v>1622</v>
      </c>
      <c r="HV8" s="61">
        <v>1486</v>
      </c>
      <c r="HW8" s="61">
        <v>1177</v>
      </c>
      <c r="HX8" s="62">
        <v>8640</v>
      </c>
      <c r="HY8" s="63">
        <v>12658</v>
      </c>
      <c r="HZ8" s="60">
        <v>3466</v>
      </c>
      <c r="IA8" s="61">
        <v>4613</v>
      </c>
      <c r="IB8" s="62">
        <v>8079</v>
      </c>
      <c r="IC8" s="231"/>
      <c r="ID8" s="61">
        <v>3711</v>
      </c>
      <c r="IE8" s="61">
        <v>4683</v>
      </c>
      <c r="IF8" s="61">
        <v>2819</v>
      </c>
      <c r="IG8" s="61">
        <v>2425</v>
      </c>
      <c r="IH8" s="61">
        <v>1863</v>
      </c>
      <c r="II8" s="62">
        <v>15501</v>
      </c>
      <c r="IJ8" s="63">
        <v>23580</v>
      </c>
      <c r="IK8" s="60">
        <v>6691</v>
      </c>
      <c r="IL8" s="61">
        <v>7932</v>
      </c>
      <c r="IM8" s="62">
        <v>14623</v>
      </c>
      <c r="IN8" s="231"/>
      <c r="IO8" s="61">
        <v>7326</v>
      </c>
      <c r="IP8" s="61">
        <v>8341</v>
      </c>
      <c r="IQ8" s="61">
        <v>4898</v>
      </c>
      <c r="IR8" s="61">
        <v>4358</v>
      </c>
      <c r="IS8" s="61">
        <v>2788</v>
      </c>
      <c r="IT8" s="62">
        <v>27711</v>
      </c>
      <c r="IU8" s="63">
        <v>42334</v>
      </c>
      <c r="IV8" s="60">
        <v>6920</v>
      </c>
      <c r="IW8" s="61">
        <v>8792</v>
      </c>
      <c r="IX8" s="62">
        <v>15712</v>
      </c>
      <c r="IY8" s="231"/>
      <c r="IZ8" s="61">
        <v>9141</v>
      </c>
      <c r="JA8" s="61">
        <v>10510</v>
      </c>
      <c r="JB8" s="61">
        <v>6646</v>
      </c>
      <c r="JC8" s="61">
        <v>5800</v>
      </c>
      <c r="JD8" s="61">
        <v>3618</v>
      </c>
      <c r="JE8" s="62">
        <v>35715</v>
      </c>
      <c r="JF8" s="63">
        <v>51427</v>
      </c>
      <c r="JG8" s="60">
        <v>3782</v>
      </c>
      <c r="JH8" s="61">
        <v>5964</v>
      </c>
      <c r="JI8" s="62">
        <v>9746</v>
      </c>
      <c r="JJ8" s="231"/>
      <c r="JK8" s="61">
        <v>7247</v>
      </c>
      <c r="JL8" s="61">
        <v>10831</v>
      </c>
      <c r="JM8" s="61">
        <v>8367</v>
      </c>
      <c r="JN8" s="61">
        <v>8314</v>
      </c>
      <c r="JO8" s="61">
        <v>4867</v>
      </c>
      <c r="JP8" s="62">
        <v>39626</v>
      </c>
      <c r="JQ8" s="63">
        <v>49372</v>
      </c>
      <c r="JR8" s="60">
        <v>330</v>
      </c>
      <c r="JS8" s="61">
        <v>658</v>
      </c>
      <c r="JT8" s="62">
        <v>988</v>
      </c>
      <c r="JU8" s="231"/>
      <c r="JV8" s="61">
        <v>458</v>
      </c>
      <c r="JW8" s="61">
        <v>1115</v>
      </c>
      <c r="JX8" s="61">
        <v>631</v>
      </c>
      <c r="JY8" s="61">
        <v>556</v>
      </c>
      <c r="JZ8" s="61">
        <v>601</v>
      </c>
      <c r="KA8" s="62">
        <v>3361</v>
      </c>
      <c r="KB8" s="63">
        <v>4349</v>
      </c>
      <c r="KC8" s="60">
        <v>23410</v>
      </c>
      <c r="KD8" s="61">
        <v>31309</v>
      </c>
      <c r="KE8" s="62">
        <v>54719</v>
      </c>
      <c r="KF8" s="231"/>
      <c r="KG8" s="61">
        <v>30210</v>
      </c>
      <c r="KH8" s="61">
        <v>39364</v>
      </c>
      <c r="KI8" s="61">
        <v>25701</v>
      </c>
      <c r="KJ8" s="61">
        <v>23621</v>
      </c>
      <c r="KK8" s="61">
        <v>15430</v>
      </c>
      <c r="KL8" s="62">
        <v>134326</v>
      </c>
      <c r="KM8" s="63">
        <v>189045</v>
      </c>
    </row>
    <row r="9" spans="2:299" ht="21" customHeight="1" x14ac:dyDescent="0.2">
      <c r="B9" s="468" t="s">
        <v>6</v>
      </c>
      <c r="C9" s="291">
        <v>2716</v>
      </c>
      <c r="D9" s="72">
        <v>2430</v>
      </c>
      <c r="E9" s="73">
        <v>5146</v>
      </c>
      <c r="F9" s="228"/>
      <c r="G9" s="72">
        <v>5121</v>
      </c>
      <c r="H9" s="72">
        <v>4134</v>
      </c>
      <c r="I9" s="72">
        <v>2792</v>
      </c>
      <c r="J9" s="72">
        <v>2413</v>
      </c>
      <c r="K9" s="72">
        <v>1604</v>
      </c>
      <c r="L9" s="74">
        <v>16064</v>
      </c>
      <c r="M9" s="75">
        <v>21210</v>
      </c>
      <c r="N9" s="60">
        <v>160</v>
      </c>
      <c r="O9" s="61">
        <v>149</v>
      </c>
      <c r="P9" s="62">
        <v>309</v>
      </c>
      <c r="Q9" s="231"/>
      <c r="R9" s="61">
        <v>273</v>
      </c>
      <c r="S9" s="61">
        <v>239</v>
      </c>
      <c r="T9" s="61">
        <v>156</v>
      </c>
      <c r="U9" s="61">
        <v>136</v>
      </c>
      <c r="V9" s="61">
        <v>108</v>
      </c>
      <c r="W9" s="62">
        <v>912</v>
      </c>
      <c r="X9" s="63">
        <v>1221</v>
      </c>
      <c r="Y9" s="60">
        <v>302</v>
      </c>
      <c r="Z9" s="61">
        <v>280</v>
      </c>
      <c r="AA9" s="62">
        <v>582</v>
      </c>
      <c r="AB9" s="231"/>
      <c r="AC9" s="61">
        <v>551</v>
      </c>
      <c r="AD9" s="61">
        <v>480</v>
      </c>
      <c r="AE9" s="61">
        <v>308</v>
      </c>
      <c r="AF9" s="61">
        <v>278</v>
      </c>
      <c r="AG9" s="61">
        <v>231</v>
      </c>
      <c r="AH9" s="62">
        <v>1848</v>
      </c>
      <c r="AI9" s="63">
        <v>2430</v>
      </c>
      <c r="AJ9" s="60">
        <v>456</v>
      </c>
      <c r="AK9" s="61">
        <v>424</v>
      </c>
      <c r="AL9" s="62">
        <v>880</v>
      </c>
      <c r="AM9" s="231"/>
      <c r="AN9" s="61">
        <v>847</v>
      </c>
      <c r="AO9" s="61">
        <v>708</v>
      </c>
      <c r="AP9" s="61">
        <v>474</v>
      </c>
      <c r="AQ9" s="61">
        <v>440</v>
      </c>
      <c r="AR9" s="61">
        <v>318</v>
      </c>
      <c r="AS9" s="62">
        <v>2787</v>
      </c>
      <c r="AT9" s="63">
        <v>3667</v>
      </c>
      <c r="AU9" s="60">
        <v>673</v>
      </c>
      <c r="AV9" s="61">
        <v>558</v>
      </c>
      <c r="AW9" s="62">
        <v>1231</v>
      </c>
      <c r="AX9" s="231"/>
      <c r="AY9" s="61">
        <v>1270</v>
      </c>
      <c r="AZ9" s="61">
        <v>974</v>
      </c>
      <c r="BA9" s="61">
        <v>635</v>
      </c>
      <c r="BB9" s="61">
        <v>532</v>
      </c>
      <c r="BC9" s="61">
        <v>346</v>
      </c>
      <c r="BD9" s="62">
        <v>3757</v>
      </c>
      <c r="BE9" s="63">
        <v>4988</v>
      </c>
      <c r="BF9" s="60">
        <v>698</v>
      </c>
      <c r="BG9" s="61">
        <v>592</v>
      </c>
      <c r="BH9" s="62">
        <v>1290</v>
      </c>
      <c r="BI9" s="231"/>
      <c r="BJ9" s="61">
        <v>1268</v>
      </c>
      <c r="BK9" s="61">
        <v>977</v>
      </c>
      <c r="BL9" s="61">
        <v>668</v>
      </c>
      <c r="BM9" s="61">
        <v>535</v>
      </c>
      <c r="BN9" s="61">
        <v>333</v>
      </c>
      <c r="BO9" s="62">
        <v>3781</v>
      </c>
      <c r="BP9" s="63">
        <v>5071</v>
      </c>
      <c r="BQ9" s="60">
        <v>427</v>
      </c>
      <c r="BR9" s="61">
        <v>427</v>
      </c>
      <c r="BS9" s="62">
        <v>854</v>
      </c>
      <c r="BT9" s="231"/>
      <c r="BU9" s="61">
        <v>912</v>
      </c>
      <c r="BV9" s="61">
        <v>756</v>
      </c>
      <c r="BW9" s="61">
        <v>551</v>
      </c>
      <c r="BX9" s="61">
        <v>492</v>
      </c>
      <c r="BY9" s="61">
        <v>268</v>
      </c>
      <c r="BZ9" s="62">
        <v>2979</v>
      </c>
      <c r="CA9" s="63">
        <v>3833</v>
      </c>
      <c r="CB9" s="60">
        <v>78</v>
      </c>
      <c r="CC9" s="61">
        <v>93</v>
      </c>
      <c r="CD9" s="62">
        <v>171</v>
      </c>
      <c r="CE9" s="231"/>
      <c r="CF9" s="61">
        <v>189</v>
      </c>
      <c r="CG9" s="61">
        <v>193</v>
      </c>
      <c r="CH9" s="61">
        <v>106</v>
      </c>
      <c r="CI9" s="61">
        <v>119</v>
      </c>
      <c r="CJ9" s="61">
        <v>121</v>
      </c>
      <c r="CK9" s="62">
        <v>728</v>
      </c>
      <c r="CL9" s="63">
        <v>899</v>
      </c>
      <c r="CM9" s="60">
        <v>2794</v>
      </c>
      <c r="CN9" s="61">
        <v>2523</v>
      </c>
      <c r="CO9" s="62">
        <v>5317</v>
      </c>
      <c r="CP9" s="231"/>
      <c r="CQ9" s="61">
        <v>5310</v>
      </c>
      <c r="CR9" s="61">
        <v>4327</v>
      </c>
      <c r="CS9" s="61">
        <v>2898</v>
      </c>
      <c r="CT9" s="61">
        <v>2532</v>
      </c>
      <c r="CU9" s="61">
        <v>1725</v>
      </c>
      <c r="CV9" s="62">
        <v>16792</v>
      </c>
      <c r="CW9" s="63">
        <v>22109</v>
      </c>
      <c r="CX9" s="113">
        <v>5240</v>
      </c>
      <c r="CY9" s="72">
        <v>5486</v>
      </c>
      <c r="CZ9" s="73">
        <v>10726</v>
      </c>
      <c r="DA9" s="228"/>
      <c r="DB9" s="72">
        <v>8975</v>
      </c>
      <c r="DC9" s="72">
        <v>6780</v>
      </c>
      <c r="DD9" s="72">
        <v>5257</v>
      </c>
      <c r="DE9" s="72">
        <v>5245</v>
      </c>
      <c r="DF9" s="72">
        <v>3729</v>
      </c>
      <c r="DG9" s="74">
        <v>29986</v>
      </c>
      <c r="DH9" s="75">
        <v>40712</v>
      </c>
      <c r="DI9" s="60">
        <v>115</v>
      </c>
      <c r="DJ9" s="61">
        <v>129</v>
      </c>
      <c r="DK9" s="62">
        <v>244</v>
      </c>
      <c r="DL9" s="231"/>
      <c r="DM9" s="61">
        <v>170</v>
      </c>
      <c r="DN9" s="61">
        <v>119</v>
      </c>
      <c r="DO9" s="61">
        <v>107</v>
      </c>
      <c r="DP9" s="61">
        <v>104</v>
      </c>
      <c r="DQ9" s="61">
        <v>84</v>
      </c>
      <c r="DR9" s="62">
        <v>584</v>
      </c>
      <c r="DS9" s="63">
        <v>828</v>
      </c>
      <c r="DT9" s="60">
        <v>352</v>
      </c>
      <c r="DU9" s="61">
        <v>348</v>
      </c>
      <c r="DV9" s="62">
        <v>700</v>
      </c>
      <c r="DW9" s="231"/>
      <c r="DX9" s="61">
        <v>483</v>
      </c>
      <c r="DY9" s="61">
        <v>357</v>
      </c>
      <c r="DZ9" s="61">
        <v>222</v>
      </c>
      <c r="EA9" s="61">
        <v>237</v>
      </c>
      <c r="EB9" s="61">
        <v>184</v>
      </c>
      <c r="EC9" s="62">
        <v>1483</v>
      </c>
      <c r="ED9" s="63">
        <v>2183</v>
      </c>
      <c r="EE9" s="60">
        <v>773</v>
      </c>
      <c r="EF9" s="61">
        <v>803</v>
      </c>
      <c r="EG9" s="62">
        <v>1576</v>
      </c>
      <c r="EH9" s="231"/>
      <c r="EI9" s="61">
        <v>1080</v>
      </c>
      <c r="EJ9" s="61">
        <v>679</v>
      </c>
      <c r="EK9" s="61">
        <v>457</v>
      </c>
      <c r="EL9" s="61">
        <v>444</v>
      </c>
      <c r="EM9" s="61">
        <v>358</v>
      </c>
      <c r="EN9" s="62">
        <v>3018</v>
      </c>
      <c r="EO9" s="63">
        <v>4594</v>
      </c>
      <c r="EP9" s="60">
        <v>1634</v>
      </c>
      <c r="EQ9" s="61">
        <v>1508</v>
      </c>
      <c r="ER9" s="62">
        <v>3142</v>
      </c>
      <c r="ES9" s="231"/>
      <c r="ET9" s="61">
        <v>2165</v>
      </c>
      <c r="EU9" s="61">
        <v>1375</v>
      </c>
      <c r="EV9" s="61">
        <v>946</v>
      </c>
      <c r="EW9" s="61">
        <v>904</v>
      </c>
      <c r="EX9" s="61">
        <v>656</v>
      </c>
      <c r="EY9" s="62">
        <v>6046</v>
      </c>
      <c r="EZ9" s="63">
        <v>9188</v>
      </c>
      <c r="FA9" s="60">
        <v>1543</v>
      </c>
      <c r="FB9" s="61">
        <v>1647</v>
      </c>
      <c r="FC9" s="62">
        <v>3190</v>
      </c>
      <c r="FD9" s="231"/>
      <c r="FE9" s="61">
        <v>2707</v>
      </c>
      <c r="FF9" s="61">
        <v>2018</v>
      </c>
      <c r="FG9" s="61">
        <v>1447</v>
      </c>
      <c r="FH9" s="61">
        <v>1301</v>
      </c>
      <c r="FI9" s="61">
        <v>979</v>
      </c>
      <c r="FJ9" s="62">
        <v>8452</v>
      </c>
      <c r="FK9" s="63">
        <v>11642</v>
      </c>
      <c r="FL9" s="60">
        <v>823</v>
      </c>
      <c r="FM9" s="61">
        <v>1051</v>
      </c>
      <c r="FN9" s="62">
        <v>1874</v>
      </c>
      <c r="FO9" s="231"/>
      <c r="FP9" s="61">
        <v>2370</v>
      </c>
      <c r="FQ9" s="61">
        <v>2232</v>
      </c>
      <c r="FR9" s="61">
        <v>2078</v>
      </c>
      <c r="FS9" s="61">
        <v>2255</v>
      </c>
      <c r="FT9" s="61">
        <v>1468</v>
      </c>
      <c r="FU9" s="62">
        <v>10403</v>
      </c>
      <c r="FV9" s="63">
        <v>12277</v>
      </c>
      <c r="FW9" s="60">
        <v>69</v>
      </c>
      <c r="FX9" s="61">
        <v>89</v>
      </c>
      <c r="FY9" s="62">
        <v>158</v>
      </c>
      <c r="FZ9" s="231"/>
      <c r="GA9" s="61">
        <v>132</v>
      </c>
      <c r="GB9" s="61">
        <v>140</v>
      </c>
      <c r="GC9" s="61">
        <v>104</v>
      </c>
      <c r="GD9" s="61">
        <v>95</v>
      </c>
      <c r="GE9" s="61">
        <v>88</v>
      </c>
      <c r="GF9" s="62">
        <v>559</v>
      </c>
      <c r="GG9" s="63">
        <v>717</v>
      </c>
      <c r="GH9" s="60">
        <v>5309</v>
      </c>
      <c r="GI9" s="61">
        <v>5575</v>
      </c>
      <c r="GJ9" s="62">
        <v>10884</v>
      </c>
      <c r="GK9" s="231"/>
      <c r="GL9" s="61">
        <v>9107</v>
      </c>
      <c r="GM9" s="61">
        <v>6920</v>
      </c>
      <c r="GN9" s="61">
        <v>5361</v>
      </c>
      <c r="GO9" s="61">
        <v>5340</v>
      </c>
      <c r="GP9" s="61">
        <v>3817</v>
      </c>
      <c r="GQ9" s="62">
        <v>30545</v>
      </c>
      <c r="GR9" s="63">
        <v>41429</v>
      </c>
      <c r="GS9" s="113">
        <v>7956</v>
      </c>
      <c r="GT9" s="72">
        <v>7916</v>
      </c>
      <c r="GU9" s="73">
        <v>15872</v>
      </c>
      <c r="GV9" s="228"/>
      <c r="GW9" s="72">
        <v>14096</v>
      </c>
      <c r="GX9" s="72">
        <v>10914</v>
      </c>
      <c r="GY9" s="72">
        <v>8049</v>
      </c>
      <c r="GZ9" s="72">
        <v>7658</v>
      </c>
      <c r="HA9" s="72">
        <v>5333</v>
      </c>
      <c r="HB9" s="74">
        <v>46050</v>
      </c>
      <c r="HC9" s="75">
        <v>61922</v>
      </c>
      <c r="HD9" s="60">
        <v>275</v>
      </c>
      <c r="HE9" s="61">
        <v>278</v>
      </c>
      <c r="HF9" s="62">
        <v>553</v>
      </c>
      <c r="HG9" s="231"/>
      <c r="HH9" s="61">
        <v>443</v>
      </c>
      <c r="HI9" s="61">
        <v>358</v>
      </c>
      <c r="HJ9" s="61">
        <v>263</v>
      </c>
      <c r="HK9" s="61">
        <v>240</v>
      </c>
      <c r="HL9" s="61">
        <v>192</v>
      </c>
      <c r="HM9" s="62">
        <v>1496</v>
      </c>
      <c r="HN9" s="63">
        <v>2049</v>
      </c>
      <c r="HO9" s="60">
        <v>654</v>
      </c>
      <c r="HP9" s="61">
        <v>628</v>
      </c>
      <c r="HQ9" s="62">
        <v>1282</v>
      </c>
      <c r="HR9" s="231"/>
      <c r="HS9" s="61">
        <v>1034</v>
      </c>
      <c r="HT9" s="61">
        <v>837</v>
      </c>
      <c r="HU9" s="61">
        <v>530</v>
      </c>
      <c r="HV9" s="61">
        <v>515</v>
      </c>
      <c r="HW9" s="61">
        <v>415</v>
      </c>
      <c r="HX9" s="62">
        <v>3331</v>
      </c>
      <c r="HY9" s="63">
        <v>4613</v>
      </c>
      <c r="HZ9" s="60">
        <v>1229</v>
      </c>
      <c r="IA9" s="61">
        <v>1227</v>
      </c>
      <c r="IB9" s="62">
        <v>2456</v>
      </c>
      <c r="IC9" s="231"/>
      <c r="ID9" s="61">
        <v>1927</v>
      </c>
      <c r="IE9" s="61">
        <v>1387</v>
      </c>
      <c r="IF9" s="61">
        <v>931</v>
      </c>
      <c r="IG9" s="61">
        <v>884</v>
      </c>
      <c r="IH9" s="61">
        <v>676</v>
      </c>
      <c r="II9" s="62">
        <v>5805</v>
      </c>
      <c r="IJ9" s="63">
        <v>8261</v>
      </c>
      <c r="IK9" s="60">
        <v>2307</v>
      </c>
      <c r="IL9" s="61">
        <v>2066</v>
      </c>
      <c r="IM9" s="62">
        <v>4373</v>
      </c>
      <c r="IN9" s="231"/>
      <c r="IO9" s="61">
        <v>3435</v>
      </c>
      <c r="IP9" s="61">
        <v>2349</v>
      </c>
      <c r="IQ9" s="61">
        <v>1581</v>
      </c>
      <c r="IR9" s="61">
        <v>1436</v>
      </c>
      <c r="IS9" s="61">
        <v>1002</v>
      </c>
      <c r="IT9" s="62">
        <v>9803</v>
      </c>
      <c r="IU9" s="63">
        <v>14176</v>
      </c>
      <c r="IV9" s="60">
        <v>2241</v>
      </c>
      <c r="IW9" s="61">
        <v>2239</v>
      </c>
      <c r="IX9" s="62">
        <v>4480</v>
      </c>
      <c r="IY9" s="231"/>
      <c r="IZ9" s="61">
        <v>3975</v>
      </c>
      <c r="JA9" s="61">
        <v>2995</v>
      </c>
      <c r="JB9" s="61">
        <v>2115</v>
      </c>
      <c r="JC9" s="61">
        <v>1836</v>
      </c>
      <c r="JD9" s="61">
        <v>1312</v>
      </c>
      <c r="JE9" s="62">
        <v>12233</v>
      </c>
      <c r="JF9" s="63">
        <v>16713</v>
      </c>
      <c r="JG9" s="60">
        <v>1250</v>
      </c>
      <c r="JH9" s="61">
        <v>1478</v>
      </c>
      <c r="JI9" s="62">
        <v>2728</v>
      </c>
      <c r="JJ9" s="231"/>
      <c r="JK9" s="61">
        <v>3282</v>
      </c>
      <c r="JL9" s="61">
        <v>2988</v>
      </c>
      <c r="JM9" s="61">
        <v>2629</v>
      </c>
      <c r="JN9" s="61">
        <v>2747</v>
      </c>
      <c r="JO9" s="61">
        <v>1736</v>
      </c>
      <c r="JP9" s="62">
        <v>13382</v>
      </c>
      <c r="JQ9" s="63">
        <v>16110</v>
      </c>
      <c r="JR9" s="60">
        <v>147</v>
      </c>
      <c r="JS9" s="61">
        <v>182</v>
      </c>
      <c r="JT9" s="62">
        <v>329</v>
      </c>
      <c r="JU9" s="231"/>
      <c r="JV9" s="61">
        <v>321</v>
      </c>
      <c r="JW9" s="61">
        <v>333</v>
      </c>
      <c r="JX9" s="61">
        <v>210</v>
      </c>
      <c r="JY9" s="61">
        <v>214</v>
      </c>
      <c r="JZ9" s="61">
        <v>209</v>
      </c>
      <c r="KA9" s="62">
        <v>1287</v>
      </c>
      <c r="KB9" s="63">
        <v>1616</v>
      </c>
      <c r="KC9" s="60">
        <v>8103</v>
      </c>
      <c r="KD9" s="61">
        <v>8098</v>
      </c>
      <c r="KE9" s="62">
        <v>16201</v>
      </c>
      <c r="KF9" s="231"/>
      <c r="KG9" s="61">
        <v>14417</v>
      </c>
      <c r="KH9" s="61">
        <v>11247</v>
      </c>
      <c r="KI9" s="61">
        <v>8259</v>
      </c>
      <c r="KJ9" s="61">
        <v>7872</v>
      </c>
      <c r="KK9" s="61">
        <v>5542</v>
      </c>
      <c r="KL9" s="62">
        <v>47337</v>
      </c>
      <c r="KM9" s="63">
        <v>63538</v>
      </c>
    </row>
    <row r="10" spans="2:299" ht="21" customHeight="1" x14ac:dyDescent="0.2">
      <c r="B10" s="468" t="s">
        <v>14</v>
      </c>
      <c r="C10" s="291">
        <v>1570</v>
      </c>
      <c r="D10" s="72">
        <v>1950</v>
      </c>
      <c r="E10" s="73">
        <v>3520</v>
      </c>
      <c r="F10" s="228"/>
      <c r="G10" s="72">
        <v>2307</v>
      </c>
      <c r="H10" s="72">
        <v>2578</v>
      </c>
      <c r="I10" s="72">
        <v>1802</v>
      </c>
      <c r="J10" s="72">
        <v>1521</v>
      </c>
      <c r="K10" s="72">
        <v>872</v>
      </c>
      <c r="L10" s="74">
        <v>9080</v>
      </c>
      <c r="M10" s="75">
        <v>12600</v>
      </c>
      <c r="N10" s="60">
        <v>64</v>
      </c>
      <c r="O10" s="61">
        <v>85</v>
      </c>
      <c r="P10" s="62">
        <v>149</v>
      </c>
      <c r="Q10" s="231"/>
      <c r="R10" s="61">
        <v>89</v>
      </c>
      <c r="S10" s="61">
        <v>124</v>
      </c>
      <c r="T10" s="61">
        <v>90</v>
      </c>
      <c r="U10" s="61">
        <v>98</v>
      </c>
      <c r="V10" s="61">
        <v>64</v>
      </c>
      <c r="W10" s="62">
        <v>465</v>
      </c>
      <c r="X10" s="63">
        <v>614</v>
      </c>
      <c r="Y10" s="60">
        <v>152</v>
      </c>
      <c r="Z10" s="61">
        <v>267</v>
      </c>
      <c r="AA10" s="62">
        <v>419</v>
      </c>
      <c r="AB10" s="231"/>
      <c r="AC10" s="61">
        <v>196</v>
      </c>
      <c r="AD10" s="61">
        <v>267</v>
      </c>
      <c r="AE10" s="61">
        <v>185</v>
      </c>
      <c r="AF10" s="61">
        <v>169</v>
      </c>
      <c r="AG10" s="61">
        <v>117</v>
      </c>
      <c r="AH10" s="62">
        <v>934</v>
      </c>
      <c r="AI10" s="63">
        <v>1353</v>
      </c>
      <c r="AJ10" s="60">
        <v>253</v>
      </c>
      <c r="AK10" s="61">
        <v>366</v>
      </c>
      <c r="AL10" s="62">
        <v>619</v>
      </c>
      <c r="AM10" s="231"/>
      <c r="AN10" s="61">
        <v>362</v>
      </c>
      <c r="AO10" s="61">
        <v>429</v>
      </c>
      <c r="AP10" s="61">
        <v>285</v>
      </c>
      <c r="AQ10" s="61">
        <v>256</v>
      </c>
      <c r="AR10" s="61">
        <v>158</v>
      </c>
      <c r="AS10" s="62">
        <v>1490</v>
      </c>
      <c r="AT10" s="63">
        <v>2109</v>
      </c>
      <c r="AU10" s="60">
        <v>478</v>
      </c>
      <c r="AV10" s="61">
        <v>530</v>
      </c>
      <c r="AW10" s="62">
        <v>1008</v>
      </c>
      <c r="AX10" s="231"/>
      <c r="AY10" s="61">
        <v>656</v>
      </c>
      <c r="AZ10" s="61">
        <v>670</v>
      </c>
      <c r="BA10" s="61">
        <v>462</v>
      </c>
      <c r="BB10" s="61">
        <v>367</v>
      </c>
      <c r="BC10" s="61">
        <v>211</v>
      </c>
      <c r="BD10" s="62">
        <v>2366</v>
      </c>
      <c r="BE10" s="63">
        <v>3374</v>
      </c>
      <c r="BF10" s="60">
        <v>424</v>
      </c>
      <c r="BG10" s="61">
        <v>446</v>
      </c>
      <c r="BH10" s="62">
        <v>870</v>
      </c>
      <c r="BI10" s="231"/>
      <c r="BJ10" s="61">
        <v>634</v>
      </c>
      <c r="BK10" s="61">
        <v>659</v>
      </c>
      <c r="BL10" s="61">
        <v>441</v>
      </c>
      <c r="BM10" s="61">
        <v>367</v>
      </c>
      <c r="BN10" s="61">
        <v>197</v>
      </c>
      <c r="BO10" s="62">
        <v>2298</v>
      </c>
      <c r="BP10" s="63">
        <v>3168</v>
      </c>
      <c r="BQ10" s="60">
        <v>199</v>
      </c>
      <c r="BR10" s="61">
        <v>256</v>
      </c>
      <c r="BS10" s="62">
        <v>455</v>
      </c>
      <c r="BT10" s="231"/>
      <c r="BU10" s="61">
        <v>370</v>
      </c>
      <c r="BV10" s="61">
        <v>429</v>
      </c>
      <c r="BW10" s="61">
        <v>339</v>
      </c>
      <c r="BX10" s="61">
        <v>264</v>
      </c>
      <c r="BY10" s="61">
        <v>125</v>
      </c>
      <c r="BZ10" s="62">
        <v>1527</v>
      </c>
      <c r="CA10" s="63">
        <v>1982</v>
      </c>
      <c r="CB10" s="60">
        <v>35</v>
      </c>
      <c r="CC10" s="61">
        <v>100</v>
      </c>
      <c r="CD10" s="62">
        <v>135</v>
      </c>
      <c r="CE10" s="231"/>
      <c r="CF10" s="61">
        <v>41</v>
      </c>
      <c r="CG10" s="61">
        <v>131</v>
      </c>
      <c r="CH10" s="61">
        <v>75</v>
      </c>
      <c r="CI10" s="61">
        <v>77</v>
      </c>
      <c r="CJ10" s="61">
        <v>50</v>
      </c>
      <c r="CK10" s="62">
        <v>374</v>
      </c>
      <c r="CL10" s="63">
        <v>509</v>
      </c>
      <c r="CM10" s="60">
        <v>1605</v>
      </c>
      <c r="CN10" s="61">
        <v>2050</v>
      </c>
      <c r="CO10" s="62">
        <v>3655</v>
      </c>
      <c r="CP10" s="231"/>
      <c r="CQ10" s="61">
        <v>2348</v>
      </c>
      <c r="CR10" s="61">
        <v>2709</v>
      </c>
      <c r="CS10" s="61">
        <v>1877</v>
      </c>
      <c r="CT10" s="61">
        <v>1598</v>
      </c>
      <c r="CU10" s="61">
        <v>922</v>
      </c>
      <c r="CV10" s="62">
        <v>9454</v>
      </c>
      <c r="CW10" s="63">
        <v>13109</v>
      </c>
      <c r="CX10" s="113">
        <v>3019</v>
      </c>
      <c r="CY10" s="72">
        <v>4229</v>
      </c>
      <c r="CZ10" s="73">
        <v>7248</v>
      </c>
      <c r="DA10" s="228"/>
      <c r="DB10" s="72">
        <v>3880</v>
      </c>
      <c r="DC10" s="72">
        <v>4175</v>
      </c>
      <c r="DD10" s="72">
        <v>3281</v>
      </c>
      <c r="DE10" s="72">
        <v>3086</v>
      </c>
      <c r="DF10" s="72">
        <v>1910</v>
      </c>
      <c r="DG10" s="74">
        <v>16332</v>
      </c>
      <c r="DH10" s="75">
        <v>23580</v>
      </c>
      <c r="DI10" s="60">
        <v>72</v>
      </c>
      <c r="DJ10" s="61">
        <v>95</v>
      </c>
      <c r="DK10" s="62">
        <v>167</v>
      </c>
      <c r="DL10" s="231"/>
      <c r="DM10" s="61">
        <v>63</v>
      </c>
      <c r="DN10" s="61">
        <v>96</v>
      </c>
      <c r="DO10" s="61">
        <v>74</v>
      </c>
      <c r="DP10" s="61">
        <v>58</v>
      </c>
      <c r="DQ10" s="61">
        <v>44</v>
      </c>
      <c r="DR10" s="62">
        <v>335</v>
      </c>
      <c r="DS10" s="63">
        <v>502</v>
      </c>
      <c r="DT10" s="60">
        <v>234</v>
      </c>
      <c r="DU10" s="61">
        <v>321</v>
      </c>
      <c r="DV10" s="62">
        <v>555</v>
      </c>
      <c r="DW10" s="231"/>
      <c r="DX10" s="61">
        <v>188</v>
      </c>
      <c r="DY10" s="61">
        <v>266</v>
      </c>
      <c r="DZ10" s="61">
        <v>163</v>
      </c>
      <c r="EA10" s="61">
        <v>152</v>
      </c>
      <c r="EB10" s="61">
        <v>113</v>
      </c>
      <c r="EC10" s="62">
        <v>882</v>
      </c>
      <c r="ED10" s="63">
        <v>1437</v>
      </c>
      <c r="EE10" s="60">
        <v>540</v>
      </c>
      <c r="EF10" s="61">
        <v>710</v>
      </c>
      <c r="EG10" s="62">
        <v>1250</v>
      </c>
      <c r="EH10" s="231"/>
      <c r="EI10" s="61">
        <v>506</v>
      </c>
      <c r="EJ10" s="61">
        <v>531</v>
      </c>
      <c r="EK10" s="61">
        <v>334</v>
      </c>
      <c r="EL10" s="61">
        <v>333</v>
      </c>
      <c r="EM10" s="61">
        <v>247</v>
      </c>
      <c r="EN10" s="62">
        <v>1951</v>
      </c>
      <c r="EO10" s="63">
        <v>3201</v>
      </c>
      <c r="EP10" s="60">
        <v>973</v>
      </c>
      <c r="EQ10" s="61">
        <v>1266</v>
      </c>
      <c r="ER10" s="62">
        <v>2239</v>
      </c>
      <c r="ES10" s="231"/>
      <c r="ET10" s="61">
        <v>1079</v>
      </c>
      <c r="EU10" s="61">
        <v>988</v>
      </c>
      <c r="EV10" s="61">
        <v>735</v>
      </c>
      <c r="EW10" s="61">
        <v>575</v>
      </c>
      <c r="EX10" s="61">
        <v>387</v>
      </c>
      <c r="EY10" s="62">
        <v>3764</v>
      </c>
      <c r="EZ10" s="63">
        <v>6003</v>
      </c>
      <c r="FA10" s="60">
        <v>829</v>
      </c>
      <c r="FB10" s="61">
        <v>1160</v>
      </c>
      <c r="FC10" s="62">
        <v>1989</v>
      </c>
      <c r="FD10" s="231"/>
      <c r="FE10" s="61">
        <v>1143</v>
      </c>
      <c r="FF10" s="61">
        <v>1140</v>
      </c>
      <c r="FG10" s="61">
        <v>839</v>
      </c>
      <c r="FH10" s="61">
        <v>783</v>
      </c>
      <c r="FI10" s="61">
        <v>479</v>
      </c>
      <c r="FJ10" s="62">
        <v>4384</v>
      </c>
      <c r="FK10" s="63">
        <v>6373</v>
      </c>
      <c r="FL10" s="60">
        <v>371</v>
      </c>
      <c r="FM10" s="61">
        <v>677</v>
      </c>
      <c r="FN10" s="62">
        <v>1048</v>
      </c>
      <c r="FO10" s="231"/>
      <c r="FP10" s="61">
        <v>901</v>
      </c>
      <c r="FQ10" s="61">
        <v>1154</v>
      </c>
      <c r="FR10" s="61">
        <v>1136</v>
      </c>
      <c r="FS10" s="61">
        <v>1185</v>
      </c>
      <c r="FT10" s="61">
        <v>640</v>
      </c>
      <c r="FU10" s="62">
        <v>5016</v>
      </c>
      <c r="FV10" s="63">
        <v>6064</v>
      </c>
      <c r="FW10" s="60">
        <v>22</v>
      </c>
      <c r="FX10" s="61">
        <v>81</v>
      </c>
      <c r="FY10" s="62">
        <v>103</v>
      </c>
      <c r="FZ10" s="231"/>
      <c r="GA10" s="61">
        <v>41</v>
      </c>
      <c r="GB10" s="61">
        <v>94</v>
      </c>
      <c r="GC10" s="61">
        <v>49</v>
      </c>
      <c r="GD10" s="61">
        <v>47</v>
      </c>
      <c r="GE10" s="61">
        <v>59</v>
      </c>
      <c r="GF10" s="62">
        <v>290</v>
      </c>
      <c r="GG10" s="63">
        <v>393</v>
      </c>
      <c r="GH10" s="60">
        <v>3041</v>
      </c>
      <c r="GI10" s="61">
        <v>4310</v>
      </c>
      <c r="GJ10" s="62">
        <v>7351</v>
      </c>
      <c r="GK10" s="231"/>
      <c r="GL10" s="61">
        <v>3921</v>
      </c>
      <c r="GM10" s="61">
        <v>4269</v>
      </c>
      <c r="GN10" s="61">
        <v>3330</v>
      </c>
      <c r="GO10" s="61">
        <v>3133</v>
      </c>
      <c r="GP10" s="61">
        <v>1969</v>
      </c>
      <c r="GQ10" s="62">
        <v>16622</v>
      </c>
      <c r="GR10" s="63">
        <v>23973</v>
      </c>
      <c r="GS10" s="113">
        <v>4589</v>
      </c>
      <c r="GT10" s="72">
        <v>6179</v>
      </c>
      <c r="GU10" s="73">
        <v>10768</v>
      </c>
      <c r="GV10" s="228"/>
      <c r="GW10" s="72">
        <v>6187</v>
      </c>
      <c r="GX10" s="72">
        <v>6753</v>
      </c>
      <c r="GY10" s="72">
        <v>5083</v>
      </c>
      <c r="GZ10" s="72">
        <v>4607</v>
      </c>
      <c r="HA10" s="72">
        <v>2782</v>
      </c>
      <c r="HB10" s="74">
        <v>25412</v>
      </c>
      <c r="HC10" s="75">
        <v>36180</v>
      </c>
      <c r="HD10" s="60">
        <v>136</v>
      </c>
      <c r="HE10" s="61">
        <v>180</v>
      </c>
      <c r="HF10" s="62">
        <v>316</v>
      </c>
      <c r="HG10" s="231"/>
      <c r="HH10" s="61">
        <v>152</v>
      </c>
      <c r="HI10" s="61">
        <v>220</v>
      </c>
      <c r="HJ10" s="61">
        <v>164</v>
      </c>
      <c r="HK10" s="61">
        <v>156</v>
      </c>
      <c r="HL10" s="61">
        <v>108</v>
      </c>
      <c r="HM10" s="62">
        <v>800</v>
      </c>
      <c r="HN10" s="63">
        <v>1116</v>
      </c>
      <c r="HO10" s="60">
        <v>386</v>
      </c>
      <c r="HP10" s="61">
        <v>588</v>
      </c>
      <c r="HQ10" s="62">
        <v>974</v>
      </c>
      <c r="HR10" s="231"/>
      <c r="HS10" s="61">
        <v>384</v>
      </c>
      <c r="HT10" s="61">
        <v>533</v>
      </c>
      <c r="HU10" s="61">
        <v>348</v>
      </c>
      <c r="HV10" s="61">
        <v>321</v>
      </c>
      <c r="HW10" s="61">
        <v>230</v>
      </c>
      <c r="HX10" s="62">
        <v>1816</v>
      </c>
      <c r="HY10" s="63">
        <v>2790</v>
      </c>
      <c r="HZ10" s="60">
        <v>793</v>
      </c>
      <c r="IA10" s="61">
        <v>1076</v>
      </c>
      <c r="IB10" s="62">
        <v>1869</v>
      </c>
      <c r="IC10" s="231"/>
      <c r="ID10" s="61">
        <v>868</v>
      </c>
      <c r="IE10" s="61">
        <v>960</v>
      </c>
      <c r="IF10" s="61">
        <v>619</v>
      </c>
      <c r="IG10" s="61">
        <v>589</v>
      </c>
      <c r="IH10" s="61">
        <v>405</v>
      </c>
      <c r="II10" s="62">
        <v>3441</v>
      </c>
      <c r="IJ10" s="63">
        <v>5310</v>
      </c>
      <c r="IK10" s="60">
        <v>1451</v>
      </c>
      <c r="IL10" s="61">
        <v>1796</v>
      </c>
      <c r="IM10" s="62">
        <v>3247</v>
      </c>
      <c r="IN10" s="231"/>
      <c r="IO10" s="61">
        <v>1735</v>
      </c>
      <c r="IP10" s="61">
        <v>1658</v>
      </c>
      <c r="IQ10" s="61">
        <v>1197</v>
      </c>
      <c r="IR10" s="61">
        <v>942</v>
      </c>
      <c r="IS10" s="61">
        <v>598</v>
      </c>
      <c r="IT10" s="62">
        <v>6130</v>
      </c>
      <c r="IU10" s="63">
        <v>9377</v>
      </c>
      <c r="IV10" s="60">
        <v>1253</v>
      </c>
      <c r="IW10" s="61">
        <v>1606</v>
      </c>
      <c r="IX10" s="62">
        <v>2859</v>
      </c>
      <c r="IY10" s="231"/>
      <c r="IZ10" s="61">
        <v>1777</v>
      </c>
      <c r="JA10" s="61">
        <v>1799</v>
      </c>
      <c r="JB10" s="61">
        <v>1280</v>
      </c>
      <c r="JC10" s="61">
        <v>1150</v>
      </c>
      <c r="JD10" s="61">
        <v>676</v>
      </c>
      <c r="JE10" s="62">
        <v>6682</v>
      </c>
      <c r="JF10" s="63">
        <v>9541</v>
      </c>
      <c r="JG10" s="60">
        <v>570</v>
      </c>
      <c r="JH10" s="61">
        <v>933</v>
      </c>
      <c r="JI10" s="62">
        <v>1503</v>
      </c>
      <c r="JJ10" s="231"/>
      <c r="JK10" s="61">
        <v>1271</v>
      </c>
      <c r="JL10" s="61">
        <v>1583</v>
      </c>
      <c r="JM10" s="61">
        <v>1475</v>
      </c>
      <c r="JN10" s="61">
        <v>1449</v>
      </c>
      <c r="JO10" s="61">
        <v>765</v>
      </c>
      <c r="JP10" s="62">
        <v>6543</v>
      </c>
      <c r="JQ10" s="63">
        <v>8046</v>
      </c>
      <c r="JR10" s="60">
        <v>57</v>
      </c>
      <c r="JS10" s="61">
        <v>181</v>
      </c>
      <c r="JT10" s="62">
        <v>238</v>
      </c>
      <c r="JU10" s="231"/>
      <c r="JV10" s="61">
        <v>82</v>
      </c>
      <c r="JW10" s="61">
        <v>225</v>
      </c>
      <c r="JX10" s="61">
        <v>124</v>
      </c>
      <c r="JY10" s="61">
        <v>124</v>
      </c>
      <c r="JZ10" s="61">
        <v>109</v>
      </c>
      <c r="KA10" s="62">
        <v>664</v>
      </c>
      <c r="KB10" s="63">
        <v>902</v>
      </c>
      <c r="KC10" s="60">
        <v>4646</v>
      </c>
      <c r="KD10" s="61">
        <v>6360</v>
      </c>
      <c r="KE10" s="62">
        <v>11006</v>
      </c>
      <c r="KF10" s="231"/>
      <c r="KG10" s="61">
        <v>6269</v>
      </c>
      <c r="KH10" s="61">
        <v>6978</v>
      </c>
      <c r="KI10" s="61">
        <v>5207</v>
      </c>
      <c r="KJ10" s="61">
        <v>4731</v>
      </c>
      <c r="KK10" s="61">
        <v>2891</v>
      </c>
      <c r="KL10" s="62">
        <v>26076</v>
      </c>
      <c r="KM10" s="63">
        <v>37082</v>
      </c>
    </row>
    <row r="11" spans="2:299" ht="21" customHeight="1" x14ac:dyDescent="0.2">
      <c r="B11" s="468" t="s">
        <v>7</v>
      </c>
      <c r="C11" s="291">
        <v>1018</v>
      </c>
      <c r="D11" s="72">
        <v>771</v>
      </c>
      <c r="E11" s="73">
        <v>1789</v>
      </c>
      <c r="F11" s="228"/>
      <c r="G11" s="72">
        <v>2329</v>
      </c>
      <c r="H11" s="72">
        <v>1506</v>
      </c>
      <c r="I11" s="72">
        <v>878</v>
      </c>
      <c r="J11" s="72">
        <v>800</v>
      </c>
      <c r="K11" s="72">
        <v>459</v>
      </c>
      <c r="L11" s="74">
        <v>5972</v>
      </c>
      <c r="M11" s="75">
        <v>7761</v>
      </c>
      <c r="N11" s="60">
        <v>35</v>
      </c>
      <c r="O11" s="61">
        <v>31</v>
      </c>
      <c r="P11" s="62">
        <v>66</v>
      </c>
      <c r="Q11" s="231"/>
      <c r="R11" s="61">
        <v>95</v>
      </c>
      <c r="S11" s="61">
        <v>69</v>
      </c>
      <c r="T11" s="61">
        <v>33</v>
      </c>
      <c r="U11" s="61">
        <v>45</v>
      </c>
      <c r="V11" s="61">
        <v>27</v>
      </c>
      <c r="W11" s="62">
        <v>269</v>
      </c>
      <c r="X11" s="63">
        <v>335</v>
      </c>
      <c r="Y11" s="60">
        <v>70</v>
      </c>
      <c r="Z11" s="61">
        <v>81</v>
      </c>
      <c r="AA11" s="62">
        <v>151</v>
      </c>
      <c r="AB11" s="231"/>
      <c r="AC11" s="61">
        <v>222</v>
      </c>
      <c r="AD11" s="61">
        <v>156</v>
      </c>
      <c r="AE11" s="61">
        <v>85</v>
      </c>
      <c r="AF11" s="61">
        <v>84</v>
      </c>
      <c r="AG11" s="61">
        <v>69</v>
      </c>
      <c r="AH11" s="62">
        <v>616</v>
      </c>
      <c r="AI11" s="63">
        <v>767</v>
      </c>
      <c r="AJ11" s="60">
        <v>139</v>
      </c>
      <c r="AK11" s="61">
        <v>128</v>
      </c>
      <c r="AL11" s="62">
        <v>267</v>
      </c>
      <c r="AM11" s="231"/>
      <c r="AN11" s="61">
        <v>394</v>
      </c>
      <c r="AO11" s="61">
        <v>244</v>
      </c>
      <c r="AP11" s="61">
        <v>156</v>
      </c>
      <c r="AQ11" s="61">
        <v>117</v>
      </c>
      <c r="AR11" s="61">
        <v>85</v>
      </c>
      <c r="AS11" s="62">
        <v>996</v>
      </c>
      <c r="AT11" s="63">
        <v>1263</v>
      </c>
      <c r="AU11" s="60">
        <v>298</v>
      </c>
      <c r="AV11" s="61">
        <v>177</v>
      </c>
      <c r="AW11" s="62">
        <v>475</v>
      </c>
      <c r="AX11" s="231"/>
      <c r="AY11" s="61">
        <v>596</v>
      </c>
      <c r="AZ11" s="61">
        <v>353</v>
      </c>
      <c r="BA11" s="61">
        <v>236</v>
      </c>
      <c r="BB11" s="61">
        <v>187</v>
      </c>
      <c r="BC11" s="61">
        <v>106</v>
      </c>
      <c r="BD11" s="62">
        <v>1478</v>
      </c>
      <c r="BE11" s="63">
        <v>1953</v>
      </c>
      <c r="BF11" s="60">
        <v>299</v>
      </c>
      <c r="BG11" s="61">
        <v>226</v>
      </c>
      <c r="BH11" s="62">
        <v>525</v>
      </c>
      <c r="BI11" s="231"/>
      <c r="BJ11" s="61">
        <v>611</v>
      </c>
      <c r="BK11" s="61">
        <v>374</v>
      </c>
      <c r="BL11" s="61">
        <v>190</v>
      </c>
      <c r="BM11" s="61">
        <v>213</v>
      </c>
      <c r="BN11" s="61">
        <v>101</v>
      </c>
      <c r="BO11" s="62">
        <v>1489</v>
      </c>
      <c r="BP11" s="63">
        <v>2014</v>
      </c>
      <c r="BQ11" s="60">
        <v>177</v>
      </c>
      <c r="BR11" s="61">
        <v>128</v>
      </c>
      <c r="BS11" s="62">
        <v>305</v>
      </c>
      <c r="BT11" s="231"/>
      <c r="BU11" s="61">
        <v>411</v>
      </c>
      <c r="BV11" s="61">
        <v>310</v>
      </c>
      <c r="BW11" s="61">
        <v>178</v>
      </c>
      <c r="BX11" s="61">
        <v>154</v>
      </c>
      <c r="BY11" s="61">
        <v>71</v>
      </c>
      <c r="BZ11" s="62">
        <v>1124</v>
      </c>
      <c r="CA11" s="63">
        <v>1429</v>
      </c>
      <c r="CB11" s="60">
        <v>16</v>
      </c>
      <c r="CC11" s="61">
        <v>22</v>
      </c>
      <c r="CD11" s="62">
        <v>38</v>
      </c>
      <c r="CE11" s="231"/>
      <c r="CF11" s="61">
        <v>63</v>
      </c>
      <c r="CG11" s="61">
        <v>61</v>
      </c>
      <c r="CH11" s="61">
        <v>31</v>
      </c>
      <c r="CI11" s="61">
        <v>41</v>
      </c>
      <c r="CJ11" s="61">
        <v>28</v>
      </c>
      <c r="CK11" s="62">
        <v>224</v>
      </c>
      <c r="CL11" s="63">
        <v>262</v>
      </c>
      <c r="CM11" s="60">
        <v>1034</v>
      </c>
      <c r="CN11" s="61">
        <v>793</v>
      </c>
      <c r="CO11" s="62">
        <v>1827</v>
      </c>
      <c r="CP11" s="231"/>
      <c r="CQ11" s="61">
        <v>2392</v>
      </c>
      <c r="CR11" s="61">
        <v>1567</v>
      </c>
      <c r="CS11" s="61">
        <v>909</v>
      </c>
      <c r="CT11" s="61">
        <v>841</v>
      </c>
      <c r="CU11" s="61">
        <v>487</v>
      </c>
      <c r="CV11" s="62">
        <v>6196</v>
      </c>
      <c r="CW11" s="63">
        <v>8023</v>
      </c>
      <c r="CX11" s="113">
        <v>1953</v>
      </c>
      <c r="CY11" s="72">
        <v>2092</v>
      </c>
      <c r="CZ11" s="73">
        <v>4045</v>
      </c>
      <c r="DA11" s="228"/>
      <c r="DB11" s="72">
        <v>4339</v>
      </c>
      <c r="DC11" s="72">
        <v>2662</v>
      </c>
      <c r="DD11" s="72">
        <v>2000</v>
      </c>
      <c r="DE11" s="72">
        <v>1938</v>
      </c>
      <c r="DF11" s="72">
        <v>1170</v>
      </c>
      <c r="DG11" s="74">
        <v>12109</v>
      </c>
      <c r="DH11" s="75">
        <v>16154</v>
      </c>
      <c r="DI11" s="60">
        <v>26</v>
      </c>
      <c r="DJ11" s="61">
        <v>43</v>
      </c>
      <c r="DK11" s="62">
        <v>69</v>
      </c>
      <c r="DL11" s="231"/>
      <c r="DM11" s="61">
        <v>85</v>
      </c>
      <c r="DN11" s="61">
        <v>49</v>
      </c>
      <c r="DO11" s="61">
        <v>35</v>
      </c>
      <c r="DP11" s="61">
        <v>32</v>
      </c>
      <c r="DQ11" s="61">
        <v>39</v>
      </c>
      <c r="DR11" s="62">
        <v>240</v>
      </c>
      <c r="DS11" s="63">
        <v>309</v>
      </c>
      <c r="DT11" s="60">
        <v>135</v>
      </c>
      <c r="DU11" s="61">
        <v>118</v>
      </c>
      <c r="DV11" s="62">
        <v>253</v>
      </c>
      <c r="DW11" s="231"/>
      <c r="DX11" s="61">
        <v>222</v>
      </c>
      <c r="DY11" s="61">
        <v>142</v>
      </c>
      <c r="DZ11" s="61">
        <v>74</v>
      </c>
      <c r="EA11" s="61">
        <v>90</v>
      </c>
      <c r="EB11" s="61">
        <v>47</v>
      </c>
      <c r="EC11" s="62">
        <v>575</v>
      </c>
      <c r="ED11" s="63">
        <v>828</v>
      </c>
      <c r="EE11" s="60">
        <v>283</v>
      </c>
      <c r="EF11" s="61">
        <v>308</v>
      </c>
      <c r="EG11" s="62">
        <v>591</v>
      </c>
      <c r="EH11" s="231"/>
      <c r="EI11" s="61">
        <v>539</v>
      </c>
      <c r="EJ11" s="61">
        <v>272</v>
      </c>
      <c r="EK11" s="61">
        <v>196</v>
      </c>
      <c r="EL11" s="61">
        <v>170</v>
      </c>
      <c r="EM11" s="61">
        <v>140</v>
      </c>
      <c r="EN11" s="62">
        <v>1317</v>
      </c>
      <c r="EO11" s="63">
        <v>1908</v>
      </c>
      <c r="EP11" s="60">
        <v>595</v>
      </c>
      <c r="EQ11" s="61">
        <v>579</v>
      </c>
      <c r="ER11" s="62">
        <v>1174</v>
      </c>
      <c r="ES11" s="231"/>
      <c r="ET11" s="61">
        <v>1001</v>
      </c>
      <c r="EU11" s="61">
        <v>562</v>
      </c>
      <c r="EV11" s="61">
        <v>348</v>
      </c>
      <c r="EW11" s="61">
        <v>346</v>
      </c>
      <c r="EX11" s="61">
        <v>214</v>
      </c>
      <c r="EY11" s="62">
        <v>2471</v>
      </c>
      <c r="EZ11" s="63">
        <v>3645</v>
      </c>
      <c r="FA11" s="60">
        <v>588</v>
      </c>
      <c r="FB11" s="61">
        <v>644</v>
      </c>
      <c r="FC11" s="62">
        <v>1232</v>
      </c>
      <c r="FD11" s="231"/>
      <c r="FE11" s="61">
        <v>1279</v>
      </c>
      <c r="FF11" s="61">
        <v>720</v>
      </c>
      <c r="FG11" s="61">
        <v>550</v>
      </c>
      <c r="FH11" s="61">
        <v>485</v>
      </c>
      <c r="FI11" s="61">
        <v>290</v>
      </c>
      <c r="FJ11" s="62">
        <v>3324</v>
      </c>
      <c r="FK11" s="63">
        <v>4556</v>
      </c>
      <c r="FL11" s="60">
        <v>326</v>
      </c>
      <c r="FM11" s="61">
        <v>400</v>
      </c>
      <c r="FN11" s="62">
        <v>726</v>
      </c>
      <c r="FO11" s="231"/>
      <c r="FP11" s="61">
        <v>1213</v>
      </c>
      <c r="FQ11" s="61">
        <v>917</v>
      </c>
      <c r="FR11" s="61">
        <v>797</v>
      </c>
      <c r="FS11" s="61">
        <v>815</v>
      </c>
      <c r="FT11" s="61">
        <v>440</v>
      </c>
      <c r="FU11" s="62">
        <v>4182</v>
      </c>
      <c r="FV11" s="63">
        <v>4908</v>
      </c>
      <c r="FW11" s="60">
        <v>12</v>
      </c>
      <c r="FX11" s="61">
        <v>19</v>
      </c>
      <c r="FY11" s="62">
        <v>31</v>
      </c>
      <c r="FZ11" s="231"/>
      <c r="GA11" s="61">
        <v>72</v>
      </c>
      <c r="GB11" s="61">
        <v>49</v>
      </c>
      <c r="GC11" s="61">
        <v>32</v>
      </c>
      <c r="GD11" s="61">
        <v>25</v>
      </c>
      <c r="GE11" s="61">
        <v>19</v>
      </c>
      <c r="GF11" s="62">
        <v>197</v>
      </c>
      <c r="GG11" s="63">
        <v>228</v>
      </c>
      <c r="GH11" s="60">
        <v>1965</v>
      </c>
      <c r="GI11" s="61">
        <v>2111</v>
      </c>
      <c r="GJ11" s="62">
        <v>4076</v>
      </c>
      <c r="GK11" s="231"/>
      <c r="GL11" s="61">
        <v>4411</v>
      </c>
      <c r="GM11" s="61">
        <v>2711</v>
      </c>
      <c r="GN11" s="61">
        <v>2032</v>
      </c>
      <c r="GO11" s="61">
        <v>1963</v>
      </c>
      <c r="GP11" s="61">
        <v>1189</v>
      </c>
      <c r="GQ11" s="62">
        <v>12306</v>
      </c>
      <c r="GR11" s="63">
        <v>16382</v>
      </c>
      <c r="GS11" s="113">
        <v>2971</v>
      </c>
      <c r="GT11" s="72">
        <v>2863</v>
      </c>
      <c r="GU11" s="73">
        <v>5834</v>
      </c>
      <c r="GV11" s="228"/>
      <c r="GW11" s="72">
        <v>6668</v>
      </c>
      <c r="GX11" s="72">
        <v>4168</v>
      </c>
      <c r="GY11" s="72">
        <v>2878</v>
      </c>
      <c r="GZ11" s="72">
        <v>2738</v>
      </c>
      <c r="HA11" s="72">
        <v>1629</v>
      </c>
      <c r="HB11" s="74">
        <v>18081</v>
      </c>
      <c r="HC11" s="75">
        <v>23915</v>
      </c>
      <c r="HD11" s="60">
        <v>61</v>
      </c>
      <c r="HE11" s="61">
        <v>74</v>
      </c>
      <c r="HF11" s="62">
        <v>135</v>
      </c>
      <c r="HG11" s="231"/>
      <c r="HH11" s="61">
        <v>180</v>
      </c>
      <c r="HI11" s="61">
        <v>118</v>
      </c>
      <c r="HJ11" s="61">
        <v>68</v>
      </c>
      <c r="HK11" s="61">
        <v>77</v>
      </c>
      <c r="HL11" s="61">
        <v>66</v>
      </c>
      <c r="HM11" s="62">
        <v>509</v>
      </c>
      <c r="HN11" s="63">
        <v>644</v>
      </c>
      <c r="HO11" s="60">
        <v>205</v>
      </c>
      <c r="HP11" s="61">
        <v>199</v>
      </c>
      <c r="HQ11" s="62">
        <v>404</v>
      </c>
      <c r="HR11" s="231"/>
      <c r="HS11" s="61">
        <v>444</v>
      </c>
      <c r="HT11" s="61">
        <v>298</v>
      </c>
      <c r="HU11" s="61">
        <v>159</v>
      </c>
      <c r="HV11" s="61">
        <v>174</v>
      </c>
      <c r="HW11" s="61">
        <v>116</v>
      </c>
      <c r="HX11" s="62">
        <v>1191</v>
      </c>
      <c r="HY11" s="63">
        <v>1595</v>
      </c>
      <c r="HZ11" s="60">
        <v>422</v>
      </c>
      <c r="IA11" s="61">
        <v>436</v>
      </c>
      <c r="IB11" s="62">
        <v>858</v>
      </c>
      <c r="IC11" s="231"/>
      <c r="ID11" s="61">
        <v>933</v>
      </c>
      <c r="IE11" s="61">
        <v>516</v>
      </c>
      <c r="IF11" s="61">
        <v>352</v>
      </c>
      <c r="IG11" s="61">
        <v>287</v>
      </c>
      <c r="IH11" s="61">
        <v>225</v>
      </c>
      <c r="II11" s="62">
        <v>2313</v>
      </c>
      <c r="IJ11" s="63">
        <v>3171</v>
      </c>
      <c r="IK11" s="60">
        <v>893</v>
      </c>
      <c r="IL11" s="61">
        <v>756</v>
      </c>
      <c r="IM11" s="62">
        <v>1649</v>
      </c>
      <c r="IN11" s="231"/>
      <c r="IO11" s="61">
        <v>1597</v>
      </c>
      <c r="IP11" s="61">
        <v>915</v>
      </c>
      <c r="IQ11" s="61">
        <v>584</v>
      </c>
      <c r="IR11" s="61">
        <v>533</v>
      </c>
      <c r="IS11" s="61">
        <v>320</v>
      </c>
      <c r="IT11" s="62">
        <v>3949</v>
      </c>
      <c r="IU11" s="63">
        <v>5598</v>
      </c>
      <c r="IV11" s="60">
        <v>887</v>
      </c>
      <c r="IW11" s="61">
        <v>870</v>
      </c>
      <c r="IX11" s="62">
        <v>1757</v>
      </c>
      <c r="IY11" s="231"/>
      <c r="IZ11" s="61">
        <v>1890</v>
      </c>
      <c r="JA11" s="61">
        <v>1094</v>
      </c>
      <c r="JB11" s="61">
        <v>740</v>
      </c>
      <c r="JC11" s="61">
        <v>698</v>
      </c>
      <c r="JD11" s="61">
        <v>391</v>
      </c>
      <c r="JE11" s="62">
        <v>4813</v>
      </c>
      <c r="JF11" s="63">
        <v>6570</v>
      </c>
      <c r="JG11" s="60">
        <v>503</v>
      </c>
      <c r="JH11" s="61">
        <v>528</v>
      </c>
      <c r="JI11" s="62">
        <v>1031</v>
      </c>
      <c r="JJ11" s="231"/>
      <c r="JK11" s="61">
        <v>1624</v>
      </c>
      <c r="JL11" s="61">
        <v>1227</v>
      </c>
      <c r="JM11" s="61">
        <v>975</v>
      </c>
      <c r="JN11" s="61">
        <v>969</v>
      </c>
      <c r="JO11" s="61">
        <v>511</v>
      </c>
      <c r="JP11" s="62">
        <v>5306</v>
      </c>
      <c r="JQ11" s="63">
        <v>6337</v>
      </c>
      <c r="JR11" s="60">
        <v>28</v>
      </c>
      <c r="JS11" s="61">
        <v>41</v>
      </c>
      <c r="JT11" s="62">
        <v>69</v>
      </c>
      <c r="JU11" s="231"/>
      <c r="JV11" s="61">
        <v>135</v>
      </c>
      <c r="JW11" s="61">
        <v>110</v>
      </c>
      <c r="JX11" s="61">
        <v>63</v>
      </c>
      <c r="JY11" s="61">
        <v>66</v>
      </c>
      <c r="JZ11" s="61">
        <v>47</v>
      </c>
      <c r="KA11" s="62">
        <v>421</v>
      </c>
      <c r="KB11" s="63">
        <v>490</v>
      </c>
      <c r="KC11" s="60">
        <v>2999</v>
      </c>
      <c r="KD11" s="61">
        <v>2904</v>
      </c>
      <c r="KE11" s="62">
        <v>5903</v>
      </c>
      <c r="KF11" s="231"/>
      <c r="KG11" s="61">
        <v>6803</v>
      </c>
      <c r="KH11" s="61">
        <v>4278</v>
      </c>
      <c r="KI11" s="61">
        <v>2941</v>
      </c>
      <c r="KJ11" s="61">
        <v>2804</v>
      </c>
      <c r="KK11" s="61">
        <v>1676</v>
      </c>
      <c r="KL11" s="62">
        <v>18502</v>
      </c>
      <c r="KM11" s="63">
        <v>24405</v>
      </c>
    </row>
    <row r="12" spans="2:299" ht="21" customHeight="1" x14ac:dyDescent="0.2">
      <c r="B12" s="468" t="s">
        <v>8</v>
      </c>
      <c r="C12" s="291">
        <v>590</v>
      </c>
      <c r="D12" s="72">
        <v>399</v>
      </c>
      <c r="E12" s="73">
        <v>989</v>
      </c>
      <c r="F12" s="228"/>
      <c r="G12" s="72">
        <v>992</v>
      </c>
      <c r="H12" s="72">
        <v>878</v>
      </c>
      <c r="I12" s="72">
        <v>640</v>
      </c>
      <c r="J12" s="72">
        <v>502</v>
      </c>
      <c r="K12" s="72">
        <v>284</v>
      </c>
      <c r="L12" s="74">
        <v>3296</v>
      </c>
      <c r="M12" s="75">
        <v>4285</v>
      </c>
      <c r="N12" s="60">
        <v>21</v>
      </c>
      <c r="O12" s="61">
        <v>30</v>
      </c>
      <c r="P12" s="62">
        <v>51</v>
      </c>
      <c r="Q12" s="231"/>
      <c r="R12" s="61">
        <v>54</v>
      </c>
      <c r="S12" s="61">
        <v>45</v>
      </c>
      <c r="T12" s="61">
        <v>25</v>
      </c>
      <c r="U12" s="61">
        <v>26</v>
      </c>
      <c r="V12" s="61">
        <v>21</v>
      </c>
      <c r="W12" s="62">
        <v>171</v>
      </c>
      <c r="X12" s="63">
        <v>222</v>
      </c>
      <c r="Y12" s="60">
        <v>51</v>
      </c>
      <c r="Z12" s="61">
        <v>46</v>
      </c>
      <c r="AA12" s="62">
        <v>97</v>
      </c>
      <c r="AB12" s="231"/>
      <c r="AC12" s="61">
        <v>89</v>
      </c>
      <c r="AD12" s="61">
        <v>97</v>
      </c>
      <c r="AE12" s="61">
        <v>62</v>
      </c>
      <c r="AF12" s="61">
        <v>65</v>
      </c>
      <c r="AG12" s="61">
        <v>46</v>
      </c>
      <c r="AH12" s="62">
        <v>359</v>
      </c>
      <c r="AI12" s="63">
        <v>456</v>
      </c>
      <c r="AJ12" s="60">
        <v>90</v>
      </c>
      <c r="AK12" s="61">
        <v>64</v>
      </c>
      <c r="AL12" s="62">
        <v>154</v>
      </c>
      <c r="AM12" s="231"/>
      <c r="AN12" s="61">
        <v>171</v>
      </c>
      <c r="AO12" s="61">
        <v>154</v>
      </c>
      <c r="AP12" s="61">
        <v>104</v>
      </c>
      <c r="AQ12" s="61">
        <v>83</v>
      </c>
      <c r="AR12" s="61">
        <v>50</v>
      </c>
      <c r="AS12" s="62">
        <v>562</v>
      </c>
      <c r="AT12" s="63">
        <v>716</v>
      </c>
      <c r="AU12" s="60">
        <v>158</v>
      </c>
      <c r="AV12" s="61">
        <v>88</v>
      </c>
      <c r="AW12" s="62">
        <v>246</v>
      </c>
      <c r="AX12" s="231"/>
      <c r="AY12" s="61">
        <v>263</v>
      </c>
      <c r="AZ12" s="61">
        <v>236</v>
      </c>
      <c r="BA12" s="61">
        <v>148</v>
      </c>
      <c r="BB12" s="61">
        <v>134</v>
      </c>
      <c r="BC12" s="61">
        <v>67</v>
      </c>
      <c r="BD12" s="62">
        <v>848</v>
      </c>
      <c r="BE12" s="63">
        <v>1094</v>
      </c>
      <c r="BF12" s="60">
        <v>162</v>
      </c>
      <c r="BG12" s="61">
        <v>96</v>
      </c>
      <c r="BH12" s="62">
        <v>258</v>
      </c>
      <c r="BI12" s="231"/>
      <c r="BJ12" s="61">
        <v>245</v>
      </c>
      <c r="BK12" s="61">
        <v>198</v>
      </c>
      <c r="BL12" s="61">
        <v>161</v>
      </c>
      <c r="BM12" s="61">
        <v>100</v>
      </c>
      <c r="BN12" s="61">
        <v>55</v>
      </c>
      <c r="BO12" s="62">
        <v>759</v>
      </c>
      <c r="BP12" s="63">
        <v>1017</v>
      </c>
      <c r="BQ12" s="60">
        <v>108</v>
      </c>
      <c r="BR12" s="61">
        <v>75</v>
      </c>
      <c r="BS12" s="62">
        <v>183</v>
      </c>
      <c r="BT12" s="231"/>
      <c r="BU12" s="61">
        <v>170</v>
      </c>
      <c r="BV12" s="61">
        <v>148</v>
      </c>
      <c r="BW12" s="61">
        <v>140</v>
      </c>
      <c r="BX12" s="61">
        <v>94</v>
      </c>
      <c r="BY12" s="61">
        <v>45</v>
      </c>
      <c r="BZ12" s="62">
        <v>597</v>
      </c>
      <c r="CA12" s="63">
        <v>780</v>
      </c>
      <c r="CB12" s="60">
        <v>15</v>
      </c>
      <c r="CC12" s="61">
        <v>14</v>
      </c>
      <c r="CD12" s="62">
        <v>29</v>
      </c>
      <c r="CE12" s="231"/>
      <c r="CF12" s="61">
        <v>30</v>
      </c>
      <c r="CG12" s="61">
        <v>43</v>
      </c>
      <c r="CH12" s="61">
        <v>24</v>
      </c>
      <c r="CI12" s="61">
        <v>22</v>
      </c>
      <c r="CJ12" s="61">
        <v>15</v>
      </c>
      <c r="CK12" s="62">
        <v>134</v>
      </c>
      <c r="CL12" s="63">
        <v>163</v>
      </c>
      <c r="CM12" s="60">
        <v>605</v>
      </c>
      <c r="CN12" s="61">
        <v>413</v>
      </c>
      <c r="CO12" s="62">
        <v>1018</v>
      </c>
      <c r="CP12" s="231"/>
      <c r="CQ12" s="61">
        <v>1022</v>
      </c>
      <c r="CR12" s="61">
        <v>921</v>
      </c>
      <c r="CS12" s="61">
        <v>664</v>
      </c>
      <c r="CT12" s="61">
        <v>524</v>
      </c>
      <c r="CU12" s="61">
        <v>299</v>
      </c>
      <c r="CV12" s="62">
        <v>3430</v>
      </c>
      <c r="CW12" s="63">
        <v>4448</v>
      </c>
      <c r="CX12" s="113">
        <v>1123</v>
      </c>
      <c r="CY12" s="72">
        <v>977</v>
      </c>
      <c r="CZ12" s="73">
        <v>2100</v>
      </c>
      <c r="DA12" s="228"/>
      <c r="DB12" s="72">
        <v>1756</v>
      </c>
      <c r="DC12" s="72">
        <v>1616</v>
      </c>
      <c r="DD12" s="72">
        <v>1312</v>
      </c>
      <c r="DE12" s="72">
        <v>1115</v>
      </c>
      <c r="DF12" s="72">
        <v>665</v>
      </c>
      <c r="DG12" s="74">
        <v>6464</v>
      </c>
      <c r="DH12" s="75">
        <v>8564</v>
      </c>
      <c r="DI12" s="60">
        <v>28</v>
      </c>
      <c r="DJ12" s="61">
        <v>20</v>
      </c>
      <c r="DK12" s="62">
        <v>48</v>
      </c>
      <c r="DL12" s="231"/>
      <c r="DM12" s="61">
        <v>40</v>
      </c>
      <c r="DN12" s="61">
        <v>24</v>
      </c>
      <c r="DO12" s="61">
        <v>17</v>
      </c>
      <c r="DP12" s="61">
        <v>32</v>
      </c>
      <c r="DQ12" s="61">
        <v>13</v>
      </c>
      <c r="DR12" s="62">
        <v>126</v>
      </c>
      <c r="DS12" s="63">
        <v>174</v>
      </c>
      <c r="DT12" s="60">
        <v>89</v>
      </c>
      <c r="DU12" s="61">
        <v>66</v>
      </c>
      <c r="DV12" s="62">
        <v>155</v>
      </c>
      <c r="DW12" s="231"/>
      <c r="DX12" s="61">
        <v>89</v>
      </c>
      <c r="DY12" s="61">
        <v>75</v>
      </c>
      <c r="DZ12" s="61">
        <v>54</v>
      </c>
      <c r="EA12" s="61">
        <v>54</v>
      </c>
      <c r="EB12" s="61">
        <v>42</v>
      </c>
      <c r="EC12" s="62">
        <v>314</v>
      </c>
      <c r="ED12" s="63">
        <v>469</v>
      </c>
      <c r="EE12" s="60">
        <v>154</v>
      </c>
      <c r="EF12" s="61">
        <v>148</v>
      </c>
      <c r="EG12" s="62">
        <v>302</v>
      </c>
      <c r="EH12" s="231"/>
      <c r="EI12" s="61">
        <v>215</v>
      </c>
      <c r="EJ12" s="61">
        <v>165</v>
      </c>
      <c r="EK12" s="61">
        <v>114</v>
      </c>
      <c r="EL12" s="61">
        <v>107</v>
      </c>
      <c r="EM12" s="61">
        <v>71</v>
      </c>
      <c r="EN12" s="62">
        <v>672</v>
      </c>
      <c r="EO12" s="63">
        <v>974</v>
      </c>
      <c r="EP12" s="60">
        <v>357</v>
      </c>
      <c r="EQ12" s="61">
        <v>267</v>
      </c>
      <c r="ER12" s="62">
        <v>624</v>
      </c>
      <c r="ES12" s="231"/>
      <c r="ET12" s="61">
        <v>459</v>
      </c>
      <c r="EU12" s="61">
        <v>336</v>
      </c>
      <c r="EV12" s="61">
        <v>241</v>
      </c>
      <c r="EW12" s="61">
        <v>201</v>
      </c>
      <c r="EX12" s="61">
        <v>122</v>
      </c>
      <c r="EY12" s="62">
        <v>1359</v>
      </c>
      <c r="EZ12" s="63">
        <v>1983</v>
      </c>
      <c r="FA12" s="60">
        <v>314</v>
      </c>
      <c r="FB12" s="61">
        <v>281</v>
      </c>
      <c r="FC12" s="62">
        <v>595</v>
      </c>
      <c r="FD12" s="231"/>
      <c r="FE12" s="61">
        <v>511</v>
      </c>
      <c r="FF12" s="61">
        <v>474</v>
      </c>
      <c r="FG12" s="61">
        <v>375</v>
      </c>
      <c r="FH12" s="61">
        <v>253</v>
      </c>
      <c r="FI12" s="61">
        <v>181</v>
      </c>
      <c r="FJ12" s="62">
        <v>1794</v>
      </c>
      <c r="FK12" s="63">
        <v>2389</v>
      </c>
      <c r="FL12" s="60">
        <v>181</v>
      </c>
      <c r="FM12" s="61">
        <v>195</v>
      </c>
      <c r="FN12" s="62">
        <v>376</v>
      </c>
      <c r="FO12" s="231"/>
      <c r="FP12" s="61">
        <v>442</v>
      </c>
      <c r="FQ12" s="61">
        <v>542</v>
      </c>
      <c r="FR12" s="61">
        <v>511</v>
      </c>
      <c r="FS12" s="61">
        <v>468</v>
      </c>
      <c r="FT12" s="61">
        <v>236</v>
      </c>
      <c r="FU12" s="62">
        <v>2199</v>
      </c>
      <c r="FV12" s="63">
        <v>2575</v>
      </c>
      <c r="FW12" s="60">
        <v>6</v>
      </c>
      <c r="FX12" s="61">
        <v>18</v>
      </c>
      <c r="FY12" s="62">
        <v>24</v>
      </c>
      <c r="FZ12" s="231"/>
      <c r="GA12" s="61">
        <v>21</v>
      </c>
      <c r="GB12" s="61">
        <v>38</v>
      </c>
      <c r="GC12" s="61">
        <v>14</v>
      </c>
      <c r="GD12" s="61">
        <v>16</v>
      </c>
      <c r="GE12" s="61">
        <v>14</v>
      </c>
      <c r="GF12" s="62">
        <v>103</v>
      </c>
      <c r="GG12" s="63">
        <v>127</v>
      </c>
      <c r="GH12" s="60">
        <v>1129</v>
      </c>
      <c r="GI12" s="61">
        <v>995</v>
      </c>
      <c r="GJ12" s="62">
        <v>2124</v>
      </c>
      <c r="GK12" s="231"/>
      <c r="GL12" s="61">
        <v>1777</v>
      </c>
      <c r="GM12" s="61">
        <v>1654</v>
      </c>
      <c r="GN12" s="61">
        <v>1326</v>
      </c>
      <c r="GO12" s="61">
        <v>1131</v>
      </c>
      <c r="GP12" s="61">
        <v>679</v>
      </c>
      <c r="GQ12" s="62">
        <v>6567</v>
      </c>
      <c r="GR12" s="63">
        <v>8691</v>
      </c>
      <c r="GS12" s="113">
        <v>1713</v>
      </c>
      <c r="GT12" s="72">
        <v>1376</v>
      </c>
      <c r="GU12" s="73">
        <v>3089</v>
      </c>
      <c r="GV12" s="228"/>
      <c r="GW12" s="72">
        <v>2748</v>
      </c>
      <c r="GX12" s="72">
        <v>2494</v>
      </c>
      <c r="GY12" s="72">
        <v>1952</v>
      </c>
      <c r="GZ12" s="72">
        <v>1617</v>
      </c>
      <c r="HA12" s="72">
        <v>949</v>
      </c>
      <c r="HB12" s="74">
        <v>9760</v>
      </c>
      <c r="HC12" s="75">
        <v>12849</v>
      </c>
      <c r="HD12" s="60">
        <v>49</v>
      </c>
      <c r="HE12" s="61">
        <v>50</v>
      </c>
      <c r="HF12" s="62">
        <v>99</v>
      </c>
      <c r="HG12" s="231"/>
      <c r="HH12" s="61">
        <v>94</v>
      </c>
      <c r="HI12" s="61">
        <v>69</v>
      </c>
      <c r="HJ12" s="61">
        <v>42</v>
      </c>
      <c r="HK12" s="61">
        <v>58</v>
      </c>
      <c r="HL12" s="61">
        <v>34</v>
      </c>
      <c r="HM12" s="62">
        <v>297</v>
      </c>
      <c r="HN12" s="63">
        <v>396</v>
      </c>
      <c r="HO12" s="60">
        <v>140</v>
      </c>
      <c r="HP12" s="61">
        <v>112</v>
      </c>
      <c r="HQ12" s="62">
        <v>252</v>
      </c>
      <c r="HR12" s="231"/>
      <c r="HS12" s="61">
        <v>178</v>
      </c>
      <c r="HT12" s="61">
        <v>172</v>
      </c>
      <c r="HU12" s="61">
        <v>116</v>
      </c>
      <c r="HV12" s="61">
        <v>119</v>
      </c>
      <c r="HW12" s="61">
        <v>88</v>
      </c>
      <c r="HX12" s="62">
        <v>673</v>
      </c>
      <c r="HY12" s="63">
        <v>925</v>
      </c>
      <c r="HZ12" s="60">
        <v>244</v>
      </c>
      <c r="IA12" s="61">
        <v>212</v>
      </c>
      <c r="IB12" s="62">
        <v>456</v>
      </c>
      <c r="IC12" s="231"/>
      <c r="ID12" s="61">
        <v>386</v>
      </c>
      <c r="IE12" s="61">
        <v>319</v>
      </c>
      <c r="IF12" s="61">
        <v>218</v>
      </c>
      <c r="IG12" s="61">
        <v>190</v>
      </c>
      <c r="IH12" s="61">
        <v>121</v>
      </c>
      <c r="II12" s="62">
        <v>1234</v>
      </c>
      <c r="IJ12" s="63">
        <v>1690</v>
      </c>
      <c r="IK12" s="60">
        <v>515</v>
      </c>
      <c r="IL12" s="61">
        <v>355</v>
      </c>
      <c r="IM12" s="62">
        <v>870</v>
      </c>
      <c r="IN12" s="231"/>
      <c r="IO12" s="61">
        <v>722</v>
      </c>
      <c r="IP12" s="61">
        <v>572</v>
      </c>
      <c r="IQ12" s="61">
        <v>389</v>
      </c>
      <c r="IR12" s="61">
        <v>335</v>
      </c>
      <c r="IS12" s="61">
        <v>189</v>
      </c>
      <c r="IT12" s="62">
        <v>2207</v>
      </c>
      <c r="IU12" s="63">
        <v>3077</v>
      </c>
      <c r="IV12" s="60">
        <v>476</v>
      </c>
      <c r="IW12" s="61">
        <v>377</v>
      </c>
      <c r="IX12" s="62">
        <v>853</v>
      </c>
      <c r="IY12" s="231"/>
      <c r="IZ12" s="61">
        <v>756</v>
      </c>
      <c r="JA12" s="61">
        <v>672</v>
      </c>
      <c r="JB12" s="61">
        <v>536</v>
      </c>
      <c r="JC12" s="61">
        <v>353</v>
      </c>
      <c r="JD12" s="61">
        <v>236</v>
      </c>
      <c r="JE12" s="62">
        <v>2553</v>
      </c>
      <c r="JF12" s="63">
        <v>3406</v>
      </c>
      <c r="JG12" s="60">
        <v>289</v>
      </c>
      <c r="JH12" s="61">
        <v>270</v>
      </c>
      <c r="JI12" s="62">
        <v>559</v>
      </c>
      <c r="JJ12" s="231"/>
      <c r="JK12" s="61">
        <v>612</v>
      </c>
      <c r="JL12" s="61">
        <v>690</v>
      </c>
      <c r="JM12" s="61">
        <v>651</v>
      </c>
      <c r="JN12" s="61">
        <v>562</v>
      </c>
      <c r="JO12" s="61">
        <v>281</v>
      </c>
      <c r="JP12" s="62">
        <v>2796</v>
      </c>
      <c r="JQ12" s="63">
        <v>3355</v>
      </c>
      <c r="JR12" s="60">
        <v>21</v>
      </c>
      <c r="JS12" s="61">
        <v>32</v>
      </c>
      <c r="JT12" s="62">
        <v>53</v>
      </c>
      <c r="JU12" s="231"/>
      <c r="JV12" s="61">
        <v>51</v>
      </c>
      <c r="JW12" s="61">
        <v>81</v>
      </c>
      <c r="JX12" s="61">
        <v>38</v>
      </c>
      <c r="JY12" s="61">
        <v>38</v>
      </c>
      <c r="JZ12" s="61">
        <v>29</v>
      </c>
      <c r="KA12" s="62">
        <v>237</v>
      </c>
      <c r="KB12" s="63">
        <v>290</v>
      </c>
      <c r="KC12" s="60">
        <v>1734</v>
      </c>
      <c r="KD12" s="61">
        <v>1408</v>
      </c>
      <c r="KE12" s="62">
        <v>3142</v>
      </c>
      <c r="KF12" s="231"/>
      <c r="KG12" s="61">
        <v>2799</v>
      </c>
      <c r="KH12" s="61">
        <v>2575</v>
      </c>
      <c r="KI12" s="61">
        <v>1990</v>
      </c>
      <c r="KJ12" s="61">
        <v>1655</v>
      </c>
      <c r="KK12" s="61">
        <v>978</v>
      </c>
      <c r="KL12" s="62">
        <v>9997</v>
      </c>
      <c r="KM12" s="63">
        <v>13139</v>
      </c>
    </row>
    <row r="13" spans="2:299" ht="21" customHeight="1" x14ac:dyDescent="0.2">
      <c r="B13" s="468" t="s">
        <v>9</v>
      </c>
      <c r="C13" s="291">
        <v>714</v>
      </c>
      <c r="D13" s="72">
        <v>394</v>
      </c>
      <c r="E13" s="73">
        <v>1108</v>
      </c>
      <c r="F13" s="228"/>
      <c r="G13" s="72">
        <v>849</v>
      </c>
      <c r="H13" s="72">
        <v>566</v>
      </c>
      <c r="I13" s="72">
        <v>449</v>
      </c>
      <c r="J13" s="72">
        <v>367</v>
      </c>
      <c r="K13" s="72">
        <v>221</v>
      </c>
      <c r="L13" s="74">
        <v>2452</v>
      </c>
      <c r="M13" s="75">
        <v>3560</v>
      </c>
      <c r="N13" s="60">
        <v>22</v>
      </c>
      <c r="O13" s="61">
        <v>16</v>
      </c>
      <c r="P13" s="62">
        <v>38</v>
      </c>
      <c r="Q13" s="231"/>
      <c r="R13" s="61">
        <v>25</v>
      </c>
      <c r="S13" s="61">
        <v>22</v>
      </c>
      <c r="T13" s="61">
        <v>14</v>
      </c>
      <c r="U13" s="61">
        <v>13</v>
      </c>
      <c r="V13" s="61">
        <v>15</v>
      </c>
      <c r="W13" s="62">
        <v>89</v>
      </c>
      <c r="X13" s="63">
        <v>127</v>
      </c>
      <c r="Y13" s="60">
        <v>41</v>
      </c>
      <c r="Z13" s="61">
        <v>27</v>
      </c>
      <c r="AA13" s="62">
        <v>68</v>
      </c>
      <c r="AB13" s="231"/>
      <c r="AC13" s="61">
        <v>57</v>
      </c>
      <c r="AD13" s="61">
        <v>38</v>
      </c>
      <c r="AE13" s="61">
        <v>30</v>
      </c>
      <c r="AF13" s="61">
        <v>18</v>
      </c>
      <c r="AG13" s="61">
        <v>27</v>
      </c>
      <c r="AH13" s="62">
        <v>170</v>
      </c>
      <c r="AI13" s="63">
        <v>238</v>
      </c>
      <c r="AJ13" s="60">
        <v>77</v>
      </c>
      <c r="AK13" s="61">
        <v>52</v>
      </c>
      <c r="AL13" s="62">
        <v>129</v>
      </c>
      <c r="AM13" s="231"/>
      <c r="AN13" s="61">
        <v>93</v>
      </c>
      <c r="AO13" s="61">
        <v>69</v>
      </c>
      <c r="AP13" s="61">
        <v>71</v>
      </c>
      <c r="AQ13" s="61">
        <v>51</v>
      </c>
      <c r="AR13" s="61">
        <v>30</v>
      </c>
      <c r="AS13" s="62">
        <v>314</v>
      </c>
      <c r="AT13" s="63">
        <v>443</v>
      </c>
      <c r="AU13" s="60">
        <v>184</v>
      </c>
      <c r="AV13" s="61">
        <v>88</v>
      </c>
      <c r="AW13" s="62">
        <v>272</v>
      </c>
      <c r="AX13" s="231"/>
      <c r="AY13" s="61">
        <v>207</v>
      </c>
      <c r="AZ13" s="61">
        <v>115</v>
      </c>
      <c r="BA13" s="61">
        <v>83</v>
      </c>
      <c r="BB13" s="61">
        <v>60</v>
      </c>
      <c r="BC13" s="61">
        <v>50</v>
      </c>
      <c r="BD13" s="62">
        <v>515</v>
      </c>
      <c r="BE13" s="63">
        <v>787</v>
      </c>
      <c r="BF13" s="60">
        <v>218</v>
      </c>
      <c r="BG13" s="61">
        <v>124</v>
      </c>
      <c r="BH13" s="62">
        <v>342</v>
      </c>
      <c r="BI13" s="231"/>
      <c r="BJ13" s="61">
        <v>253</v>
      </c>
      <c r="BK13" s="61">
        <v>147</v>
      </c>
      <c r="BL13" s="61">
        <v>114</v>
      </c>
      <c r="BM13" s="61">
        <v>112</v>
      </c>
      <c r="BN13" s="61">
        <v>49</v>
      </c>
      <c r="BO13" s="62">
        <v>675</v>
      </c>
      <c r="BP13" s="63">
        <v>1017</v>
      </c>
      <c r="BQ13" s="60">
        <v>172</v>
      </c>
      <c r="BR13" s="61">
        <v>87</v>
      </c>
      <c r="BS13" s="62">
        <v>259</v>
      </c>
      <c r="BT13" s="231"/>
      <c r="BU13" s="61">
        <v>214</v>
      </c>
      <c r="BV13" s="61">
        <v>175</v>
      </c>
      <c r="BW13" s="61">
        <v>137</v>
      </c>
      <c r="BX13" s="61">
        <v>113</v>
      </c>
      <c r="BY13" s="61">
        <v>50</v>
      </c>
      <c r="BZ13" s="62">
        <v>689</v>
      </c>
      <c r="CA13" s="63">
        <v>948</v>
      </c>
      <c r="CB13" s="60">
        <v>5</v>
      </c>
      <c r="CC13" s="61">
        <v>11</v>
      </c>
      <c r="CD13" s="62">
        <v>16</v>
      </c>
      <c r="CE13" s="231"/>
      <c r="CF13" s="61">
        <v>29</v>
      </c>
      <c r="CG13" s="61">
        <v>24</v>
      </c>
      <c r="CH13" s="61">
        <v>15</v>
      </c>
      <c r="CI13" s="61">
        <v>16</v>
      </c>
      <c r="CJ13" s="61">
        <v>8</v>
      </c>
      <c r="CK13" s="62">
        <v>92</v>
      </c>
      <c r="CL13" s="63">
        <v>108</v>
      </c>
      <c r="CM13" s="60">
        <v>719</v>
      </c>
      <c r="CN13" s="61">
        <v>405</v>
      </c>
      <c r="CO13" s="62">
        <v>1124</v>
      </c>
      <c r="CP13" s="231"/>
      <c r="CQ13" s="61">
        <v>878</v>
      </c>
      <c r="CR13" s="61">
        <v>590</v>
      </c>
      <c r="CS13" s="61">
        <v>464</v>
      </c>
      <c r="CT13" s="61">
        <v>383</v>
      </c>
      <c r="CU13" s="61">
        <v>229</v>
      </c>
      <c r="CV13" s="62">
        <v>2544</v>
      </c>
      <c r="CW13" s="63">
        <v>3668</v>
      </c>
      <c r="CX13" s="113">
        <v>1416</v>
      </c>
      <c r="CY13" s="72">
        <v>1035</v>
      </c>
      <c r="CZ13" s="73">
        <v>2451</v>
      </c>
      <c r="DA13" s="228"/>
      <c r="DB13" s="72">
        <v>1686</v>
      </c>
      <c r="DC13" s="72">
        <v>1134</v>
      </c>
      <c r="DD13" s="72">
        <v>959</v>
      </c>
      <c r="DE13" s="72">
        <v>1028</v>
      </c>
      <c r="DF13" s="72">
        <v>742</v>
      </c>
      <c r="DG13" s="74">
        <v>5549</v>
      </c>
      <c r="DH13" s="75">
        <v>8000</v>
      </c>
      <c r="DI13" s="60">
        <v>25</v>
      </c>
      <c r="DJ13" s="61">
        <v>20</v>
      </c>
      <c r="DK13" s="62">
        <v>45</v>
      </c>
      <c r="DL13" s="231"/>
      <c r="DM13" s="61">
        <v>14</v>
      </c>
      <c r="DN13" s="61">
        <v>17</v>
      </c>
      <c r="DO13" s="61">
        <v>16</v>
      </c>
      <c r="DP13" s="61">
        <v>6</v>
      </c>
      <c r="DQ13" s="61">
        <v>13</v>
      </c>
      <c r="DR13" s="62">
        <v>66</v>
      </c>
      <c r="DS13" s="63">
        <v>111</v>
      </c>
      <c r="DT13" s="60">
        <v>61</v>
      </c>
      <c r="DU13" s="61">
        <v>57</v>
      </c>
      <c r="DV13" s="62">
        <v>118</v>
      </c>
      <c r="DW13" s="231"/>
      <c r="DX13" s="61">
        <v>62</v>
      </c>
      <c r="DY13" s="61">
        <v>27</v>
      </c>
      <c r="DZ13" s="61">
        <v>25</v>
      </c>
      <c r="EA13" s="61">
        <v>26</v>
      </c>
      <c r="EB13" s="61">
        <v>24</v>
      </c>
      <c r="EC13" s="62">
        <v>164</v>
      </c>
      <c r="ED13" s="63">
        <v>282</v>
      </c>
      <c r="EE13" s="60">
        <v>194</v>
      </c>
      <c r="EF13" s="61">
        <v>137</v>
      </c>
      <c r="EG13" s="62">
        <v>331</v>
      </c>
      <c r="EH13" s="231"/>
      <c r="EI13" s="61">
        <v>169</v>
      </c>
      <c r="EJ13" s="61">
        <v>96</v>
      </c>
      <c r="EK13" s="61">
        <v>69</v>
      </c>
      <c r="EL13" s="61">
        <v>65</v>
      </c>
      <c r="EM13" s="61">
        <v>69</v>
      </c>
      <c r="EN13" s="62">
        <v>468</v>
      </c>
      <c r="EO13" s="63">
        <v>799</v>
      </c>
      <c r="EP13" s="60">
        <v>380</v>
      </c>
      <c r="EQ13" s="61">
        <v>272</v>
      </c>
      <c r="ER13" s="62">
        <v>652</v>
      </c>
      <c r="ES13" s="231"/>
      <c r="ET13" s="61">
        <v>356</v>
      </c>
      <c r="EU13" s="61">
        <v>209</v>
      </c>
      <c r="EV13" s="61">
        <v>144</v>
      </c>
      <c r="EW13" s="61">
        <v>162</v>
      </c>
      <c r="EX13" s="61">
        <v>111</v>
      </c>
      <c r="EY13" s="62">
        <v>982</v>
      </c>
      <c r="EZ13" s="63">
        <v>1634</v>
      </c>
      <c r="FA13" s="60">
        <v>472</v>
      </c>
      <c r="FB13" s="61">
        <v>311</v>
      </c>
      <c r="FC13" s="62">
        <v>783</v>
      </c>
      <c r="FD13" s="231"/>
      <c r="FE13" s="61">
        <v>484</v>
      </c>
      <c r="FF13" s="61">
        <v>334</v>
      </c>
      <c r="FG13" s="61">
        <v>242</v>
      </c>
      <c r="FH13" s="61">
        <v>251</v>
      </c>
      <c r="FI13" s="61">
        <v>174</v>
      </c>
      <c r="FJ13" s="62">
        <v>1485</v>
      </c>
      <c r="FK13" s="63">
        <v>2268</v>
      </c>
      <c r="FL13" s="60">
        <v>284</v>
      </c>
      <c r="FM13" s="61">
        <v>238</v>
      </c>
      <c r="FN13" s="62">
        <v>522</v>
      </c>
      <c r="FO13" s="231"/>
      <c r="FP13" s="61">
        <v>601</v>
      </c>
      <c r="FQ13" s="61">
        <v>451</v>
      </c>
      <c r="FR13" s="61">
        <v>463</v>
      </c>
      <c r="FS13" s="61">
        <v>518</v>
      </c>
      <c r="FT13" s="61">
        <v>351</v>
      </c>
      <c r="FU13" s="62">
        <v>2384</v>
      </c>
      <c r="FV13" s="63">
        <v>2906</v>
      </c>
      <c r="FW13" s="60">
        <v>5</v>
      </c>
      <c r="FX13" s="61">
        <v>16</v>
      </c>
      <c r="FY13" s="62">
        <v>21</v>
      </c>
      <c r="FZ13" s="231"/>
      <c r="GA13" s="61">
        <v>12</v>
      </c>
      <c r="GB13" s="61">
        <v>16</v>
      </c>
      <c r="GC13" s="61">
        <v>8</v>
      </c>
      <c r="GD13" s="61">
        <v>13</v>
      </c>
      <c r="GE13" s="61">
        <v>11</v>
      </c>
      <c r="GF13" s="62">
        <v>60</v>
      </c>
      <c r="GG13" s="63">
        <v>81</v>
      </c>
      <c r="GH13" s="60">
        <v>1421</v>
      </c>
      <c r="GI13" s="61">
        <v>1051</v>
      </c>
      <c r="GJ13" s="62">
        <v>2472</v>
      </c>
      <c r="GK13" s="231"/>
      <c r="GL13" s="61">
        <v>1698</v>
      </c>
      <c r="GM13" s="61">
        <v>1150</v>
      </c>
      <c r="GN13" s="61">
        <v>967</v>
      </c>
      <c r="GO13" s="61">
        <v>1041</v>
      </c>
      <c r="GP13" s="61">
        <v>753</v>
      </c>
      <c r="GQ13" s="62">
        <v>5609</v>
      </c>
      <c r="GR13" s="63">
        <v>8081</v>
      </c>
      <c r="GS13" s="113">
        <v>2130</v>
      </c>
      <c r="GT13" s="72">
        <v>1429</v>
      </c>
      <c r="GU13" s="73">
        <v>3559</v>
      </c>
      <c r="GV13" s="228"/>
      <c r="GW13" s="72">
        <v>2535</v>
      </c>
      <c r="GX13" s="72">
        <v>1700</v>
      </c>
      <c r="GY13" s="72">
        <v>1408</v>
      </c>
      <c r="GZ13" s="72">
        <v>1395</v>
      </c>
      <c r="HA13" s="72">
        <v>963</v>
      </c>
      <c r="HB13" s="74">
        <v>8001</v>
      </c>
      <c r="HC13" s="75">
        <v>11560</v>
      </c>
      <c r="HD13" s="60">
        <v>47</v>
      </c>
      <c r="HE13" s="61">
        <v>36</v>
      </c>
      <c r="HF13" s="62">
        <v>83</v>
      </c>
      <c r="HG13" s="231"/>
      <c r="HH13" s="61">
        <v>39</v>
      </c>
      <c r="HI13" s="61">
        <v>39</v>
      </c>
      <c r="HJ13" s="61">
        <v>30</v>
      </c>
      <c r="HK13" s="61">
        <v>19</v>
      </c>
      <c r="HL13" s="61">
        <v>28</v>
      </c>
      <c r="HM13" s="62">
        <v>155</v>
      </c>
      <c r="HN13" s="63">
        <v>238</v>
      </c>
      <c r="HO13" s="60">
        <v>102</v>
      </c>
      <c r="HP13" s="61">
        <v>84</v>
      </c>
      <c r="HQ13" s="62">
        <v>186</v>
      </c>
      <c r="HR13" s="231"/>
      <c r="HS13" s="61">
        <v>119</v>
      </c>
      <c r="HT13" s="61">
        <v>65</v>
      </c>
      <c r="HU13" s="61">
        <v>55</v>
      </c>
      <c r="HV13" s="61">
        <v>44</v>
      </c>
      <c r="HW13" s="61">
        <v>51</v>
      </c>
      <c r="HX13" s="62">
        <v>334</v>
      </c>
      <c r="HY13" s="63">
        <v>520</v>
      </c>
      <c r="HZ13" s="60">
        <v>271</v>
      </c>
      <c r="IA13" s="61">
        <v>189</v>
      </c>
      <c r="IB13" s="62">
        <v>460</v>
      </c>
      <c r="IC13" s="231"/>
      <c r="ID13" s="61">
        <v>262</v>
      </c>
      <c r="IE13" s="61">
        <v>165</v>
      </c>
      <c r="IF13" s="61">
        <v>140</v>
      </c>
      <c r="IG13" s="61">
        <v>116</v>
      </c>
      <c r="IH13" s="61">
        <v>99</v>
      </c>
      <c r="II13" s="62">
        <v>782</v>
      </c>
      <c r="IJ13" s="63">
        <v>1242</v>
      </c>
      <c r="IK13" s="60">
        <v>564</v>
      </c>
      <c r="IL13" s="61">
        <v>360</v>
      </c>
      <c r="IM13" s="62">
        <v>924</v>
      </c>
      <c r="IN13" s="231"/>
      <c r="IO13" s="61">
        <v>563</v>
      </c>
      <c r="IP13" s="61">
        <v>324</v>
      </c>
      <c r="IQ13" s="61">
        <v>227</v>
      </c>
      <c r="IR13" s="61">
        <v>222</v>
      </c>
      <c r="IS13" s="61">
        <v>161</v>
      </c>
      <c r="IT13" s="62">
        <v>1497</v>
      </c>
      <c r="IU13" s="63">
        <v>2421</v>
      </c>
      <c r="IV13" s="60">
        <v>690</v>
      </c>
      <c r="IW13" s="61">
        <v>435</v>
      </c>
      <c r="IX13" s="62">
        <v>1125</v>
      </c>
      <c r="IY13" s="231"/>
      <c r="IZ13" s="61">
        <v>737</v>
      </c>
      <c r="JA13" s="61">
        <v>481</v>
      </c>
      <c r="JB13" s="61">
        <v>356</v>
      </c>
      <c r="JC13" s="61">
        <v>363</v>
      </c>
      <c r="JD13" s="61">
        <v>223</v>
      </c>
      <c r="JE13" s="62">
        <v>2160</v>
      </c>
      <c r="JF13" s="63">
        <v>3285</v>
      </c>
      <c r="JG13" s="60">
        <v>456</v>
      </c>
      <c r="JH13" s="61">
        <v>325</v>
      </c>
      <c r="JI13" s="62">
        <v>781</v>
      </c>
      <c r="JJ13" s="231"/>
      <c r="JK13" s="61">
        <v>815</v>
      </c>
      <c r="JL13" s="61">
        <v>626</v>
      </c>
      <c r="JM13" s="61">
        <v>600</v>
      </c>
      <c r="JN13" s="61">
        <v>631</v>
      </c>
      <c r="JO13" s="61">
        <v>401</v>
      </c>
      <c r="JP13" s="62">
        <v>3073</v>
      </c>
      <c r="JQ13" s="63">
        <v>3854</v>
      </c>
      <c r="JR13" s="60">
        <v>10</v>
      </c>
      <c r="JS13" s="61">
        <v>27</v>
      </c>
      <c r="JT13" s="62">
        <v>37</v>
      </c>
      <c r="JU13" s="231"/>
      <c r="JV13" s="61">
        <v>41</v>
      </c>
      <c r="JW13" s="61">
        <v>40</v>
      </c>
      <c r="JX13" s="61">
        <v>23</v>
      </c>
      <c r="JY13" s="61">
        <v>29</v>
      </c>
      <c r="JZ13" s="61">
        <v>19</v>
      </c>
      <c r="KA13" s="62">
        <v>152</v>
      </c>
      <c r="KB13" s="63">
        <v>189</v>
      </c>
      <c r="KC13" s="60">
        <v>2140</v>
      </c>
      <c r="KD13" s="61">
        <v>1456</v>
      </c>
      <c r="KE13" s="62">
        <v>3596</v>
      </c>
      <c r="KF13" s="231"/>
      <c r="KG13" s="61">
        <v>2576</v>
      </c>
      <c r="KH13" s="61">
        <v>1740</v>
      </c>
      <c r="KI13" s="61">
        <v>1431</v>
      </c>
      <c r="KJ13" s="61">
        <v>1424</v>
      </c>
      <c r="KK13" s="61">
        <v>982</v>
      </c>
      <c r="KL13" s="62">
        <v>8153</v>
      </c>
      <c r="KM13" s="63">
        <v>11749</v>
      </c>
    </row>
    <row r="14" spans="2:299" ht="21" customHeight="1" x14ac:dyDescent="0.2">
      <c r="B14" s="468" t="s">
        <v>10</v>
      </c>
      <c r="C14" s="291">
        <v>1550</v>
      </c>
      <c r="D14" s="72">
        <v>992</v>
      </c>
      <c r="E14" s="73">
        <v>2542</v>
      </c>
      <c r="F14" s="228"/>
      <c r="G14" s="72">
        <v>1775</v>
      </c>
      <c r="H14" s="72">
        <v>1019</v>
      </c>
      <c r="I14" s="72">
        <v>703</v>
      </c>
      <c r="J14" s="72">
        <v>619</v>
      </c>
      <c r="K14" s="72">
        <v>448</v>
      </c>
      <c r="L14" s="74">
        <v>4564</v>
      </c>
      <c r="M14" s="75">
        <v>7106</v>
      </c>
      <c r="N14" s="60">
        <v>60</v>
      </c>
      <c r="O14" s="61">
        <v>61</v>
      </c>
      <c r="P14" s="62">
        <v>121</v>
      </c>
      <c r="Q14" s="231"/>
      <c r="R14" s="61">
        <v>73</v>
      </c>
      <c r="S14" s="61">
        <v>53</v>
      </c>
      <c r="T14" s="61">
        <v>26</v>
      </c>
      <c r="U14" s="61">
        <v>43</v>
      </c>
      <c r="V14" s="61">
        <v>28</v>
      </c>
      <c r="W14" s="62">
        <v>223</v>
      </c>
      <c r="X14" s="63">
        <v>344</v>
      </c>
      <c r="Y14" s="60">
        <v>145</v>
      </c>
      <c r="Z14" s="61">
        <v>97</v>
      </c>
      <c r="AA14" s="62">
        <v>242</v>
      </c>
      <c r="AB14" s="231"/>
      <c r="AC14" s="61">
        <v>161</v>
      </c>
      <c r="AD14" s="61">
        <v>111</v>
      </c>
      <c r="AE14" s="61">
        <v>79</v>
      </c>
      <c r="AF14" s="61">
        <v>49</v>
      </c>
      <c r="AG14" s="61">
        <v>69</v>
      </c>
      <c r="AH14" s="62">
        <v>469</v>
      </c>
      <c r="AI14" s="63">
        <v>711</v>
      </c>
      <c r="AJ14" s="60">
        <v>230</v>
      </c>
      <c r="AK14" s="61">
        <v>163</v>
      </c>
      <c r="AL14" s="62">
        <v>393</v>
      </c>
      <c r="AM14" s="231"/>
      <c r="AN14" s="61">
        <v>293</v>
      </c>
      <c r="AO14" s="61">
        <v>167</v>
      </c>
      <c r="AP14" s="61">
        <v>99</v>
      </c>
      <c r="AQ14" s="61">
        <v>112</v>
      </c>
      <c r="AR14" s="61">
        <v>78</v>
      </c>
      <c r="AS14" s="62">
        <v>749</v>
      </c>
      <c r="AT14" s="63">
        <v>1142</v>
      </c>
      <c r="AU14" s="60">
        <v>386</v>
      </c>
      <c r="AV14" s="61">
        <v>241</v>
      </c>
      <c r="AW14" s="62">
        <v>627</v>
      </c>
      <c r="AX14" s="231"/>
      <c r="AY14" s="61">
        <v>442</v>
      </c>
      <c r="AZ14" s="61">
        <v>237</v>
      </c>
      <c r="BA14" s="61">
        <v>143</v>
      </c>
      <c r="BB14" s="61">
        <v>135</v>
      </c>
      <c r="BC14" s="61">
        <v>105</v>
      </c>
      <c r="BD14" s="62">
        <v>1062</v>
      </c>
      <c r="BE14" s="63">
        <v>1689</v>
      </c>
      <c r="BF14" s="60">
        <v>458</v>
      </c>
      <c r="BG14" s="61">
        <v>267</v>
      </c>
      <c r="BH14" s="62">
        <v>725</v>
      </c>
      <c r="BI14" s="231"/>
      <c r="BJ14" s="61">
        <v>477</v>
      </c>
      <c r="BK14" s="61">
        <v>253</v>
      </c>
      <c r="BL14" s="61">
        <v>172</v>
      </c>
      <c r="BM14" s="61">
        <v>138</v>
      </c>
      <c r="BN14" s="61">
        <v>93</v>
      </c>
      <c r="BO14" s="62">
        <v>1133</v>
      </c>
      <c r="BP14" s="63">
        <v>1858</v>
      </c>
      <c r="BQ14" s="60">
        <v>271</v>
      </c>
      <c r="BR14" s="61">
        <v>163</v>
      </c>
      <c r="BS14" s="62">
        <v>434</v>
      </c>
      <c r="BT14" s="231"/>
      <c r="BU14" s="61">
        <v>329</v>
      </c>
      <c r="BV14" s="61">
        <v>198</v>
      </c>
      <c r="BW14" s="61">
        <v>184</v>
      </c>
      <c r="BX14" s="61">
        <v>142</v>
      </c>
      <c r="BY14" s="61">
        <v>75</v>
      </c>
      <c r="BZ14" s="62">
        <v>928</v>
      </c>
      <c r="CA14" s="63">
        <v>1362</v>
      </c>
      <c r="CB14" s="60">
        <v>54</v>
      </c>
      <c r="CC14" s="61">
        <v>29</v>
      </c>
      <c r="CD14" s="62">
        <v>83</v>
      </c>
      <c r="CE14" s="231"/>
      <c r="CF14" s="61">
        <v>72</v>
      </c>
      <c r="CG14" s="61">
        <v>53</v>
      </c>
      <c r="CH14" s="61">
        <v>36</v>
      </c>
      <c r="CI14" s="61">
        <v>32</v>
      </c>
      <c r="CJ14" s="61">
        <v>34</v>
      </c>
      <c r="CK14" s="62">
        <v>227</v>
      </c>
      <c r="CL14" s="63">
        <v>310</v>
      </c>
      <c r="CM14" s="60">
        <v>1604</v>
      </c>
      <c r="CN14" s="61">
        <v>1021</v>
      </c>
      <c r="CO14" s="62">
        <v>2625</v>
      </c>
      <c r="CP14" s="231"/>
      <c r="CQ14" s="61">
        <v>1847</v>
      </c>
      <c r="CR14" s="61">
        <v>1072</v>
      </c>
      <c r="CS14" s="61">
        <v>739</v>
      </c>
      <c r="CT14" s="61">
        <v>651</v>
      </c>
      <c r="CU14" s="61">
        <v>482</v>
      </c>
      <c r="CV14" s="62">
        <v>4791</v>
      </c>
      <c r="CW14" s="63">
        <v>7416</v>
      </c>
      <c r="CX14" s="113">
        <v>3129</v>
      </c>
      <c r="CY14" s="72">
        <v>2230</v>
      </c>
      <c r="CZ14" s="73">
        <v>5359</v>
      </c>
      <c r="DA14" s="228"/>
      <c r="DB14" s="72">
        <v>3323</v>
      </c>
      <c r="DC14" s="72">
        <v>1829</v>
      </c>
      <c r="DD14" s="72">
        <v>1458</v>
      </c>
      <c r="DE14" s="72">
        <v>1546</v>
      </c>
      <c r="DF14" s="72">
        <v>1208</v>
      </c>
      <c r="DG14" s="74">
        <v>9364</v>
      </c>
      <c r="DH14" s="75">
        <v>14723</v>
      </c>
      <c r="DI14" s="60">
        <v>61</v>
      </c>
      <c r="DJ14" s="61">
        <v>51</v>
      </c>
      <c r="DK14" s="62">
        <v>112</v>
      </c>
      <c r="DL14" s="231"/>
      <c r="DM14" s="61">
        <v>80</v>
      </c>
      <c r="DN14" s="61">
        <v>34</v>
      </c>
      <c r="DO14" s="61">
        <v>18</v>
      </c>
      <c r="DP14" s="61">
        <v>28</v>
      </c>
      <c r="DQ14" s="61">
        <v>23</v>
      </c>
      <c r="DR14" s="62">
        <v>183</v>
      </c>
      <c r="DS14" s="63">
        <v>295</v>
      </c>
      <c r="DT14" s="60">
        <v>192</v>
      </c>
      <c r="DU14" s="61">
        <v>130</v>
      </c>
      <c r="DV14" s="62">
        <v>322</v>
      </c>
      <c r="DW14" s="231"/>
      <c r="DX14" s="61">
        <v>185</v>
      </c>
      <c r="DY14" s="61">
        <v>87</v>
      </c>
      <c r="DZ14" s="61">
        <v>58</v>
      </c>
      <c r="EA14" s="61">
        <v>49</v>
      </c>
      <c r="EB14" s="61">
        <v>50</v>
      </c>
      <c r="EC14" s="62">
        <v>429</v>
      </c>
      <c r="ED14" s="63">
        <v>751</v>
      </c>
      <c r="EE14" s="60">
        <v>451</v>
      </c>
      <c r="EF14" s="61">
        <v>286</v>
      </c>
      <c r="EG14" s="62">
        <v>737</v>
      </c>
      <c r="EH14" s="231"/>
      <c r="EI14" s="61">
        <v>379</v>
      </c>
      <c r="EJ14" s="61">
        <v>193</v>
      </c>
      <c r="EK14" s="61">
        <v>123</v>
      </c>
      <c r="EL14" s="61">
        <v>126</v>
      </c>
      <c r="EM14" s="61">
        <v>110</v>
      </c>
      <c r="EN14" s="62">
        <v>931</v>
      </c>
      <c r="EO14" s="63">
        <v>1668</v>
      </c>
      <c r="EP14" s="60">
        <v>907</v>
      </c>
      <c r="EQ14" s="61">
        <v>598</v>
      </c>
      <c r="ER14" s="62">
        <v>1505</v>
      </c>
      <c r="ES14" s="231"/>
      <c r="ET14" s="61">
        <v>738</v>
      </c>
      <c r="EU14" s="61">
        <v>353</v>
      </c>
      <c r="EV14" s="61">
        <v>258</v>
      </c>
      <c r="EW14" s="61">
        <v>254</v>
      </c>
      <c r="EX14" s="61">
        <v>220</v>
      </c>
      <c r="EY14" s="62">
        <v>1823</v>
      </c>
      <c r="EZ14" s="63">
        <v>3328</v>
      </c>
      <c r="FA14" s="60">
        <v>981</v>
      </c>
      <c r="FB14" s="61">
        <v>656</v>
      </c>
      <c r="FC14" s="62">
        <v>1637</v>
      </c>
      <c r="FD14" s="231"/>
      <c r="FE14" s="61">
        <v>986</v>
      </c>
      <c r="FF14" s="61">
        <v>492</v>
      </c>
      <c r="FG14" s="61">
        <v>402</v>
      </c>
      <c r="FH14" s="61">
        <v>356</v>
      </c>
      <c r="FI14" s="61">
        <v>318</v>
      </c>
      <c r="FJ14" s="62">
        <v>2554</v>
      </c>
      <c r="FK14" s="63">
        <v>4191</v>
      </c>
      <c r="FL14" s="60">
        <v>537</v>
      </c>
      <c r="FM14" s="61">
        <v>509</v>
      </c>
      <c r="FN14" s="62">
        <v>1046</v>
      </c>
      <c r="FO14" s="231"/>
      <c r="FP14" s="61">
        <v>955</v>
      </c>
      <c r="FQ14" s="61">
        <v>670</v>
      </c>
      <c r="FR14" s="61">
        <v>599</v>
      </c>
      <c r="FS14" s="61">
        <v>733</v>
      </c>
      <c r="FT14" s="61">
        <v>487</v>
      </c>
      <c r="FU14" s="62">
        <v>3444</v>
      </c>
      <c r="FV14" s="63">
        <v>4490</v>
      </c>
      <c r="FW14" s="60">
        <v>28</v>
      </c>
      <c r="FX14" s="61">
        <v>45</v>
      </c>
      <c r="FY14" s="62">
        <v>73</v>
      </c>
      <c r="FZ14" s="231"/>
      <c r="GA14" s="61">
        <v>58</v>
      </c>
      <c r="GB14" s="61">
        <v>40</v>
      </c>
      <c r="GC14" s="61">
        <v>27</v>
      </c>
      <c r="GD14" s="61">
        <v>24</v>
      </c>
      <c r="GE14" s="61">
        <v>25</v>
      </c>
      <c r="GF14" s="62">
        <v>174</v>
      </c>
      <c r="GG14" s="63">
        <v>247</v>
      </c>
      <c r="GH14" s="60">
        <v>3157</v>
      </c>
      <c r="GI14" s="61">
        <v>2275</v>
      </c>
      <c r="GJ14" s="62">
        <v>5432</v>
      </c>
      <c r="GK14" s="231"/>
      <c r="GL14" s="61">
        <v>3381</v>
      </c>
      <c r="GM14" s="61">
        <v>1869</v>
      </c>
      <c r="GN14" s="61">
        <v>1485</v>
      </c>
      <c r="GO14" s="61">
        <v>1570</v>
      </c>
      <c r="GP14" s="61">
        <v>1233</v>
      </c>
      <c r="GQ14" s="62">
        <v>9538</v>
      </c>
      <c r="GR14" s="63">
        <v>14970</v>
      </c>
      <c r="GS14" s="113">
        <v>4679</v>
      </c>
      <c r="GT14" s="72">
        <v>3222</v>
      </c>
      <c r="GU14" s="73">
        <v>7901</v>
      </c>
      <c r="GV14" s="228"/>
      <c r="GW14" s="72">
        <v>5098</v>
      </c>
      <c r="GX14" s="72">
        <v>2848</v>
      </c>
      <c r="GY14" s="72">
        <v>2161</v>
      </c>
      <c r="GZ14" s="72">
        <v>2165</v>
      </c>
      <c r="HA14" s="72">
        <v>1656</v>
      </c>
      <c r="HB14" s="74">
        <v>13928</v>
      </c>
      <c r="HC14" s="75">
        <v>21829</v>
      </c>
      <c r="HD14" s="60">
        <v>121</v>
      </c>
      <c r="HE14" s="61">
        <v>112</v>
      </c>
      <c r="HF14" s="62">
        <v>233</v>
      </c>
      <c r="HG14" s="231"/>
      <c r="HH14" s="61">
        <v>153</v>
      </c>
      <c r="HI14" s="61">
        <v>87</v>
      </c>
      <c r="HJ14" s="61">
        <v>44</v>
      </c>
      <c r="HK14" s="61">
        <v>71</v>
      </c>
      <c r="HL14" s="61">
        <v>51</v>
      </c>
      <c r="HM14" s="62">
        <v>406</v>
      </c>
      <c r="HN14" s="63">
        <v>639</v>
      </c>
      <c r="HO14" s="60">
        <v>337</v>
      </c>
      <c r="HP14" s="61">
        <v>227</v>
      </c>
      <c r="HQ14" s="62">
        <v>564</v>
      </c>
      <c r="HR14" s="231"/>
      <c r="HS14" s="61">
        <v>346</v>
      </c>
      <c r="HT14" s="61">
        <v>198</v>
      </c>
      <c r="HU14" s="61">
        <v>137</v>
      </c>
      <c r="HV14" s="61">
        <v>98</v>
      </c>
      <c r="HW14" s="61">
        <v>119</v>
      </c>
      <c r="HX14" s="62">
        <v>898</v>
      </c>
      <c r="HY14" s="63">
        <v>1462</v>
      </c>
      <c r="HZ14" s="60">
        <v>681</v>
      </c>
      <c r="IA14" s="61">
        <v>449</v>
      </c>
      <c r="IB14" s="62">
        <v>1130</v>
      </c>
      <c r="IC14" s="231"/>
      <c r="ID14" s="61">
        <v>672</v>
      </c>
      <c r="IE14" s="61">
        <v>360</v>
      </c>
      <c r="IF14" s="61">
        <v>222</v>
      </c>
      <c r="IG14" s="61">
        <v>238</v>
      </c>
      <c r="IH14" s="61">
        <v>188</v>
      </c>
      <c r="II14" s="62">
        <v>1680</v>
      </c>
      <c r="IJ14" s="63">
        <v>2810</v>
      </c>
      <c r="IK14" s="60">
        <v>1293</v>
      </c>
      <c r="IL14" s="61">
        <v>839</v>
      </c>
      <c r="IM14" s="62">
        <v>2132</v>
      </c>
      <c r="IN14" s="231"/>
      <c r="IO14" s="61">
        <v>1180</v>
      </c>
      <c r="IP14" s="61">
        <v>590</v>
      </c>
      <c r="IQ14" s="61">
        <v>401</v>
      </c>
      <c r="IR14" s="61">
        <v>389</v>
      </c>
      <c r="IS14" s="61">
        <v>325</v>
      </c>
      <c r="IT14" s="62">
        <v>2885</v>
      </c>
      <c r="IU14" s="63">
        <v>5017</v>
      </c>
      <c r="IV14" s="60">
        <v>1439</v>
      </c>
      <c r="IW14" s="61">
        <v>923</v>
      </c>
      <c r="IX14" s="62">
        <v>2362</v>
      </c>
      <c r="IY14" s="231"/>
      <c r="IZ14" s="61">
        <v>1463</v>
      </c>
      <c r="JA14" s="61">
        <v>745</v>
      </c>
      <c r="JB14" s="61">
        <v>574</v>
      </c>
      <c r="JC14" s="61">
        <v>494</v>
      </c>
      <c r="JD14" s="61">
        <v>411</v>
      </c>
      <c r="JE14" s="62">
        <v>3687</v>
      </c>
      <c r="JF14" s="63">
        <v>6049</v>
      </c>
      <c r="JG14" s="60">
        <v>808</v>
      </c>
      <c r="JH14" s="61">
        <v>672</v>
      </c>
      <c r="JI14" s="62">
        <v>1480</v>
      </c>
      <c r="JJ14" s="231"/>
      <c r="JK14" s="61">
        <v>1284</v>
      </c>
      <c r="JL14" s="61">
        <v>868</v>
      </c>
      <c r="JM14" s="61">
        <v>783</v>
      </c>
      <c r="JN14" s="61">
        <v>875</v>
      </c>
      <c r="JO14" s="61">
        <v>562</v>
      </c>
      <c r="JP14" s="62">
        <v>4372</v>
      </c>
      <c r="JQ14" s="63">
        <v>5852</v>
      </c>
      <c r="JR14" s="60">
        <v>82</v>
      </c>
      <c r="JS14" s="61">
        <v>74</v>
      </c>
      <c r="JT14" s="62">
        <v>156</v>
      </c>
      <c r="JU14" s="231"/>
      <c r="JV14" s="61">
        <v>130</v>
      </c>
      <c r="JW14" s="61">
        <v>93</v>
      </c>
      <c r="JX14" s="61">
        <v>63</v>
      </c>
      <c r="JY14" s="61">
        <v>56</v>
      </c>
      <c r="JZ14" s="61">
        <v>59</v>
      </c>
      <c r="KA14" s="62">
        <v>401</v>
      </c>
      <c r="KB14" s="63">
        <v>557</v>
      </c>
      <c r="KC14" s="60">
        <v>4761</v>
      </c>
      <c r="KD14" s="61">
        <v>3296</v>
      </c>
      <c r="KE14" s="62">
        <v>8057</v>
      </c>
      <c r="KF14" s="231"/>
      <c r="KG14" s="61">
        <v>5228</v>
      </c>
      <c r="KH14" s="61">
        <v>2941</v>
      </c>
      <c r="KI14" s="61">
        <v>2224</v>
      </c>
      <c r="KJ14" s="61">
        <v>2221</v>
      </c>
      <c r="KK14" s="61">
        <v>1715</v>
      </c>
      <c r="KL14" s="62">
        <v>14329</v>
      </c>
      <c r="KM14" s="63">
        <v>22386</v>
      </c>
    </row>
    <row r="15" spans="2:299" ht="21" customHeight="1" x14ac:dyDescent="0.2">
      <c r="B15" s="468" t="s">
        <v>11</v>
      </c>
      <c r="C15" s="291">
        <v>458</v>
      </c>
      <c r="D15" s="72">
        <v>346</v>
      </c>
      <c r="E15" s="73">
        <v>804</v>
      </c>
      <c r="F15" s="228"/>
      <c r="G15" s="72">
        <v>891</v>
      </c>
      <c r="H15" s="72">
        <v>578</v>
      </c>
      <c r="I15" s="72">
        <v>451</v>
      </c>
      <c r="J15" s="72">
        <v>457</v>
      </c>
      <c r="K15" s="72">
        <v>230</v>
      </c>
      <c r="L15" s="74">
        <v>2607</v>
      </c>
      <c r="M15" s="75">
        <v>3411</v>
      </c>
      <c r="N15" s="60">
        <v>16</v>
      </c>
      <c r="O15" s="61">
        <v>15</v>
      </c>
      <c r="P15" s="62">
        <v>31</v>
      </c>
      <c r="Q15" s="231"/>
      <c r="R15" s="61">
        <v>49</v>
      </c>
      <c r="S15" s="61">
        <v>18</v>
      </c>
      <c r="T15" s="61">
        <v>20</v>
      </c>
      <c r="U15" s="61">
        <v>22</v>
      </c>
      <c r="V15" s="61">
        <v>12</v>
      </c>
      <c r="W15" s="62">
        <v>121</v>
      </c>
      <c r="X15" s="63">
        <v>152</v>
      </c>
      <c r="Y15" s="60">
        <v>45</v>
      </c>
      <c r="Z15" s="61">
        <v>30</v>
      </c>
      <c r="AA15" s="62">
        <v>75</v>
      </c>
      <c r="AB15" s="231"/>
      <c r="AC15" s="61">
        <v>93</v>
      </c>
      <c r="AD15" s="61">
        <v>62</v>
      </c>
      <c r="AE15" s="61">
        <v>54</v>
      </c>
      <c r="AF15" s="61">
        <v>47</v>
      </c>
      <c r="AG15" s="61">
        <v>24</v>
      </c>
      <c r="AH15" s="62">
        <v>280</v>
      </c>
      <c r="AI15" s="63">
        <v>355</v>
      </c>
      <c r="AJ15" s="60">
        <v>63</v>
      </c>
      <c r="AK15" s="61">
        <v>72</v>
      </c>
      <c r="AL15" s="62">
        <v>135</v>
      </c>
      <c r="AM15" s="231"/>
      <c r="AN15" s="61">
        <v>146</v>
      </c>
      <c r="AO15" s="61">
        <v>97</v>
      </c>
      <c r="AP15" s="61">
        <v>71</v>
      </c>
      <c r="AQ15" s="61">
        <v>77</v>
      </c>
      <c r="AR15" s="61">
        <v>31</v>
      </c>
      <c r="AS15" s="62">
        <v>422</v>
      </c>
      <c r="AT15" s="63">
        <v>557</v>
      </c>
      <c r="AU15" s="60">
        <v>117</v>
      </c>
      <c r="AV15" s="61">
        <v>91</v>
      </c>
      <c r="AW15" s="62">
        <v>208</v>
      </c>
      <c r="AX15" s="231"/>
      <c r="AY15" s="61">
        <v>236</v>
      </c>
      <c r="AZ15" s="61">
        <v>146</v>
      </c>
      <c r="BA15" s="61">
        <v>113</v>
      </c>
      <c r="BB15" s="61">
        <v>108</v>
      </c>
      <c r="BC15" s="61">
        <v>62</v>
      </c>
      <c r="BD15" s="62">
        <v>665</v>
      </c>
      <c r="BE15" s="63">
        <v>873</v>
      </c>
      <c r="BF15" s="60">
        <v>134</v>
      </c>
      <c r="BG15" s="61">
        <v>81</v>
      </c>
      <c r="BH15" s="62">
        <v>215</v>
      </c>
      <c r="BI15" s="231"/>
      <c r="BJ15" s="61">
        <v>205</v>
      </c>
      <c r="BK15" s="61">
        <v>137</v>
      </c>
      <c r="BL15" s="61">
        <v>109</v>
      </c>
      <c r="BM15" s="61">
        <v>116</v>
      </c>
      <c r="BN15" s="61">
        <v>52</v>
      </c>
      <c r="BO15" s="62">
        <v>619</v>
      </c>
      <c r="BP15" s="63">
        <v>834</v>
      </c>
      <c r="BQ15" s="60">
        <v>83</v>
      </c>
      <c r="BR15" s="61">
        <v>57</v>
      </c>
      <c r="BS15" s="62">
        <v>140</v>
      </c>
      <c r="BT15" s="231"/>
      <c r="BU15" s="61">
        <v>162</v>
      </c>
      <c r="BV15" s="61">
        <v>118</v>
      </c>
      <c r="BW15" s="61">
        <v>84</v>
      </c>
      <c r="BX15" s="61">
        <v>87</v>
      </c>
      <c r="BY15" s="61">
        <v>49</v>
      </c>
      <c r="BZ15" s="62">
        <v>500</v>
      </c>
      <c r="CA15" s="63">
        <v>640</v>
      </c>
      <c r="CB15" s="60">
        <v>9</v>
      </c>
      <c r="CC15" s="61">
        <v>11</v>
      </c>
      <c r="CD15" s="62">
        <v>20</v>
      </c>
      <c r="CE15" s="231"/>
      <c r="CF15" s="61">
        <v>31</v>
      </c>
      <c r="CG15" s="61">
        <v>20</v>
      </c>
      <c r="CH15" s="61">
        <v>16</v>
      </c>
      <c r="CI15" s="61">
        <v>16</v>
      </c>
      <c r="CJ15" s="61">
        <v>12</v>
      </c>
      <c r="CK15" s="62">
        <v>95</v>
      </c>
      <c r="CL15" s="63">
        <v>115</v>
      </c>
      <c r="CM15" s="60">
        <v>467</v>
      </c>
      <c r="CN15" s="61">
        <v>357</v>
      </c>
      <c r="CO15" s="62">
        <v>824</v>
      </c>
      <c r="CP15" s="231"/>
      <c r="CQ15" s="61">
        <v>922</v>
      </c>
      <c r="CR15" s="61">
        <v>598</v>
      </c>
      <c r="CS15" s="61">
        <v>467</v>
      </c>
      <c r="CT15" s="61">
        <v>473</v>
      </c>
      <c r="CU15" s="61">
        <v>242</v>
      </c>
      <c r="CV15" s="62">
        <v>2702</v>
      </c>
      <c r="CW15" s="63">
        <v>3526</v>
      </c>
      <c r="CX15" s="113">
        <v>961</v>
      </c>
      <c r="CY15" s="72">
        <v>810</v>
      </c>
      <c r="CZ15" s="73">
        <v>1771</v>
      </c>
      <c r="DA15" s="228"/>
      <c r="DB15" s="72">
        <v>1758</v>
      </c>
      <c r="DC15" s="72">
        <v>1059</v>
      </c>
      <c r="DD15" s="72">
        <v>960</v>
      </c>
      <c r="DE15" s="72">
        <v>980</v>
      </c>
      <c r="DF15" s="72">
        <v>579</v>
      </c>
      <c r="DG15" s="74">
        <v>5336</v>
      </c>
      <c r="DH15" s="75">
        <v>7107</v>
      </c>
      <c r="DI15" s="60">
        <v>21</v>
      </c>
      <c r="DJ15" s="61">
        <v>13</v>
      </c>
      <c r="DK15" s="62">
        <v>34</v>
      </c>
      <c r="DL15" s="231"/>
      <c r="DM15" s="61">
        <v>40</v>
      </c>
      <c r="DN15" s="61">
        <v>21</v>
      </c>
      <c r="DO15" s="61">
        <v>11</v>
      </c>
      <c r="DP15" s="61">
        <v>20</v>
      </c>
      <c r="DQ15" s="61">
        <v>19</v>
      </c>
      <c r="DR15" s="62">
        <v>111</v>
      </c>
      <c r="DS15" s="63">
        <v>145</v>
      </c>
      <c r="DT15" s="60">
        <v>64</v>
      </c>
      <c r="DU15" s="61">
        <v>55</v>
      </c>
      <c r="DV15" s="62">
        <v>119</v>
      </c>
      <c r="DW15" s="231"/>
      <c r="DX15" s="61">
        <v>88</v>
      </c>
      <c r="DY15" s="61">
        <v>46</v>
      </c>
      <c r="DZ15" s="61">
        <v>48</v>
      </c>
      <c r="EA15" s="61">
        <v>53</v>
      </c>
      <c r="EB15" s="61">
        <v>24</v>
      </c>
      <c r="EC15" s="62">
        <v>259</v>
      </c>
      <c r="ED15" s="63">
        <v>378</v>
      </c>
      <c r="EE15" s="60">
        <v>136</v>
      </c>
      <c r="EF15" s="61">
        <v>106</v>
      </c>
      <c r="EG15" s="62">
        <v>242</v>
      </c>
      <c r="EH15" s="231"/>
      <c r="EI15" s="61">
        <v>177</v>
      </c>
      <c r="EJ15" s="61">
        <v>115</v>
      </c>
      <c r="EK15" s="61">
        <v>83</v>
      </c>
      <c r="EL15" s="61">
        <v>78</v>
      </c>
      <c r="EM15" s="61">
        <v>59</v>
      </c>
      <c r="EN15" s="62">
        <v>512</v>
      </c>
      <c r="EO15" s="63">
        <v>754</v>
      </c>
      <c r="EP15" s="60">
        <v>267</v>
      </c>
      <c r="EQ15" s="61">
        <v>229</v>
      </c>
      <c r="ER15" s="62">
        <v>496</v>
      </c>
      <c r="ES15" s="231"/>
      <c r="ET15" s="61">
        <v>408</v>
      </c>
      <c r="EU15" s="61">
        <v>221</v>
      </c>
      <c r="EV15" s="61">
        <v>182</v>
      </c>
      <c r="EW15" s="61">
        <v>164</v>
      </c>
      <c r="EX15" s="61">
        <v>112</v>
      </c>
      <c r="EY15" s="62">
        <v>1087</v>
      </c>
      <c r="EZ15" s="63">
        <v>1583</v>
      </c>
      <c r="FA15" s="60">
        <v>286</v>
      </c>
      <c r="FB15" s="61">
        <v>240</v>
      </c>
      <c r="FC15" s="62">
        <v>526</v>
      </c>
      <c r="FD15" s="231"/>
      <c r="FE15" s="61">
        <v>546</v>
      </c>
      <c r="FF15" s="61">
        <v>289</v>
      </c>
      <c r="FG15" s="61">
        <v>248</v>
      </c>
      <c r="FH15" s="61">
        <v>216</v>
      </c>
      <c r="FI15" s="61">
        <v>133</v>
      </c>
      <c r="FJ15" s="62">
        <v>1432</v>
      </c>
      <c r="FK15" s="63">
        <v>1958</v>
      </c>
      <c r="FL15" s="60">
        <v>187</v>
      </c>
      <c r="FM15" s="61">
        <v>167</v>
      </c>
      <c r="FN15" s="62">
        <v>354</v>
      </c>
      <c r="FO15" s="231"/>
      <c r="FP15" s="61">
        <v>499</v>
      </c>
      <c r="FQ15" s="61">
        <v>367</v>
      </c>
      <c r="FR15" s="61">
        <v>388</v>
      </c>
      <c r="FS15" s="61">
        <v>449</v>
      </c>
      <c r="FT15" s="61">
        <v>232</v>
      </c>
      <c r="FU15" s="62">
        <v>1935</v>
      </c>
      <c r="FV15" s="63">
        <v>2289</v>
      </c>
      <c r="FW15" s="60">
        <v>13</v>
      </c>
      <c r="FX15" s="61">
        <v>11</v>
      </c>
      <c r="FY15" s="62">
        <v>24</v>
      </c>
      <c r="FZ15" s="231"/>
      <c r="GA15" s="61">
        <v>25</v>
      </c>
      <c r="GB15" s="61">
        <v>16</v>
      </c>
      <c r="GC15" s="61">
        <v>20</v>
      </c>
      <c r="GD15" s="61">
        <v>8</v>
      </c>
      <c r="GE15" s="61">
        <v>10</v>
      </c>
      <c r="GF15" s="62">
        <v>79</v>
      </c>
      <c r="GG15" s="63">
        <v>103</v>
      </c>
      <c r="GH15" s="60">
        <v>974</v>
      </c>
      <c r="GI15" s="61">
        <v>821</v>
      </c>
      <c r="GJ15" s="62">
        <v>1795</v>
      </c>
      <c r="GK15" s="231"/>
      <c r="GL15" s="61">
        <v>1783</v>
      </c>
      <c r="GM15" s="61">
        <v>1075</v>
      </c>
      <c r="GN15" s="61">
        <v>980</v>
      </c>
      <c r="GO15" s="61">
        <v>988</v>
      </c>
      <c r="GP15" s="61">
        <v>589</v>
      </c>
      <c r="GQ15" s="62">
        <v>5415</v>
      </c>
      <c r="GR15" s="63">
        <v>7210</v>
      </c>
      <c r="GS15" s="113">
        <v>1419</v>
      </c>
      <c r="GT15" s="72">
        <v>1156</v>
      </c>
      <c r="GU15" s="73">
        <v>2575</v>
      </c>
      <c r="GV15" s="228"/>
      <c r="GW15" s="72">
        <v>2649</v>
      </c>
      <c r="GX15" s="72">
        <v>1637</v>
      </c>
      <c r="GY15" s="72">
        <v>1411</v>
      </c>
      <c r="GZ15" s="72">
        <v>1437</v>
      </c>
      <c r="HA15" s="72">
        <v>809</v>
      </c>
      <c r="HB15" s="74">
        <v>7943</v>
      </c>
      <c r="HC15" s="75">
        <v>10518</v>
      </c>
      <c r="HD15" s="60">
        <v>37</v>
      </c>
      <c r="HE15" s="61">
        <v>28</v>
      </c>
      <c r="HF15" s="62">
        <v>65</v>
      </c>
      <c r="HG15" s="231"/>
      <c r="HH15" s="61">
        <v>89</v>
      </c>
      <c r="HI15" s="61">
        <v>39</v>
      </c>
      <c r="HJ15" s="61">
        <v>31</v>
      </c>
      <c r="HK15" s="61">
        <v>42</v>
      </c>
      <c r="HL15" s="61">
        <v>31</v>
      </c>
      <c r="HM15" s="62">
        <v>232</v>
      </c>
      <c r="HN15" s="63">
        <v>297</v>
      </c>
      <c r="HO15" s="60">
        <v>109</v>
      </c>
      <c r="HP15" s="61">
        <v>85</v>
      </c>
      <c r="HQ15" s="62">
        <v>194</v>
      </c>
      <c r="HR15" s="231"/>
      <c r="HS15" s="61">
        <v>181</v>
      </c>
      <c r="HT15" s="61">
        <v>108</v>
      </c>
      <c r="HU15" s="61">
        <v>102</v>
      </c>
      <c r="HV15" s="61">
        <v>100</v>
      </c>
      <c r="HW15" s="61">
        <v>48</v>
      </c>
      <c r="HX15" s="62">
        <v>539</v>
      </c>
      <c r="HY15" s="63">
        <v>733</v>
      </c>
      <c r="HZ15" s="60">
        <v>199</v>
      </c>
      <c r="IA15" s="61">
        <v>178</v>
      </c>
      <c r="IB15" s="62">
        <v>377</v>
      </c>
      <c r="IC15" s="231"/>
      <c r="ID15" s="61">
        <v>323</v>
      </c>
      <c r="IE15" s="61">
        <v>212</v>
      </c>
      <c r="IF15" s="61">
        <v>154</v>
      </c>
      <c r="IG15" s="61">
        <v>155</v>
      </c>
      <c r="IH15" s="61">
        <v>90</v>
      </c>
      <c r="II15" s="62">
        <v>934</v>
      </c>
      <c r="IJ15" s="63">
        <v>1311</v>
      </c>
      <c r="IK15" s="60">
        <v>384</v>
      </c>
      <c r="IL15" s="61">
        <v>320</v>
      </c>
      <c r="IM15" s="62">
        <v>704</v>
      </c>
      <c r="IN15" s="231"/>
      <c r="IO15" s="61">
        <v>644</v>
      </c>
      <c r="IP15" s="61">
        <v>367</v>
      </c>
      <c r="IQ15" s="61">
        <v>295</v>
      </c>
      <c r="IR15" s="61">
        <v>272</v>
      </c>
      <c r="IS15" s="61">
        <v>174</v>
      </c>
      <c r="IT15" s="62">
        <v>1752</v>
      </c>
      <c r="IU15" s="63">
        <v>2456</v>
      </c>
      <c r="IV15" s="60">
        <v>420</v>
      </c>
      <c r="IW15" s="61">
        <v>321</v>
      </c>
      <c r="IX15" s="62">
        <v>741</v>
      </c>
      <c r="IY15" s="231"/>
      <c r="IZ15" s="61">
        <v>751</v>
      </c>
      <c r="JA15" s="61">
        <v>426</v>
      </c>
      <c r="JB15" s="61">
        <v>357</v>
      </c>
      <c r="JC15" s="61">
        <v>332</v>
      </c>
      <c r="JD15" s="61">
        <v>185</v>
      </c>
      <c r="JE15" s="62">
        <v>2051</v>
      </c>
      <c r="JF15" s="63">
        <v>2792</v>
      </c>
      <c r="JG15" s="60">
        <v>270</v>
      </c>
      <c r="JH15" s="61">
        <v>224</v>
      </c>
      <c r="JI15" s="62">
        <v>494</v>
      </c>
      <c r="JJ15" s="231"/>
      <c r="JK15" s="61">
        <v>661</v>
      </c>
      <c r="JL15" s="61">
        <v>485</v>
      </c>
      <c r="JM15" s="61">
        <v>472</v>
      </c>
      <c r="JN15" s="61">
        <v>536</v>
      </c>
      <c r="JO15" s="61">
        <v>281</v>
      </c>
      <c r="JP15" s="62">
        <v>2435</v>
      </c>
      <c r="JQ15" s="63">
        <v>2929</v>
      </c>
      <c r="JR15" s="60">
        <v>22</v>
      </c>
      <c r="JS15" s="61">
        <v>22</v>
      </c>
      <c r="JT15" s="62">
        <v>44</v>
      </c>
      <c r="JU15" s="231"/>
      <c r="JV15" s="61">
        <v>56</v>
      </c>
      <c r="JW15" s="61">
        <v>36</v>
      </c>
      <c r="JX15" s="61">
        <v>36</v>
      </c>
      <c r="JY15" s="61">
        <v>24</v>
      </c>
      <c r="JZ15" s="61">
        <v>22</v>
      </c>
      <c r="KA15" s="62">
        <v>174</v>
      </c>
      <c r="KB15" s="63">
        <v>218</v>
      </c>
      <c r="KC15" s="60">
        <v>1441</v>
      </c>
      <c r="KD15" s="61">
        <v>1178</v>
      </c>
      <c r="KE15" s="62">
        <v>2619</v>
      </c>
      <c r="KF15" s="231"/>
      <c r="KG15" s="61">
        <v>2705</v>
      </c>
      <c r="KH15" s="61">
        <v>1673</v>
      </c>
      <c r="KI15" s="61">
        <v>1447</v>
      </c>
      <c r="KJ15" s="61">
        <v>1461</v>
      </c>
      <c r="KK15" s="61">
        <v>831</v>
      </c>
      <c r="KL15" s="62">
        <v>8117</v>
      </c>
      <c r="KM15" s="63">
        <v>10736</v>
      </c>
    </row>
    <row r="16" spans="2:299" ht="21" customHeight="1" x14ac:dyDescent="0.2">
      <c r="B16" s="468" t="s">
        <v>12</v>
      </c>
      <c r="C16" s="291">
        <v>727</v>
      </c>
      <c r="D16" s="72">
        <v>623</v>
      </c>
      <c r="E16" s="73">
        <v>1350</v>
      </c>
      <c r="F16" s="228"/>
      <c r="G16" s="72">
        <v>724</v>
      </c>
      <c r="H16" s="72">
        <v>642</v>
      </c>
      <c r="I16" s="72">
        <v>475</v>
      </c>
      <c r="J16" s="72">
        <v>454</v>
      </c>
      <c r="K16" s="72">
        <v>220</v>
      </c>
      <c r="L16" s="74">
        <v>2515</v>
      </c>
      <c r="M16" s="75">
        <v>3865</v>
      </c>
      <c r="N16" s="76">
        <v>24</v>
      </c>
      <c r="O16" s="61">
        <v>24</v>
      </c>
      <c r="P16" s="62">
        <v>48</v>
      </c>
      <c r="Q16" s="231"/>
      <c r="R16" s="61">
        <v>17</v>
      </c>
      <c r="S16" s="61">
        <v>28</v>
      </c>
      <c r="T16" s="61">
        <v>19</v>
      </c>
      <c r="U16" s="61">
        <v>22</v>
      </c>
      <c r="V16" s="61">
        <v>10</v>
      </c>
      <c r="W16" s="62">
        <v>96</v>
      </c>
      <c r="X16" s="63">
        <v>144</v>
      </c>
      <c r="Y16" s="60">
        <v>55</v>
      </c>
      <c r="Z16" s="61">
        <v>69</v>
      </c>
      <c r="AA16" s="62">
        <v>124</v>
      </c>
      <c r="AB16" s="231"/>
      <c r="AC16" s="61">
        <v>46</v>
      </c>
      <c r="AD16" s="61">
        <v>51</v>
      </c>
      <c r="AE16" s="61">
        <v>35</v>
      </c>
      <c r="AF16" s="61">
        <v>52</v>
      </c>
      <c r="AG16" s="61">
        <v>23</v>
      </c>
      <c r="AH16" s="62">
        <v>207</v>
      </c>
      <c r="AI16" s="63">
        <v>331</v>
      </c>
      <c r="AJ16" s="76">
        <v>99</v>
      </c>
      <c r="AK16" s="61">
        <v>96</v>
      </c>
      <c r="AL16" s="62">
        <v>195</v>
      </c>
      <c r="AM16" s="231"/>
      <c r="AN16" s="61">
        <v>99</v>
      </c>
      <c r="AO16" s="61">
        <v>88</v>
      </c>
      <c r="AP16" s="61">
        <v>69</v>
      </c>
      <c r="AQ16" s="61">
        <v>56</v>
      </c>
      <c r="AR16" s="61">
        <v>39</v>
      </c>
      <c r="AS16" s="62">
        <v>351</v>
      </c>
      <c r="AT16" s="63">
        <v>546</v>
      </c>
      <c r="AU16" s="60">
        <v>195</v>
      </c>
      <c r="AV16" s="61">
        <v>159</v>
      </c>
      <c r="AW16" s="62">
        <v>354</v>
      </c>
      <c r="AX16" s="231"/>
      <c r="AY16" s="61">
        <v>173</v>
      </c>
      <c r="AZ16" s="61">
        <v>162</v>
      </c>
      <c r="BA16" s="61">
        <v>116</v>
      </c>
      <c r="BB16" s="61">
        <v>95</v>
      </c>
      <c r="BC16" s="61">
        <v>55</v>
      </c>
      <c r="BD16" s="62">
        <v>601</v>
      </c>
      <c r="BE16" s="63">
        <v>955</v>
      </c>
      <c r="BF16" s="76">
        <v>215</v>
      </c>
      <c r="BG16" s="61">
        <v>153</v>
      </c>
      <c r="BH16" s="62">
        <v>368</v>
      </c>
      <c r="BI16" s="231"/>
      <c r="BJ16" s="61">
        <v>218</v>
      </c>
      <c r="BK16" s="61">
        <v>168</v>
      </c>
      <c r="BL16" s="61">
        <v>135</v>
      </c>
      <c r="BM16" s="61">
        <v>123</v>
      </c>
      <c r="BN16" s="61">
        <v>60</v>
      </c>
      <c r="BO16" s="62">
        <v>704</v>
      </c>
      <c r="BP16" s="63">
        <v>1072</v>
      </c>
      <c r="BQ16" s="60">
        <v>139</v>
      </c>
      <c r="BR16" s="61">
        <v>122</v>
      </c>
      <c r="BS16" s="62">
        <v>261</v>
      </c>
      <c r="BT16" s="231"/>
      <c r="BU16" s="61">
        <v>171</v>
      </c>
      <c r="BV16" s="61">
        <v>145</v>
      </c>
      <c r="BW16" s="61">
        <v>101</v>
      </c>
      <c r="BX16" s="61">
        <v>106</v>
      </c>
      <c r="BY16" s="61">
        <v>33</v>
      </c>
      <c r="BZ16" s="62">
        <v>556</v>
      </c>
      <c r="CA16" s="63">
        <v>817</v>
      </c>
      <c r="CB16" s="60">
        <v>18</v>
      </c>
      <c r="CC16" s="61">
        <v>41</v>
      </c>
      <c r="CD16" s="62">
        <v>59</v>
      </c>
      <c r="CE16" s="231"/>
      <c r="CF16" s="61">
        <v>15</v>
      </c>
      <c r="CG16" s="61">
        <v>27</v>
      </c>
      <c r="CH16" s="61">
        <v>17</v>
      </c>
      <c r="CI16" s="61">
        <v>12</v>
      </c>
      <c r="CJ16" s="61">
        <v>19</v>
      </c>
      <c r="CK16" s="62">
        <v>90</v>
      </c>
      <c r="CL16" s="63">
        <v>149</v>
      </c>
      <c r="CM16" s="60">
        <v>745</v>
      </c>
      <c r="CN16" s="61">
        <v>664</v>
      </c>
      <c r="CO16" s="62">
        <v>1409</v>
      </c>
      <c r="CP16" s="231"/>
      <c r="CQ16" s="61">
        <v>739</v>
      </c>
      <c r="CR16" s="61">
        <v>669</v>
      </c>
      <c r="CS16" s="61">
        <v>492</v>
      </c>
      <c r="CT16" s="61">
        <v>466</v>
      </c>
      <c r="CU16" s="61">
        <v>239</v>
      </c>
      <c r="CV16" s="62">
        <v>2605</v>
      </c>
      <c r="CW16" s="63">
        <v>4014</v>
      </c>
      <c r="CX16" s="113">
        <v>1351</v>
      </c>
      <c r="CY16" s="72">
        <v>1439</v>
      </c>
      <c r="CZ16" s="73">
        <v>2790</v>
      </c>
      <c r="DA16" s="228"/>
      <c r="DB16" s="72">
        <v>1503</v>
      </c>
      <c r="DC16" s="72">
        <v>1141</v>
      </c>
      <c r="DD16" s="72">
        <v>972</v>
      </c>
      <c r="DE16" s="72">
        <v>1044</v>
      </c>
      <c r="DF16" s="72">
        <v>669</v>
      </c>
      <c r="DG16" s="74">
        <v>5329</v>
      </c>
      <c r="DH16" s="75">
        <v>8119</v>
      </c>
      <c r="DI16" s="76">
        <v>26</v>
      </c>
      <c r="DJ16" s="61">
        <v>34</v>
      </c>
      <c r="DK16" s="62">
        <v>60</v>
      </c>
      <c r="DL16" s="231"/>
      <c r="DM16" s="61">
        <v>23</v>
      </c>
      <c r="DN16" s="61">
        <v>21</v>
      </c>
      <c r="DO16" s="61">
        <v>11</v>
      </c>
      <c r="DP16" s="61">
        <v>14</v>
      </c>
      <c r="DQ16" s="61">
        <v>12</v>
      </c>
      <c r="DR16" s="62">
        <v>81</v>
      </c>
      <c r="DS16" s="63">
        <v>141</v>
      </c>
      <c r="DT16" s="60">
        <v>88</v>
      </c>
      <c r="DU16" s="61">
        <v>81</v>
      </c>
      <c r="DV16" s="62">
        <v>169</v>
      </c>
      <c r="DW16" s="231"/>
      <c r="DX16" s="61">
        <v>48</v>
      </c>
      <c r="DY16" s="61">
        <v>52</v>
      </c>
      <c r="DZ16" s="61">
        <v>38</v>
      </c>
      <c r="EA16" s="61">
        <v>46</v>
      </c>
      <c r="EB16" s="61">
        <v>30</v>
      </c>
      <c r="EC16" s="62">
        <v>214</v>
      </c>
      <c r="ED16" s="63">
        <v>383</v>
      </c>
      <c r="EE16" s="76">
        <v>179</v>
      </c>
      <c r="EF16" s="61">
        <v>212</v>
      </c>
      <c r="EG16" s="62">
        <v>391</v>
      </c>
      <c r="EH16" s="231"/>
      <c r="EI16" s="61">
        <v>145</v>
      </c>
      <c r="EJ16" s="61">
        <v>109</v>
      </c>
      <c r="EK16" s="61">
        <v>78</v>
      </c>
      <c r="EL16" s="61">
        <v>93</v>
      </c>
      <c r="EM16" s="61">
        <v>76</v>
      </c>
      <c r="EN16" s="62">
        <v>501</v>
      </c>
      <c r="EO16" s="63">
        <v>892</v>
      </c>
      <c r="EP16" s="60">
        <v>409</v>
      </c>
      <c r="EQ16" s="61">
        <v>393</v>
      </c>
      <c r="ER16" s="62">
        <v>802</v>
      </c>
      <c r="ES16" s="231"/>
      <c r="ET16" s="61">
        <v>358</v>
      </c>
      <c r="EU16" s="61">
        <v>228</v>
      </c>
      <c r="EV16" s="61">
        <v>171</v>
      </c>
      <c r="EW16" s="61">
        <v>152</v>
      </c>
      <c r="EX16" s="61">
        <v>131</v>
      </c>
      <c r="EY16" s="62">
        <v>1040</v>
      </c>
      <c r="EZ16" s="63">
        <v>1842</v>
      </c>
      <c r="FA16" s="76">
        <v>402</v>
      </c>
      <c r="FB16" s="61">
        <v>400</v>
      </c>
      <c r="FC16" s="62">
        <v>802</v>
      </c>
      <c r="FD16" s="231"/>
      <c r="FE16" s="61">
        <v>482</v>
      </c>
      <c r="FF16" s="61">
        <v>319</v>
      </c>
      <c r="FG16" s="61">
        <v>273</v>
      </c>
      <c r="FH16" s="61">
        <v>274</v>
      </c>
      <c r="FI16" s="61">
        <v>149</v>
      </c>
      <c r="FJ16" s="62">
        <v>1497</v>
      </c>
      <c r="FK16" s="63">
        <v>2299</v>
      </c>
      <c r="FL16" s="60">
        <v>247</v>
      </c>
      <c r="FM16" s="61">
        <v>319</v>
      </c>
      <c r="FN16" s="62">
        <v>566</v>
      </c>
      <c r="FO16" s="231"/>
      <c r="FP16" s="61">
        <v>447</v>
      </c>
      <c r="FQ16" s="61">
        <v>412</v>
      </c>
      <c r="FR16" s="61">
        <v>401</v>
      </c>
      <c r="FS16" s="61">
        <v>465</v>
      </c>
      <c r="FT16" s="61">
        <v>271</v>
      </c>
      <c r="FU16" s="62">
        <v>1996</v>
      </c>
      <c r="FV16" s="63">
        <v>2562</v>
      </c>
      <c r="FW16" s="60">
        <v>10</v>
      </c>
      <c r="FX16" s="61">
        <v>23</v>
      </c>
      <c r="FY16" s="62">
        <v>33</v>
      </c>
      <c r="FZ16" s="231"/>
      <c r="GA16" s="61">
        <v>15</v>
      </c>
      <c r="GB16" s="61">
        <v>16</v>
      </c>
      <c r="GC16" s="61">
        <v>15</v>
      </c>
      <c r="GD16" s="61">
        <v>15</v>
      </c>
      <c r="GE16" s="61">
        <v>11</v>
      </c>
      <c r="GF16" s="62">
        <v>72</v>
      </c>
      <c r="GG16" s="63">
        <v>105</v>
      </c>
      <c r="GH16" s="60">
        <v>1361</v>
      </c>
      <c r="GI16" s="61">
        <v>1462</v>
      </c>
      <c r="GJ16" s="62">
        <v>2823</v>
      </c>
      <c r="GK16" s="231"/>
      <c r="GL16" s="61">
        <v>1518</v>
      </c>
      <c r="GM16" s="61">
        <v>1157</v>
      </c>
      <c r="GN16" s="61">
        <v>987</v>
      </c>
      <c r="GO16" s="61">
        <v>1059</v>
      </c>
      <c r="GP16" s="61">
        <v>680</v>
      </c>
      <c r="GQ16" s="62">
        <v>5401</v>
      </c>
      <c r="GR16" s="63">
        <v>8224</v>
      </c>
      <c r="GS16" s="113">
        <v>2078</v>
      </c>
      <c r="GT16" s="72">
        <v>2062</v>
      </c>
      <c r="GU16" s="73">
        <v>4140</v>
      </c>
      <c r="GV16" s="228"/>
      <c r="GW16" s="72">
        <v>2227</v>
      </c>
      <c r="GX16" s="72">
        <v>1783</v>
      </c>
      <c r="GY16" s="72">
        <v>1447</v>
      </c>
      <c r="GZ16" s="72">
        <v>1498</v>
      </c>
      <c r="HA16" s="72">
        <v>889</v>
      </c>
      <c r="HB16" s="74">
        <v>7844</v>
      </c>
      <c r="HC16" s="75">
        <v>11984</v>
      </c>
      <c r="HD16" s="76">
        <v>50</v>
      </c>
      <c r="HE16" s="61">
        <v>58</v>
      </c>
      <c r="HF16" s="62">
        <v>108</v>
      </c>
      <c r="HG16" s="231"/>
      <c r="HH16" s="61">
        <v>40</v>
      </c>
      <c r="HI16" s="61">
        <v>49</v>
      </c>
      <c r="HJ16" s="61">
        <v>30</v>
      </c>
      <c r="HK16" s="61">
        <v>36</v>
      </c>
      <c r="HL16" s="61">
        <v>22</v>
      </c>
      <c r="HM16" s="62">
        <v>177</v>
      </c>
      <c r="HN16" s="63">
        <v>285</v>
      </c>
      <c r="HO16" s="60">
        <v>143</v>
      </c>
      <c r="HP16" s="61">
        <v>150</v>
      </c>
      <c r="HQ16" s="62">
        <v>293</v>
      </c>
      <c r="HR16" s="231"/>
      <c r="HS16" s="61">
        <v>94</v>
      </c>
      <c r="HT16" s="61">
        <v>103</v>
      </c>
      <c r="HU16" s="61">
        <v>73</v>
      </c>
      <c r="HV16" s="61">
        <v>98</v>
      </c>
      <c r="HW16" s="61">
        <v>53</v>
      </c>
      <c r="HX16" s="62">
        <v>421</v>
      </c>
      <c r="HY16" s="63">
        <v>714</v>
      </c>
      <c r="HZ16" s="76">
        <v>278</v>
      </c>
      <c r="IA16" s="61">
        <v>308</v>
      </c>
      <c r="IB16" s="62">
        <v>586</v>
      </c>
      <c r="IC16" s="231"/>
      <c r="ID16" s="61">
        <v>244</v>
      </c>
      <c r="IE16" s="61">
        <v>197</v>
      </c>
      <c r="IF16" s="61">
        <v>147</v>
      </c>
      <c r="IG16" s="61">
        <v>149</v>
      </c>
      <c r="IH16" s="61">
        <v>115</v>
      </c>
      <c r="II16" s="62">
        <v>852</v>
      </c>
      <c r="IJ16" s="63">
        <v>1438</v>
      </c>
      <c r="IK16" s="60">
        <v>604</v>
      </c>
      <c r="IL16" s="61">
        <v>552</v>
      </c>
      <c r="IM16" s="62">
        <v>1156</v>
      </c>
      <c r="IN16" s="231"/>
      <c r="IO16" s="61">
        <v>531</v>
      </c>
      <c r="IP16" s="61">
        <v>390</v>
      </c>
      <c r="IQ16" s="61">
        <v>287</v>
      </c>
      <c r="IR16" s="61">
        <v>247</v>
      </c>
      <c r="IS16" s="61">
        <v>186</v>
      </c>
      <c r="IT16" s="62">
        <v>1641</v>
      </c>
      <c r="IU16" s="63">
        <v>2797</v>
      </c>
      <c r="IV16" s="76">
        <v>617</v>
      </c>
      <c r="IW16" s="61">
        <v>553</v>
      </c>
      <c r="IX16" s="62">
        <v>1170</v>
      </c>
      <c r="IY16" s="231"/>
      <c r="IZ16" s="61">
        <v>700</v>
      </c>
      <c r="JA16" s="61">
        <v>487</v>
      </c>
      <c r="JB16" s="61">
        <v>408</v>
      </c>
      <c r="JC16" s="61">
        <v>397</v>
      </c>
      <c r="JD16" s="61">
        <v>209</v>
      </c>
      <c r="JE16" s="62">
        <v>2201</v>
      </c>
      <c r="JF16" s="63">
        <v>3371</v>
      </c>
      <c r="JG16" s="60">
        <v>386</v>
      </c>
      <c r="JH16" s="61">
        <v>441</v>
      </c>
      <c r="JI16" s="62">
        <v>827</v>
      </c>
      <c r="JJ16" s="231"/>
      <c r="JK16" s="61">
        <v>618</v>
      </c>
      <c r="JL16" s="61">
        <v>557</v>
      </c>
      <c r="JM16" s="61">
        <v>502</v>
      </c>
      <c r="JN16" s="61">
        <v>571</v>
      </c>
      <c r="JO16" s="61">
        <v>304</v>
      </c>
      <c r="JP16" s="62">
        <v>2552</v>
      </c>
      <c r="JQ16" s="63">
        <v>3379</v>
      </c>
      <c r="JR16" s="60">
        <v>28</v>
      </c>
      <c r="JS16" s="61">
        <v>64</v>
      </c>
      <c r="JT16" s="62">
        <v>92</v>
      </c>
      <c r="JU16" s="231"/>
      <c r="JV16" s="61">
        <v>30</v>
      </c>
      <c r="JW16" s="61">
        <v>43</v>
      </c>
      <c r="JX16" s="61">
        <v>32</v>
      </c>
      <c r="JY16" s="61">
        <v>27</v>
      </c>
      <c r="JZ16" s="61">
        <v>30</v>
      </c>
      <c r="KA16" s="62">
        <v>162</v>
      </c>
      <c r="KB16" s="63">
        <v>254</v>
      </c>
      <c r="KC16" s="60">
        <v>2106</v>
      </c>
      <c r="KD16" s="61">
        <v>2126</v>
      </c>
      <c r="KE16" s="62">
        <v>4232</v>
      </c>
      <c r="KF16" s="231"/>
      <c r="KG16" s="61">
        <v>2257</v>
      </c>
      <c r="KH16" s="61">
        <v>1826</v>
      </c>
      <c r="KI16" s="61">
        <v>1479</v>
      </c>
      <c r="KJ16" s="61">
        <v>1525</v>
      </c>
      <c r="KK16" s="61">
        <v>919</v>
      </c>
      <c r="KL16" s="62">
        <v>8006</v>
      </c>
      <c r="KM16" s="63">
        <v>12238</v>
      </c>
    </row>
    <row r="17" spans="2:299" ht="21" customHeight="1" x14ac:dyDescent="0.2">
      <c r="B17" s="468" t="s">
        <v>13</v>
      </c>
      <c r="C17" s="291">
        <v>155</v>
      </c>
      <c r="D17" s="72">
        <v>179</v>
      </c>
      <c r="E17" s="73">
        <v>334</v>
      </c>
      <c r="F17" s="228"/>
      <c r="G17" s="72">
        <v>299</v>
      </c>
      <c r="H17" s="72">
        <v>274</v>
      </c>
      <c r="I17" s="72">
        <v>197</v>
      </c>
      <c r="J17" s="72">
        <v>130</v>
      </c>
      <c r="K17" s="72">
        <v>94</v>
      </c>
      <c r="L17" s="74">
        <v>994</v>
      </c>
      <c r="M17" s="75">
        <v>1328</v>
      </c>
      <c r="N17" s="60">
        <v>5</v>
      </c>
      <c r="O17" s="61">
        <v>4</v>
      </c>
      <c r="P17" s="62">
        <v>9</v>
      </c>
      <c r="Q17" s="231"/>
      <c r="R17" s="61">
        <v>11</v>
      </c>
      <c r="S17" s="61">
        <v>7</v>
      </c>
      <c r="T17" s="61">
        <v>10</v>
      </c>
      <c r="U17" s="61">
        <v>5</v>
      </c>
      <c r="V17" s="61">
        <v>4</v>
      </c>
      <c r="W17" s="62">
        <v>37</v>
      </c>
      <c r="X17" s="63">
        <v>46</v>
      </c>
      <c r="Y17" s="60">
        <v>13</v>
      </c>
      <c r="Z17" s="61">
        <v>10</v>
      </c>
      <c r="AA17" s="62">
        <v>23</v>
      </c>
      <c r="AB17" s="231"/>
      <c r="AC17" s="61">
        <v>22</v>
      </c>
      <c r="AD17" s="61">
        <v>19</v>
      </c>
      <c r="AE17" s="61">
        <v>9</v>
      </c>
      <c r="AF17" s="61">
        <v>14</v>
      </c>
      <c r="AG17" s="61">
        <v>12</v>
      </c>
      <c r="AH17" s="62">
        <v>76</v>
      </c>
      <c r="AI17" s="63">
        <v>99</v>
      </c>
      <c r="AJ17" s="60">
        <v>21</v>
      </c>
      <c r="AK17" s="61">
        <v>21</v>
      </c>
      <c r="AL17" s="62">
        <v>42</v>
      </c>
      <c r="AM17" s="231"/>
      <c r="AN17" s="61">
        <v>40</v>
      </c>
      <c r="AO17" s="61">
        <v>34</v>
      </c>
      <c r="AP17" s="61">
        <v>26</v>
      </c>
      <c r="AQ17" s="61">
        <v>10</v>
      </c>
      <c r="AR17" s="61">
        <v>15</v>
      </c>
      <c r="AS17" s="62">
        <v>125</v>
      </c>
      <c r="AT17" s="63">
        <v>167</v>
      </c>
      <c r="AU17" s="60">
        <v>31</v>
      </c>
      <c r="AV17" s="61">
        <v>39</v>
      </c>
      <c r="AW17" s="62">
        <v>70</v>
      </c>
      <c r="AX17" s="231"/>
      <c r="AY17" s="61">
        <v>74</v>
      </c>
      <c r="AZ17" s="61">
        <v>61</v>
      </c>
      <c r="BA17" s="61">
        <v>45</v>
      </c>
      <c r="BB17" s="61">
        <v>26</v>
      </c>
      <c r="BC17" s="61">
        <v>21</v>
      </c>
      <c r="BD17" s="62">
        <v>227</v>
      </c>
      <c r="BE17" s="63">
        <v>297</v>
      </c>
      <c r="BF17" s="60">
        <v>51</v>
      </c>
      <c r="BG17" s="61">
        <v>64</v>
      </c>
      <c r="BH17" s="62">
        <v>115</v>
      </c>
      <c r="BI17" s="231"/>
      <c r="BJ17" s="61">
        <v>79</v>
      </c>
      <c r="BK17" s="61">
        <v>79</v>
      </c>
      <c r="BL17" s="61">
        <v>57</v>
      </c>
      <c r="BM17" s="61">
        <v>38</v>
      </c>
      <c r="BN17" s="61">
        <v>20</v>
      </c>
      <c r="BO17" s="62">
        <v>273</v>
      </c>
      <c r="BP17" s="63">
        <v>388</v>
      </c>
      <c r="BQ17" s="60">
        <v>34</v>
      </c>
      <c r="BR17" s="61">
        <v>41</v>
      </c>
      <c r="BS17" s="62">
        <v>75</v>
      </c>
      <c r="BT17" s="231"/>
      <c r="BU17" s="61">
        <v>73</v>
      </c>
      <c r="BV17" s="61">
        <v>74</v>
      </c>
      <c r="BW17" s="61">
        <v>50</v>
      </c>
      <c r="BX17" s="61">
        <v>37</v>
      </c>
      <c r="BY17" s="61">
        <v>22</v>
      </c>
      <c r="BZ17" s="62">
        <v>256</v>
      </c>
      <c r="CA17" s="63">
        <v>331</v>
      </c>
      <c r="CB17" s="60">
        <v>5</v>
      </c>
      <c r="CC17" s="61">
        <v>2</v>
      </c>
      <c r="CD17" s="62">
        <v>7</v>
      </c>
      <c r="CE17" s="231"/>
      <c r="CF17" s="61">
        <v>10</v>
      </c>
      <c r="CG17" s="61">
        <v>9</v>
      </c>
      <c r="CH17" s="61">
        <v>5</v>
      </c>
      <c r="CI17" s="61">
        <v>3</v>
      </c>
      <c r="CJ17" s="61">
        <v>7</v>
      </c>
      <c r="CK17" s="62">
        <v>34</v>
      </c>
      <c r="CL17" s="63">
        <v>41</v>
      </c>
      <c r="CM17" s="60">
        <v>160</v>
      </c>
      <c r="CN17" s="61">
        <v>181</v>
      </c>
      <c r="CO17" s="62">
        <v>341</v>
      </c>
      <c r="CP17" s="231"/>
      <c r="CQ17" s="61">
        <v>309</v>
      </c>
      <c r="CR17" s="61">
        <v>283</v>
      </c>
      <c r="CS17" s="61">
        <v>202</v>
      </c>
      <c r="CT17" s="61">
        <v>133</v>
      </c>
      <c r="CU17" s="61">
        <v>101</v>
      </c>
      <c r="CV17" s="62">
        <v>1028</v>
      </c>
      <c r="CW17" s="63">
        <v>1369</v>
      </c>
      <c r="CX17" s="113">
        <v>390</v>
      </c>
      <c r="CY17" s="72">
        <v>406</v>
      </c>
      <c r="CZ17" s="73">
        <v>796</v>
      </c>
      <c r="DA17" s="228"/>
      <c r="DB17" s="72">
        <v>603</v>
      </c>
      <c r="DC17" s="72">
        <v>507</v>
      </c>
      <c r="DD17" s="72">
        <v>340</v>
      </c>
      <c r="DE17" s="72">
        <v>373</v>
      </c>
      <c r="DF17" s="72">
        <v>301</v>
      </c>
      <c r="DG17" s="74">
        <v>2124</v>
      </c>
      <c r="DH17" s="75">
        <v>2920</v>
      </c>
      <c r="DI17" s="60">
        <v>5</v>
      </c>
      <c r="DJ17" s="61">
        <v>5</v>
      </c>
      <c r="DK17" s="62">
        <v>10</v>
      </c>
      <c r="DL17" s="231"/>
      <c r="DM17" s="61">
        <v>7</v>
      </c>
      <c r="DN17" s="61">
        <v>7</v>
      </c>
      <c r="DO17" s="61">
        <v>3</v>
      </c>
      <c r="DP17" s="61">
        <v>4</v>
      </c>
      <c r="DQ17" s="61">
        <v>2</v>
      </c>
      <c r="DR17" s="62">
        <v>23</v>
      </c>
      <c r="DS17" s="63">
        <v>33</v>
      </c>
      <c r="DT17" s="60">
        <v>20</v>
      </c>
      <c r="DU17" s="61">
        <v>19</v>
      </c>
      <c r="DV17" s="62">
        <v>39</v>
      </c>
      <c r="DW17" s="231"/>
      <c r="DX17" s="61">
        <v>22</v>
      </c>
      <c r="DY17" s="61">
        <v>17</v>
      </c>
      <c r="DZ17" s="61">
        <v>10</v>
      </c>
      <c r="EA17" s="61">
        <v>13</v>
      </c>
      <c r="EB17" s="61">
        <v>11</v>
      </c>
      <c r="EC17" s="62">
        <v>73</v>
      </c>
      <c r="ED17" s="63">
        <v>112</v>
      </c>
      <c r="EE17" s="60">
        <v>42</v>
      </c>
      <c r="EF17" s="61">
        <v>46</v>
      </c>
      <c r="EG17" s="62">
        <v>88</v>
      </c>
      <c r="EH17" s="231"/>
      <c r="EI17" s="61">
        <v>68</v>
      </c>
      <c r="EJ17" s="61">
        <v>39</v>
      </c>
      <c r="EK17" s="61">
        <v>31</v>
      </c>
      <c r="EL17" s="61">
        <v>20</v>
      </c>
      <c r="EM17" s="61">
        <v>28</v>
      </c>
      <c r="EN17" s="62">
        <v>186</v>
      </c>
      <c r="EO17" s="63">
        <v>274</v>
      </c>
      <c r="EP17" s="60">
        <v>120</v>
      </c>
      <c r="EQ17" s="61">
        <v>115</v>
      </c>
      <c r="ER17" s="62">
        <v>235</v>
      </c>
      <c r="ES17" s="231"/>
      <c r="ET17" s="61">
        <v>157</v>
      </c>
      <c r="EU17" s="61">
        <v>99</v>
      </c>
      <c r="EV17" s="61">
        <v>50</v>
      </c>
      <c r="EW17" s="61">
        <v>48</v>
      </c>
      <c r="EX17" s="61">
        <v>52</v>
      </c>
      <c r="EY17" s="62">
        <v>406</v>
      </c>
      <c r="EZ17" s="63">
        <v>641</v>
      </c>
      <c r="FA17" s="60">
        <v>129</v>
      </c>
      <c r="FB17" s="61">
        <v>118</v>
      </c>
      <c r="FC17" s="62">
        <v>247</v>
      </c>
      <c r="FD17" s="231"/>
      <c r="FE17" s="61">
        <v>181</v>
      </c>
      <c r="FF17" s="61">
        <v>140</v>
      </c>
      <c r="FG17" s="61">
        <v>87</v>
      </c>
      <c r="FH17" s="61">
        <v>101</v>
      </c>
      <c r="FI17" s="61">
        <v>66</v>
      </c>
      <c r="FJ17" s="62">
        <v>575</v>
      </c>
      <c r="FK17" s="63">
        <v>822</v>
      </c>
      <c r="FL17" s="60">
        <v>74</v>
      </c>
      <c r="FM17" s="61">
        <v>103</v>
      </c>
      <c r="FN17" s="62">
        <v>177</v>
      </c>
      <c r="FO17" s="231"/>
      <c r="FP17" s="61">
        <v>168</v>
      </c>
      <c r="FQ17" s="61">
        <v>205</v>
      </c>
      <c r="FR17" s="61">
        <v>159</v>
      </c>
      <c r="FS17" s="61">
        <v>187</v>
      </c>
      <c r="FT17" s="61">
        <v>142</v>
      </c>
      <c r="FU17" s="62">
        <v>861</v>
      </c>
      <c r="FV17" s="63">
        <v>1038</v>
      </c>
      <c r="FW17" s="60">
        <v>0</v>
      </c>
      <c r="FX17" s="61">
        <v>1</v>
      </c>
      <c r="FY17" s="62">
        <v>1</v>
      </c>
      <c r="FZ17" s="231"/>
      <c r="GA17" s="61">
        <v>6</v>
      </c>
      <c r="GB17" s="61">
        <v>8</v>
      </c>
      <c r="GC17" s="61">
        <v>6</v>
      </c>
      <c r="GD17" s="61">
        <v>2</v>
      </c>
      <c r="GE17" s="61">
        <v>6</v>
      </c>
      <c r="GF17" s="62">
        <v>28</v>
      </c>
      <c r="GG17" s="63">
        <v>29</v>
      </c>
      <c r="GH17" s="60">
        <v>390</v>
      </c>
      <c r="GI17" s="61">
        <v>407</v>
      </c>
      <c r="GJ17" s="62">
        <v>797</v>
      </c>
      <c r="GK17" s="231"/>
      <c r="GL17" s="61">
        <v>609</v>
      </c>
      <c r="GM17" s="61">
        <v>515</v>
      </c>
      <c r="GN17" s="61">
        <v>346</v>
      </c>
      <c r="GO17" s="61">
        <v>375</v>
      </c>
      <c r="GP17" s="61">
        <v>307</v>
      </c>
      <c r="GQ17" s="62">
        <v>2152</v>
      </c>
      <c r="GR17" s="63">
        <v>2949</v>
      </c>
      <c r="GS17" s="113">
        <v>545</v>
      </c>
      <c r="GT17" s="72">
        <v>585</v>
      </c>
      <c r="GU17" s="73">
        <v>1130</v>
      </c>
      <c r="GV17" s="228"/>
      <c r="GW17" s="72">
        <v>902</v>
      </c>
      <c r="GX17" s="72">
        <v>781</v>
      </c>
      <c r="GY17" s="72">
        <v>537</v>
      </c>
      <c r="GZ17" s="72">
        <v>503</v>
      </c>
      <c r="HA17" s="72">
        <v>395</v>
      </c>
      <c r="HB17" s="74">
        <v>3118</v>
      </c>
      <c r="HC17" s="75">
        <v>4248</v>
      </c>
      <c r="HD17" s="60">
        <v>10</v>
      </c>
      <c r="HE17" s="61">
        <v>9</v>
      </c>
      <c r="HF17" s="62">
        <v>19</v>
      </c>
      <c r="HG17" s="231"/>
      <c r="HH17" s="61">
        <v>18</v>
      </c>
      <c r="HI17" s="61">
        <v>14</v>
      </c>
      <c r="HJ17" s="61">
        <v>13</v>
      </c>
      <c r="HK17" s="61">
        <v>9</v>
      </c>
      <c r="HL17" s="61">
        <v>6</v>
      </c>
      <c r="HM17" s="62">
        <v>60</v>
      </c>
      <c r="HN17" s="63">
        <v>79</v>
      </c>
      <c r="HO17" s="60">
        <v>33</v>
      </c>
      <c r="HP17" s="61">
        <v>29</v>
      </c>
      <c r="HQ17" s="62">
        <v>62</v>
      </c>
      <c r="HR17" s="231"/>
      <c r="HS17" s="61">
        <v>44</v>
      </c>
      <c r="HT17" s="61">
        <v>36</v>
      </c>
      <c r="HU17" s="61">
        <v>19</v>
      </c>
      <c r="HV17" s="61">
        <v>27</v>
      </c>
      <c r="HW17" s="61">
        <v>23</v>
      </c>
      <c r="HX17" s="62">
        <v>149</v>
      </c>
      <c r="HY17" s="63">
        <v>211</v>
      </c>
      <c r="HZ17" s="60">
        <v>63</v>
      </c>
      <c r="IA17" s="61">
        <v>67</v>
      </c>
      <c r="IB17" s="62">
        <v>130</v>
      </c>
      <c r="IC17" s="231"/>
      <c r="ID17" s="61">
        <v>108</v>
      </c>
      <c r="IE17" s="61">
        <v>73</v>
      </c>
      <c r="IF17" s="61">
        <v>57</v>
      </c>
      <c r="IG17" s="61">
        <v>30</v>
      </c>
      <c r="IH17" s="61">
        <v>43</v>
      </c>
      <c r="II17" s="62">
        <v>311</v>
      </c>
      <c r="IJ17" s="63">
        <v>441</v>
      </c>
      <c r="IK17" s="60">
        <v>151</v>
      </c>
      <c r="IL17" s="61">
        <v>154</v>
      </c>
      <c r="IM17" s="62">
        <v>305</v>
      </c>
      <c r="IN17" s="231"/>
      <c r="IO17" s="61">
        <v>231</v>
      </c>
      <c r="IP17" s="61">
        <v>160</v>
      </c>
      <c r="IQ17" s="61">
        <v>95</v>
      </c>
      <c r="IR17" s="61">
        <v>74</v>
      </c>
      <c r="IS17" s="61">
        <v>73</v>
      </c>
      <c r="IT17" s="62">
        <v>633</v>
      </c>
      <c r="IU17" s="63">
        <v>938</v>
      </c>
      <c r="IV17" s="60">
        <v>180</v>
      </c>
      <c r="IW17" s="61">
        <v>182</v>
      </c>
      <c r="IX17" s="62">
        <v>362</v>
      </c>
      <c r="IY17" s="231"/>
      <c r="IZ17" s="61">
        <v>260</v>
      </c>
      <c r="JA17" s="61">
        <v>219</v>
      </c>
      <c r="JB17" s="61">
        <v>144</v>
      </c>
      <c r="JC17" s="61">
        <v>139</v>
      </c>
      <c r="JD17" s="61">
        <v>86</v>
      </c>
      <c r="JE17" s="62">
        <v>848</v>
      </c>
      <c r="JF17" s="63">
        <v>1210</v>
      </c>
      <c r="JG17" s="60">
        <v>108</v>
      </c>
      <c r="JH17" s="61">
        <v>144</v>
      </c>
      <c r="JI17" s="62">
        <v>252</v>
      </c>
      <c r="JJ17" s="231"/>
      <c r="JK17" s="61">
        <v>241</v>
      </c>
      <c r="JL17" s="61">
        <v>279</v>
      </c>
      <c r="JM17" s="61">
        <v>209</v>
      </c>
      <c r="JN17" s="61">
        <v>224</v>
      </c>
      <c r="JO17" s="61">
        <v>164</v>
      </c>
      <c r="JP17" s="62">
        <v>1117</v>
      </c>
      <c r="JQ17" s="63">
        <v>1369</v>
      </c>
      <c r="JR17" s="60">
        <v>5</v>
      </c>
      <c r="JS17" s="61">
        <v>3</v>
      </c>
      <c r="JT17" s="62">
        <v>8</v>
      </c>
      <c r="JU17" s="231"/>
      <c r="JV17" s="61">
        <v>16</v>
      </c>
      <c r="JW17" s="61">
        <v>17</v>
      </c>
      <c r="JX17" s="61">
        <v>11</v>
      </c>
      <c r="JY17" s="61">
        <v>5</v>
      </c>
      <c r="JZ17" s="61">
        <v>13</v>
      </c>
      <c r="KA17" s="62">
        <v>62</v>
      </c>
      <c r="KB17" s="63">
        <v>70</v>
      </c>
      <c r="KC17" s="60">
        <v>550</v>
      </c>
      <c r="KD17" s="61">
        <v>588</v>
      </c>
      <c r="KE17" s="62">
        <v>1138</v>
      </c>
      <c r="KF17" s="231"/>
      <c r="KG17" s="61">
        <v>918</v>
      </c>
      <c r="KH17" s="61">
        <v>798</v>
      </c>
      <c r="KI17" s="61">
        <v>548</v>
      </c>
      <c r="KJ17" s="61">
        <v>508</v>
      </c>
      <c r="KK17" s="61">
        <v>408</v>
      </c>
      <c r="KL17" s="62">
        <v>3180</v>
      </c>
      <c r="KM17" s="63">
        <v>4318</v>
      </c>
    </row>
    <row r="18" spans="2:299" ht="21" customHeight="1" x14ac:dyDescent="0.2">
      <c r="B18" s="468" t="s">
        <v>15</v>
      </c>
      <c r="C18" s="291">
        <v>128</v>
      </c>
      <c r="D18" s="72">
        <v>153</v>
      </c>
      <c r="E18" s="73">
        <v>281</v>
      </c>
      <c r="F18" s="228"/>
      <c r="G18" s="72">
        <v>256</v>
      </c>
      <c r="H18" s="72">
        <v>235</v>
      </c>
      <c r="I18" s="72">
        <v>146</v>
      </c>
      <c r="J18" s="72">
        <v>133</v>
      </c>
      <c r="K18" s="72">
        <v>60</v>
      </c>
      <c r="L18" s="74">
        <v>830</v>
      </c>
      <c r="M18" s="75">
        <v>1111</v>
      </c>
      <c r="N18" s="60">
        <v>5</v>
      </c>
      <c r="O18" s="61">
        <v>7</v>
      </c>
      <c r="P18" s="62">
        <v>12</v>
      </c>
      <c r="Q18" s="231"/>
      <c r="R18" s="61">
        <v>11</v>
      </c>
      <c r="S18" s="61">
        <v>16</v>
      </c>
      <c r="T18" s="61">
        <v>10</v>
      </c>
      <c r="U18" s="61">
        <v>4</v>
      </c>
      <c r="V18" s="61">
        <v>6</v>
      </c>
      <c r="W18" s="62">
        <v>47</v>
      </c>
      <c r="X18" s="63">
        <v>59</v>
      </c>
      <c r="Y18" s="60">
        <v>17</v>
      </c>
      <c r="Z18" s="61">
        <v>17</v>
      </c>
      <c r="AA18" s="62">
        <v>34</v>
      </c>
      <c r="AB18" s="231"/>
      <c r="AC18" s="61">
        <v>29</v>
      </c>
      <c r="AD18" s="61">
        <v>23</v>
      </c>
      <c r="AE18" s="61">
        <v>16</v>
      </c>
      <c r="AF18" s="61">
        <v>16</v>
      </c>
      <c r="AG18" s="61">
        <v>7</v>
      </c>
      <c r="AH18" s="62">
        <v>91</v>
      </c>
      <c r="AI18" s="63">
        <v>125</v>
      </c>
      <c r="AJ18" s="60">
        <v>19</v>
      </c>
      <c r="AK18" s="61">
        <v>28</v>
      </c>
      <c r="AL18" s="62">
        <v>47</v>
      </c>
      <c r="AM18" s="231"/>
      <c r="AN18" s="61">
        <v>32</v>
      </c>
      <c r="AO18" s="61">
        <v>48</v>
      </c>
      <c r="AP18" s="61">
        <v>23</v>
      </c>
      <c r="AQ18" s="61">
        <v>23</v>
      </c>
      <c r="AR18" s="61">
        <v>15</v>
      </c>
      <c r="AS18" s="62">
        <v>141</v>
      </c>
      <c r="AT18" s="63">
        <v>188</v>
      </c>
      <c r="AU18" s="60">
        <v>35</v>
      </c>
      <c r="AV18" s="61">
        <v>36</v>
      </c>
      <c r="AW18" s="62">
        <v>71</v>
      </c>
      <c r="AX18" s="231"/>
      <c r="AY18" s="61">
        <v>80</v>
      </c>
      <c r="AZ18" s="61">
        <v>52</v>
      </c>
      <c r="BA18" s="61">
        <v>28</v>
      </c>
      <c r="BB18" s="61">
        <v>38</v>
      </c>
      <c r="BC18" s="61">
        <v>12</v>
      </c>
      <c r="BD18" s="62">
        <v>210</v>
      </c>
      <c r="BE18" s="63">
        <v>281</v>
      </c>
      <c r="BF18" s="60">
        <v>32</v>
      </c>
      <c r="BG18" s="61">
        <v>45</v>
      </c>
      <c r="BH18" s="62">
        <v>77</v>
      </c>
      <c r="BI18" s="231"/>
      <c r="BJ18" s="61">
        <v>61</v>
      </c>
      <c r="BK18" s="61">
        <v>45</v>
      </c>
      <c r="BL18" s="61">
        <v>35</v>
      </c>
      <c r="BM18" s="61">
        <v>28</v>
      </c>
      <c r="BN18" s="61">
        <v>15</v>
      </c>
      <c r="BO18" s="62">
        <v>184</v>
      </c>
      <c r="BP18" s="63">
        <v>261</v>
      </c>
      <c r="BQ18" s="60">
        <v>20</v>
      </c>
      <c r="BR18" s="61">
        <v>20</v>
      </c>
      <c r="BS18" s="62">
        <v>40</v>
      </c>
      <c r="BT18" s="231"/>
      <c r="BU18" s="61">
        <v>43</v>
      </c>
      <c r="BV18" s="61">
        <v>51</v>
      </c>
      <c r="BW18" s="61">
        <v>34</v>
      </c>
      <c r="BX18" s="61">
        <v>24</v>
      </c>
      <c r="BY18" s="61">
        <v>5</v>
      </c>
      <c r="BZ18" s="62">
        <v>157</v>
      </c>
      <c r="CA18" s="63">
        <v>197</v>
      </c>
      <c r="CB18" s="60">
        <v>1</v>
      </c>
      <c r="CC18" s="61">
        <v>4</v>
      </c>
      <c r="CD18" s="62">
        <v>5</v>
      </c>
      <c r="CE18" s="231"/>
      <c r="CF18" s="61">
        <v>8</v>
      </c>
      <c r="CG18" s="61">
        <v>7</v>
      </c>
      <c r="CH18" s="61">
        <v>3</v>
      </c>
      <c r="CI18" s="61">
        <v>4</v>
      </c>
      <c r="CJ18" s="61">
        <v>5</v>
      </c>
      <c r="CK18" s="62">
        <v>27</v>
      </c>
      <c r="CL18" s="63">
        <v>32</v>
      </c>
      <c r="CM18" s="60">
        <v>129</v>
      </c>
      <c r="CN18" s="61">
        <v>157</v>
      </c>
      <c r="CO18" s="62">
        <v>286</v>
      </c>
      <c r="CP18" s="231"/>
      <c r="CQ18" s="61">
        <v>264</v>
      </c>
      <c r="CR18" s="61">
        <v>242</v>
      </c>
      <c r="CS18" s="61">
        <v>149</v>
      </c>
      <c r="CT18" s="61">
        <v>137</v>
      </c>
      <c r="CU18" s="61">
        <v>65</v>
      </c>
      <c r="CV18" s="62">
        <v>857</v>
      </c>
      <c r="CW18" s="63">
        <v>1143</v>
      </c>
      <c r="CX18" s="113">
        <v>285</v>
      </c>
      <c r="CY18" s="72">
        <v>369</v>
      </c>
      <c r="CZ18" s="73">
        <v>654</v>
      </c>
      <c r="DA18" s="228"/>
      <c r="DB18" s="72">
        <v>469</v>
      </c>
      <c r="DC18" s="72">
        <v>443</v>
      </c>
      <c r="DD18" s="72">
        <v>315</v>
      </c>
      <c r="DE18" s="72">
        <v>312</v>
      </c>
      <c r="DF18" s="72">
        <v>170</v>
      </c>
      <c r="DG18" s="74">
        <v>1709</v>
      </c>
      <c r="DH18" s="75">
        <v>2363</v>
      </c>
      <c r="DI18" s="60">
        <v>6</v>
      </c>
      <c r="DJ18" s="61">
        <v>7</v>
      </c>
      <c r="DK18" s="62">
        <v>13</v>
      </c>
      <c r="DL18" s="231"/>
      <c r="DM18" s="61">
        <v>12</v>
      </c>
      <c r="DN18" s="61">
        <v>11</v>
      </c>
      <c r="DO18" s="61">
        <v>3</v>
      </c>
      <c r="DP18" s="61">
        <v>1</v>
      </c>
      <c r="DQ18" s="61">
        <v>4</v>
      </c>
      <c r="DR18" s="62">
        <v>31</v>
      </c>
      <c r="DS18" s="63">
        <v>44</v>
      </c>
      <c r="DT18" s="60">
        <v>19</v>
      </c>
      <c r="DU18" s="61">
        <v>17</v>
      </c>
      <c r="DV18" s="62">
        <v>36</v>
      </c>
      <c r="DW18" s="231"/>
      <c r="DX18" s="61">
        <v>28</v>
      </c>
      <c r="DY18" s="61">
        <v>31</v>
      </c>
      <c r="DZ18" s="61">
        <v>24</v>
      </c>
      <c r="EA18" s="61">
        <v>10</v>
      </c>
      <c r="EB18" s="61">
        <v>11</v>
      </c>
      <c r="EC18" s="62">
        <v>104</v>
      </c>
      <c r="ED18" s="63">
        <v>140</v>
      </c>
      <c r="EE18" s="60">
        <v>66</v>
      </c>
      <c r="EF18" s="61">
        <v>56</v>
      </c>
      <c r="EG18" s="62">
        <v>122</v>
      </c>
      <c r="EH18" s="231"/>
      <c r="EI18" s="61">
        <v>53</v>
      </c>
      <c r="EJ18" s="61">
        <v>48</v>
      </c>
      <c r="EK18" s="61">
        <v>23</v>
      </c>
      <c r="EL18" s="61">
        <v>15</v>
      </c>
      <c r="EM18" s="61">
        <v>20</v>
      </c>
      <c r="EN18" s="62">
        <v>159</v>
      </c>
      <c r="EO18" s="63">
        <v>281</v>
      </c>
      <c r="EP18" s="60">
        <v>90</v>
      </c>
      <c r="EQ18" s="61">
        <v>108</v>
      </c>
      <c r="ER18" s="62">
        <v>198</v>
      </c>
      <c r="ES18" s="231"/>
      <c r="ET18" s="61">
        <v>112</v>
      </c>
      <c r="EU18" s="61">
        <v>92</v>
      </c>
      <c r="EV18" s="61">
        <v>56</v>
      </c>
      <c r="EW18" s="61">
        <v>46</v>
      </c>
      <c r="EX18" s="61">
        <v>35</v>
      </c>
      <c r="EY18" s="62">
        <v>341</v>
      </c>
      <c r="EZ18" s="63">
        <v>539</v>
      </c>
      <c r="FA18" s="60">
        <v>65</v>
      </c>
      <c r="FB18" s="61">
        <v>105</v>
      </c>
      <c r="FC18" s="62">
        <v>170</v>
      </c>
      <c r="FD18" s="231"/>
      <c r="FE18" s="61">
        <v>143</v>
      </c>
      <c r="FF18" s="61">
        <v>124</v>
      </c>
      <c r="FG18" s="61">
        <v>88</v>
      </c>
      <c r="FH18" s="61">
        <v>89</v>
      </c>
      <c r="FI18" s="61">
        <v>36</v>
      </c>
      <c r="FJ18" s="62">
        <v>480</v>
      </c>
      <c r="FK18" s="63">
        <v>650</v>
      </c>
      <c r="FL18" s="60">
        <v>39</v>
      </c>
      <c r="FM18" s="61">
        <v>76</v>
      </c>
      <c r="FN18" s="62">
        <v>115</v>
      </c>
      <c r="FO18" s="231"/>
      <c r="FP18" s="61">
        <v>121</v>
      </c>
      <c r="FQ18" s="61">
        <v>137</v>
      </c>
      <c r="FR18" s="61">
        <v>121</v>
      </c>
      <c r="FS18" s="61">
        <v>151</v>
      </c>
      <c r="FT18" s="61">
        <v>64</v>
      </c>
      <c r="FU18" s="62">
        <v>594</v>
      </c>
      <c r="FV18" s="63">
        <v>709</v>
      </c>
      <c r="FW18" s="60">
        <v>3</v>
      </c>
      <c r="FX18" s="61">
        <v>3</v>
      </c>
      <c r="FY18" s="62">
        <v>6</v>
      </c>
      <c r="FZ18" s="231"/>
      <c r="GA18" s="61">
        <v>5</v>
      </c>
      <c r="GB18" s="61">
        <v>8</v>
      </c>
      <c r="GC18" s="61">
        <v>0</v>
      </c>
      <c r="GD18" s="61">
        <v>1</v>
      </c>
      <c r="GE18" s="61">
        <v>5</v>
      </c>
      <c r="GF18" s="62">
        <v>19</v>
      </c>
      <c r="GG18" s="63">
        <v>25</v>
      </c>
      <c r="GH18" s="60">
        <v>288</v>
      </c>
      <c r="GI18" s="61">
        <v>372</v>
      </c>
      <c r="GJ18" s="62">
        <v>660</v>
      </c>
      <c r="GK18" s="231"/>
      <c r="GL18" s="61">
        <v>474</v>
      </c>
      <c r="GM18" s="61">
        <v>451</v>
      </c>
      <c r="GN18" s="61">
        <v>315</v>
      </c>
      <c r="GO18" s="61">
        <v>313</v>
      </c>
      <c r="GP18" s="61">
        <v>175</v>
      </c>
      <c r="GQ18" s="62">
        <v>1728</v>
      </c>
      <c r="GR18" s="63">
        <v>2388</v>
      </c>
      <c r="GS18" s="113">
        <v>413</v>
      </c>
      <c r="GT18" s="72">
        <v>522</v>
      </c>
      <c r="GU18" s="73">
        <v>935</v>
      </c>
      <c r="GV18" s="228"/>
      <c r="GW18" s="72">
        <v>725</v>
      </c>
      <c r="GX18" s="72">
        <v>678</v>
      </c>
      <c r="GY18" s="72">
        <v>461</v>
      </c>
      <c r="GZ18" s="72">
        <v>445</v>
      </c>
      <c r="HA18" s="72">
        <v>230</v>
      </c>
      <c r="HB18" s="74">
        <v>2539</v>
      </c>
      <c r="HC18" s="75">
        <v>3474</v>
      </c>
      <c r="HD18" s="60">
        <v>11</v>
      </c>
      <c r="HE18" s="61">
        <v>14</v>
      </c>
      <c r="HF18" s="62">
        <v>25</v>
      </c>
      <c r="HG18" s="231"/>
      <c r="HH18" s="61">
        <v>23</v>
      </c>
      <c r="HI18" s="61">
        <v>27</v>
      </c>
      <c r="HJ18" s="61">
        <v>13</v>
      </c>
      <c r="HK18" s="61">
        <v>5</v>
      </c>
      <c r="HL18" s="61">
        <v>10</v>
      </c>
      <c r="HM18" s="62">
        <v>78</v>
      </c>
      <c r="HN18" s="63">
        <v>103</v>
      </c>
      <c r="HO18" s="60">
        <v>36</v>
      </c>
      <c r="HP18" s="61">
        <v>34</v>
      </c>
      <c r="HQ18" s="62">
        <v>70</v>
      </c>
      <c r="HR18" s="231"/>
      <c r="HS18" s="61">
        <v>57</v>
      </c>
      <c r="HT18" s="61">
        <v>54</v>
      </c>
      <c r="HU18" s="61">
        <v>40</v>
      </c>
      <c r="HV18" s="61">
        <v>26</v>
      </c>
      <c r="HW18" s="61">
        <v>18</v>
      </c>
      <c r="HX18" s="62">
        <v>195</v>
      </c>
      <c r="HY18" s="63">
        <v>265</v>
      </c>
      <c r="HZ18" s="60">
        <v>85</v>
      </c>
      <c r="IA18" s="61">
        <v>84</v>
      </c>
      <c r="IB18" s="62">
        <v>169</v>
      </c>
      <c r="IC18" s="231"/>
      <c r="ID18" s="61">
        <v>85</v>
      </c>
      <c r="IE18" s="61">
        <v>96</v>
      </c>
      <c r="IF18" s="61">
        <v>46</v>
      </c>
      <c r="IG18" s="61">
        <v>38</v>
      </c>
      <c r="IH18" s="61">
        <v>35</v>
      </c>
      <c r="II18" s="62">
        <v>300</v>
      </c>
      <c r="IJ18" s="63">
        <v>469</v>
      </c>
      <c r="IK18" s="60">
        <v>125</v>
      </c>
      <c r="IL18" s="61">
        <v>144</v>
      </c>
      <c r="IM18" s="62">
        <v>269</v>
      </c>
      <c r="IN18" s="231"/>
      <c r="IO18" s="61">
        <v>192</v>
      </c>
      <c r="IP18" s="61">
        <v>144</v>
      </c>
      <c r="IQ18" s="61">
        <v>84</v>
      </c>
      <c r="IR18" s="61">
        <v>84</v>
      </c>
      <c r="IS18" s="61">
        <v>47</v>
      </c>
      <c r="IT18" s="62">
        <v>551</v>
      </c>
      <c r="IU18" s="63">
        <v>820</v>
      </c>
      <c r="IV18" s="60">
        <v>97</v>
      </c>
      <c r="IW18" s="61">
        <v>150</v>
      </c>
      <c r="IX18" s="62">
        <v>247</v>
      </c>
      <c r="IY18" s="231"/>
      <c r="IZ18" s="61">
        <v>204</v>
      </c>
      <c r="JA18" s="61">
        <v>169</v>
      </c>
      <c r="JB18" s="61">
        <v>123</v>
      </c>
      <c r="JC18" s="61">
        <v>117</v>
      </c>
      <c r="JD18" s="61">
        <v>51</v>
      </c>
      <c r="JE18" s="62">
        <v>664</v>
      </c>
      <c r="JF18" s="63">
        <v>911</v>
      </c>
      <c r="JG18" s="60">
        <v>59</v>
      </c>
      <c r="JH18" s="61">
        <v>96</v>
      </c>
      <c r="JI18" s="62">
        <v>155</v>
      </c>
      <c r="JJ18" s="231"/>
      <c r="JK18" s="61">
        <v>164</v>
      </c>
      <c r="JL18" s="61">
        <v>188</v>
      </c>
      <c r="JM18" s="61">
        <v>155</v>
      </c>
      <c r="JN18" s="61">
        <v>175</v>
      </c>
      <c r="JO18" s="61">
        <v>69</v>
      </c>
      <c r="JP18" s="62">
        <v>751</v>
      </c>
      <c r="JQ18" s="63">
        <v>906</v>
      </c>
      <c r="JR18" s="60">
        <v>4</v>
      </c>
      <c r="JS18" s="61">
        <v>7</v>
      </c>
      <c r="JT18" s="62">
        <v>11</v>
      </c>
      <c r="JU18" s="231"/>
      <c r="JV18" s="61">
        <v>13</v>
      </c>
      <c r="JW18" s="61">
        <v>15</v>
      </c>
      <c r="JX18" s="61">
        <v>3</v>
      </c>
      <c r="JY18" s="61">
        <v>5</v>
      </c>
      <c r="JZ18" s="61">
        <v>10</v>
      </c>
      <c r="KA18" s="62">
        <v>46</v>
      </c>
      <c r="KB18" s="63">
        <v>57</v>
      </c>
      <c r="KC18" s="60">
        <v>417</v>
      </c>
      <c r="KD18" s="61">
        <v>529</v>
      </c>
      <c r="KE18" s="62">
        <v>946</v>
      </c>
      <c r="KF18" s="231"/>
      <c r="KG18" s="61">
        <v>738</v>
      </c>
      <c r="KH18" s="61">
        <v>693</v>
      </c>
      <c r="KI18" s="61">
        <v>464</v>
      </c>
      <c r="KJ18" s="61">
        <v>450</v>
      </c>
      <c r="KK18" s="61">
        <v>240</v>
      </c>
      <c r="KL18" s="62">
        <v>2585</v>
      </c>
      <c r="KM18" s="63">
        <v>3531</v>
      </c>
    </row>
    <row r="19" spans="2:299" ht="21" customHeight="1" x14ac:dyDescent="0.2">
      <c r="B19" s="468" t="s">
        <v>16</v>
      </c>
      <c r="C19" s="291">
        <v>245</v>
      </c>
      <c r="D19" s="72">
        <v>300</v>
      </c>
      <c r="E19" s="73">
        <v>545</v>
      </c>
      <c r="F19" s="228"/>
      <c r="G19" s="72">
        <v>459</v>
      </c>
      <c r="H19" s="72">
        <v>624</v>
      </c>
      <c r="I19" s="72">
        <v>404</v>
      </c>
      <c r="J19" s="72">
        <v>314</v>
      </c>
      <c r="K19" s="72">
        <v>195</v>
      </c>
      <c r="L19" s="74">
        <v>1996</v>
      </c>
      <c r="M19" s="75">
        <v>2541</v>
      </c>
      <c r="N19" s="60">
        <v>8</v>
      </c>
      <c r="O19" s="61">
        <v>11</v>
      </c>
      <c r="P19" s="62">
        <v>19</v>
      </c>
      <c r="Q19" s="231"/>
      <c r="R19" s="61">
        <v>14</v>
      </c>
      <c r="S19" s="61">
        <v>27</v>
      </c>
      <c r="T19" s="61">
        <v>23</v>
      </c>
      <c r="U19" s="61">
        <v>19</v>
      </c>
      <c r="V19" s="61">
        <v>21</v>
      </c>
      <c r="W19" s="62">
        <v>104</v>
      </c>
      <c r="X19" s="63">
        <v>123</v>
      </c>
      <c r="Y19" s="60">
        <v>30</v>
      </c>
      <c r="Z19" s="61">
        <v>53</v>
      </c>
      <c r="AA19" s="62">
        <v>83</v>
      </c>
      <c r="AB19" s="231"/>
      <c r="AC19" s="61">
        <v>51</v>
      </c>
      <c r="AD19" s="61">
        <v>77</v>
      </c>
      <c r="AE19" s="61">
        <v>45</v>
      </c>
      <c r="AF19" s="61">
        <v>37</v>
      </c>
      <c r="AG19" s="61">
        <v>29</v>
      </c>
      <c r="AH19" s="62">
        <v>239</v>
      </c>
      <c r="AI19" s="63">
        <v>322</v>
      </c>
      <c r="AJ19" s="60">
        <v>51</v>
      </c>
      <c r="AK19" s="61">
        <v>51</v>
      </c>
      <c r="AL19" s="62">
        <v>102</v>
      </c>
      <c r="AM19" s="231"/>
      <c r="AN19" s="61">
        <v>73</v>
      </c>
      <c r="AO19" s="61">
        <v>107</v>
      </c>
      <c r="AP19" s="61">
        <v>76</v>
      </c>
      <c r="AQ19" s="61">
        <v>57</v>
      </c>
      <c r="AR19" s="61">
        <v>36</v>
      </c>
      <c r="AS19" s="62">
        <v>349</v>
      </c>
      <c r="AT19" s="63">
        <v>451</v>
      </c>
      <c r="AU19" s="60">
        <v>78</v>
      </c>
      <c r="AV19" s="61">
        <v>72</v>
      </c>
      <c r="AW19" s="62">
        <v>150</v>
      </c>
      <c r="AX19" s="231"/>
      <c r="AY19" s="61">
        <v>130</v>
      </c>
      <c r="AZ19" s="61">
        <v>168</v>
      </c>
      <c r="BA19" s="61">
        <v>93</v>
      </c>
      <c r="BB19" s="61">
        <v>78</v>
      </c>
      <c r="BC19" s="61">
        <v>44</v>
      </c>
      <c r="BD19" s="62">
        <v>513</v>
      </c>
      <c r="BE19" s="63">
        <v>663</v>
      </c>
      <c r="BF19" s="60">
        <v>53</v>
      </c>
      <c r="BG19" s="61">
        <v>70</v>
      </c>
      <c r="BH19" s="62">
        <v>123</v>
      </c>
      <c r="BI19" s="231"/>
      <c r="BJ19" s="61">
        <v>125</v>
      </c>
      <c r="BK19" s="61">
        <v>150</v>
      </c>
      <c r="BL19" s="61">
        <v>88</v>
      </c>
      <c r="BM19" s="61">
        <v>56</v>
      </c>
      <c r="BN19" s="61">
        <v>34</v>
      </c>
      <c r="BO19" s="62">
        <v>453</v>
      </c>
      <c r="BP19" s="63">
        <v>576</v>
      </c>
      <c r="BQ19" s="60">
        <v>25</v>
      </c>
      <c r="BR19" s="61">
        <v>43</v>
      </c>
      <c r="BS19" s="62">
        <v>68</v>
      </c>
      <c r="BT19" s="231"/>
      <c r="BU19" s="61">
        <v>66</v>
      </c>
      <c r="BV19" s="61">
        <v>95</v>
      </c>
      <c r="BW19" s="61">
        <v>79</v>
      </c>
      <c r="BX19" s="61">
        <v>67</v>
      </c>
      <c r="BY19" s="61">
        <v>31</v>
      </c>
      <c r="BZ19" s="62">
        <v>338</v>
      </c>
      <c r="CA19" s="63">
        <v>406</v>
      </c>
      <c r="CB19" s="60">
        <v>8</v>
      </c>
      <c r="CC19" s="61">
        <v>10</v>
      </c>
      <c r="CD19" s="62">
        <v>18</v>
      </c>
      <c r="CE19" s="231"/>
      <c r="CF19" s="61">
        <v>18</v>
      </c>
      <c r="CG19" s="61">
        <v>22</v>
      </c>
      <c r="CH19" s="61">
        <v>18</v>
      </c>
      <c r="CI19" s="61">
        <v>16</v>
      </c>
      <c r="CJ19" s="61">
        <v>10</v>
      </c>
      <c r="CK19" s="62">
        <v>84</v>
      </c>
      <c r="CL19" s="63">
        <v>102</v>
      </c>
      <c r="CM19" s="60">
        <v>253</v>
      </c>
      <c r="CN19" s="61">
        <v>310</v>
      </c>
      <c r="CO19" s="62">
        <v>563</v>
      </c>
      <c r="CP19" s="231"/>
      <c r="CQ19" s="61">
        <v>477</v>
      </c>
      <c r="CR19" s="61">
        <v>646</v>
      </c>
      <c r="CS19" s="61">
        <v>422</v>
      </c>
      <c r="CT19" s="61">
        <v>330</v>
      </c>
      <c r="CU19" s="61">
        <v>205</v>
      </c>
      <c r="CV19" s="62">
        <v>2080</v>
      </c>
      <c r="CW19" s="63">
        <v>2643</v>
      </c>
      <c r="CX19" s="113">
        <v>414</v>
      </c>
      <c r="CY19" s="72">
        <v>638</v>
      </c>
      <c r="CZ19" s="73">
        <v>1052</v>
      </c>
      <c r="DA19" s="228"/>
      <c r="DB19" s="72">
        <v>808</v>
      </c>
      <c r="DC19" s="72">
        <v>991</v>
      </c>
      <c r="DD19" s="72">
        <v>759</v>
      </c>
      <c r="DE19" s="72">
        <v>784</v>
      </c>
      <c r="DF19" s="72">
        <v>490</v>
      </c>
      <c r="DG19" s="74">
        <v>3832</v>
      </c>
      <c r="DH19" s="75">
        <v>4884</v>
      </c>
      <c r="DI19" s="60">
        <v>11</v>
      </c>
      <c r="DJ19" s="61">
        <v>26</v>
      </c>
      <c r="DK19" s="62">
        <v>37</v>
      </c>
      <c r="DL19" s="231"/>
      <c r="DM19" s="61">
        <v>7</v>
      </c>
      <c r="DN19" s="61">
        <v>28</v>
      </c>
      <c r="DO19" s="61">
        <v>18</v>
      </c>
      <c r="DP19" s="61">
        <v>15</v>
      </c>
      <c r="DQ19" s="61">
        <v>12</v>
      </c>
      <c r="DR19" s="62">
        <v>80</v>
      </c>
      <c r="DS19" s="63">
        <v>117</v>
      </c>
      <c r="DT19" s="60">
        <v>32</v>
      </c>
      <c r="DU19" s="61">
        <v>54</v>
      </c>
      <c r="DV19" s="62">
        <v>86</v>
      </c>
      <c r="DW19" s="231"/>
      <c r="DX19" s="61">
        <v>59</v>
      </c>
      <c r="DY19" s="61">
        <v>68</v>
      </c>
      <c r="DZ19" s="61">
        <v>40</v>
      </c>
      <c r="EA19" s="61">
        <v>41</v>
      </c>
      <c r="EB19" s="61">
        <v>30</v>
      </c>
      <c r="EC19" s="62">
        <v>238</v>
      </c>
      <c r="ED19" s="63">
        <v>324</v>
      </c>
      <c r="EE19" s="60">
        <v>85</v>
      </c>
      <c r="EF19" s="61">
        <v>112</v>
      </c>
      <c r="EG19" s="62">
        <v>197</v>
      </c>
      <c r="EH19" s="231"/>
      <c r="EI19" s="61">
        <v>95</v>
      </c>
      <c r="EJ19" s="61">
        <v>126</v>
      </c>
      <c r="EK19" s="61">
        <v>77</v>
      </c>
      <c r="EL19" s="61">
        <v>76</v>
      </c>
      <c r="EM19" s="61">
        <v>46</v>
      </c>
      <c r="EN19" s="62">
        <v>420</v>
      </c>
      <c r="EO19" s="63">
        <v>617</v>
      </c>
      <c r="EP19" s="60">
        <v>121</v>
      </c>
      <c r="EQ19" s="61">
        <v>165</v>
      </c>
      <c r="ER19" s="62">
        <v>286</v>
      </c>
      <c r="ES19" s="231"/>
      <c r="ET19" s="61">
        <v>208</v>
      </c>
      <c r="EU19" s="61">
        <v>200</v>
      </c>
      <c r="EV19" s="61">
        <v>140</v>
      </c>
      <c r="EW19" s="61">
        <v>133</v>
      </c>
      <c r="EX19" s="61">
        <v>97</v>
      </c>
      <c r="EY19" s="62">
        <v>778</v>
      </c>
      <c r="EZ19" s="63">
        <v>1064</v>
      </c>
      <c r="FA19" s="60">
        <v>95</v>
      </c>
      <c r="FB19" s="61">
        <v>161</v>
      </c>
      <c r="FC19" s="62">
        <v>256</v>
      </c>
      <c r="FD19" s="231"/>
      <c r="FE19" s="61">
        <v>245</v>
      </c>
      <c r="FF19" s="61">
        <v>255</v>
      </c>
      <c r="FG19" s="61">
        <v>206</v>
      </c>
      <c r="FH19" s="61">
        <v>177</v>
      </c>
      <c r="FI19" s="61">
        <v>110</v>
      </c>
      <c r="FJ19" s="62">
        <v>993</v>
      </c>
      <c r="FK19" s="63">
        <v>1249</v>
      </c>
      <c r="FL19" s="60">
        <v>70</v>
      </c>
      <c r="FM19" s="61">
        <v>120</v>
      </c>
      <c r="FN19" s="62">
        <v>190</v>
      </c>
      <c r="FO19" s="231"/>
      <c r="FP19" s="61">
        <v>194</v>
      </c>
      <c r="FQ19" s="61">
        <v>314</v>
      </c>
      <c r="FR19" s="61">
        <v>278</v>
      </c>
      <c r="FS19" s="61">
        <v>342</v>
      </c>
      <c r="FT19" s="61">
        <v>195</v>
      </c>
      <c r="FU19" s="62">
        <v>1323</v>
      </c>
      <c r="FV19" s="63">
        <v>1513</v>
      </c>
      <c r="FW19" s="60">
        <v>14</v>
      </c>
      <c r="FX19" s="61">
        <v>13</v>
      </c>
      <c r="FY19" s="62">
        <v>27</v>
      </c>
      <c r="FZ19" s="231"/>
      <c r="GA19" s="61">
        <v>7</v>
      </c>
      <c r="GB19" s="61">
        <v>22</v>
      </c>
      <c r="GC19" s="61">
        <v>9</v>
      </c>
      <c r="GD19" s="61">
        <v>12</v>
      </c>
      <c r="GE19" s="61">
        <v>13</v>
      </c>
      <c r="GF19" s="62">
        <v>63</v>
      </c>
      <c r="GG19" s="63">
        <v>90</v>
      </c>
      <c r="GH19" s="60">
        <v>428</v>
      </c>
      <c r="GI19" s="61">
        <v>651</v>
      </c>
      <c r="GJ19" s="62">
        <v>1079</v>
      </c>
      <c r="GK19" s="231"/>
      <c r="GL19" s="61">
        <v>815</v>
      </c>
      <c r="GM19" s="61">
        <v>1013</v>
      </c>
      <c r="GN19" s="61">
        <v>768</v>
      </c>
      <c r="GO19" s="61">
        <v>796</v>
      </c>
      <c r="GP19" s="61">
        <v>503</v>
      </c>
      <c r="GQ19" s="62">
        <v>3895</v>
      </c>
      <c r="GR19" s="63">
        <v>4974</v>
      </c>
      <c r="GS19" s="113">
        <v>659</v>
      </c>
      <c r="GT19" s="72">
        <v>938</v>
      </c>
      <c r="GU19" s="73">
        <v>1597</v>
      </c>
      <c r="GV19" s="228"/>
      <c r="GW19" s="72">
        <v>1267</v>
      </c>
      <c r="GX19" s="72">
        <v>1615</v>
      </c>
      <c r="GY19" s="72">
        <v>1163</v>
      </c>
      <c r="GZ19" s="72">
        <v>1098</v>
      </c>
      <c r="HA19" s="72">
        <v>685</v>
      </c>
      <c r="HB19" s="74">
        <v>5828</v>
      </c>
      <c r="HC19" s="75">
        <v>7425</v>
      </c>
      <c r="HD19" s="60">
        <v>19</v>
      </c>
      <c r="HE19" s="61">
        <v>37</v>
      </c>
      <c r="HF19" s="62">
        <v>56</v>
      </c>
      <c r="HG19" s="231"/>
      <c r="HH19" s="61">
        <v>21</v>
      </c>
      <c r="HI19" s="61">
        <v>55</v>
      </c>
      <c r="HJ19" s="61">
        <v>41</v>
      </c>
      <c r="HK19" s="61">
        <v>34</v>
      </c>
      <c r="HL19" s="61">
        <v>33</v>
      </c>
      <c r="HM19" s="62">
        <v>184</v>
      </c>
      <c r="HN19" s="63">
        <v>240</v>
      </c>
      <c r="HO19" s="60">
        <v>62</v>
      </c>
      <c r="HP19" s="61">
        <v>107</v>
      </c>
      <c r="HQ19" s="62">
        <v>169</v>
      </c>
      <c r="HR19" s="231"/>
      <c r="HS19" s="61">
        <v>110</v>
      </c>
      <c r="HT19" s="61">
        <v>145</v>
      </c>
      <c r="HU19" s="61">
        <v>85</v>
      </c>
      <c r="HV19" s="61">
        <v>78</v>
      </c>
      <c r="HW19" s="61">
        <v>59</v>
      </c>
      <c r="HX19" s="62">
        <v>477</v>
      </c>
      <c r="HY19" s="63">
        <v>646</v>
      </c>
      <c r="HZ19" s="60">
        <v>136</v>
      </c>
      <c r="IA19" s="61">
        <v>163</v>
      </c>
      <c r="IB19" s="62">
        <v>299</v>
      </c>
      <c r="IC19" s="231"/>
      <c r="ID19" s="61">
        <v>168</v>
      </c>
      <c r="IE19" s="61">
        <v>233</v>
      </c>
      <c r="IF19" s="61">
        <v>153</v>
      </c>
      <c r="IG19" s="61">
        <v>133</v>
      </c>
      <c r="IH19" s="61">
        <v>82</v>
      </c>
      <c r="II19" s="62">
        <v>769</v>
      </c>
      <c r="IJ19" s="63">
        <v>1068</v>
      </c>
      <c r="IK19" s="60">
        <v>199</v>
      </c>
      <c r="IL19" s="61">
        <v>237</v>
      </c>
      <c r="IM19" s="62">
        <v>436</v>
      </c>
      <c r="IN19" s="231"/>
      <c r="IO19" s="61">
        <v>338</v>
      </c>
      <c r="IP19" s="61">
        <v>368</v>
      </c>
      <c r="IQ19" s="61">
        <v>233</v>
      </c>
      <c r="IR19" s="61">
        <v>211</v>
      </c>
      <c r="IS19" s="61">
        <v>141</v>
      </c>
      <c r="IT19" s="62">
        <v>1291</v>
      </c>
      <c r="IU19" s="63">
        <v>1727</v>
      </c>
      <c r="IV19" s="60">
        <v>148</v>
      </c>
      <c r="IW19" s="61">
        <v>231</v>
      </c>
      <c r="IX19" s="62">
        <v>379</v>
      </c>
      <c r="IY19" s="231"/>
      <c r="IZ19" s="61">
        <v>370</v>
      </c>
      <c r="JA19" s="61">
        <v>405</v>
      </c>
      <c r="JB19" s="61">
        <v>294</v>
      </c>
      <c r="JC19" s="61">
        <v>233</v>
      </c>
      <c r="JD19" s="61">
        <v>144</v>
      </c>
      <c r="JE19" s="62">
        <v>1446</v>
      </c>
      <c r="JF19" s="63">
        <v>1825</v>
      </c>
      <c r="JG19" s="60">
        <v>95</v>
      </c>
      <c r="JH19" s="61">
        <v>163</v>
      </c>
      <c r="JI19" s="62">
        <v>258</v>
      </c>
      <c r="JJ19" s="231"/>
      <c r="JK19" s="61">
        <v>260</v>
      </c>
      <c r="JL19" s="61">
        <v>409</v>
      </c>
      <c r="JM19" s="61">
        <v>357</v>
      </c>
      <c r="JN19" s="61">
        <v>409</v>
      </c>
      <c r="JO19" s="61">
        <v>226</v>
      </c>
      <c r="JP19" s="62">
        <v>1661</v>
      </c>
      <c r="JQ19" s="63">
        <v>1919</v>
      </c>
      <c r="JR19" s="60">
        <v>22</v>
      </c>
      <c r="JS19" s="61">
        <v>23</v>
      </c>
      <c r="JT19" s="62">
        <v>45</v>
      </c>
      <c r="JU19" s="231"/>
      <c r="JV19" s="61">
        <v>25</v>
      </c>
      <c r="JW19" s="61">
        <v>44</v>
      </c>
      <c r="JX19" s="61">
        <v>27</v>
      </c>
      <c r="JY19" s="61">
        <v>28</v>
      </c>
      <c r="JZ19" s="61">
        <v>23</v>
      </c>
      <c r="KA19" s="62">
        <v>147</v>
      </c>
      <c r="KB19" s="63">
        <v>192</v>
      </c>
      <c r="KC19" s="60">
        <v>681</v>
      </c>
      <c r="KD19" s="61">
        <v>961</v>
      </c>
      <c r="KE19" s="62">
        <v>1642</v>
      </c>
      <c r="KF19" s="231"/>
      <c r="KG19" s="61">
        <v>1292</v>
      </c>
      <c r="KH19" s="61">
        <v>1659</v>
      </c>
      <c r="KI19" s="61">
        <v>1190</v>
      </c>
      <c r="KJ19" s="61">
        <v>1126</v>
      </c>
      <c r="KK19" s="61">
        <v>708</v>
      </c>
      <c r="KL19" s="62">
        <v>5975</v>
      </c>
      <c r="KM19" s="63">
        <v>7617</v>
      </c>
    </row>
    <row r="20" spans="2:299" ht="21" customHeight="1" x14ac:dyDescent="0.2">
      <c r="B20" s="468" t="s">
        <v>17</v>
      </c>
      <c r="C20" s="291">
        <v>305</v>
      </c>
      <c r="D20" s="72">
        <v>404</v>
      </c>
      <c r="E20" s="73">
        <v>709</v>
      </c>
      <c r="F20" s="228"/>
      <c r="G20" s="72">
        <v>583</v>
      </c>
      <c r="H20" s="72">
        <v>790</v>
      </c>
      <c r="I20" s="72">
        <v>553</v>
      </c>
      <c r="J20" s="72">
        <v>418</v>
      </c>
      <c r="K20" s="72">
        <v>262</v>
      </c>
      <c r="L20" s="74">
        <v>2606</v>
      </c>
      <c r="M20" s="75">
        <v>3315</v>
      </c>
      <c r="N20" s="60">
        <v>15</v>
      </c>
      <c r="O20" s="61">
        <v>19</v>
      </c>
      <c r="P20" s="62">
        <v>34</v>
      </c>
      <c r="Q20" s="231"/>
      <c r="R20" s="61">
        <v>18</v>
      </c>
      <c r="S20" s="61">
        <v>49</v>
      </c>
      <c r="T20" s="61">
        <v>30</v>
      </c>
      <c r="U20" s="61">
        <v>23</v>
      </c>
      <c r="V20" s="61">
        <v>24</v>
      </c>
      <c r="W20" s="62">
        <v>144</v>
      </c>
      <c r="X20" s="63">
        <v>178</v>
      </c>
      <c r="Y20" s="60">
        <v>21</v>
      </c>
      <c r="Z20" s="61">
        <v>59</v>
      </c>
      <c r="AA20" s="62">
        <v>80</v>
      </c>
      <c r="AB20" s="231"/>
      <c r="AC20" s="61">
        <v>53</v>
      </c>
      <c r="AD20" s="61">
        <v>91</v>
      </c>
      <c r="AE20" s="61">
        <v>70</v>
      </c>
      <c r="AF20" s="61">
        <v>56</v>
      </c>
      <c r="AG20" s="61">
        <v>40</v>
      </c>
      <c r="AH20" s="62">
        <v>310</v>
      </c>
      <c r="AI20" s="63">
        <v>390</v>
      </c>
      <c r="AJ20" s="60">
        <v>52</v>
      </c>
      <c r="AK20" s="61">
        <v>60</v>
      </c>
      <c r="AL20" s="62">
        <v>112</v>
      </c>
      <c r="AM20" s="231"/>
      <c r="AN20" s="61">
        <v>105</v>
      </c>
      <c r="AO20" s="61">
        <v>153</v>
      </c>
      <c r="AP20" s="61">
        <v>95</v>
      </c>
      <c r="AQ20" s="61">
        <v>60</v>
      </c>
      <c r="AR20" s="61">
        <v>46</v>
      </c>
      <c r="AS20" s="62">
        <v>459</v>
      </c>
      <c r="AT20" s="63">
        <v>571</v>
      </c>
      <c r="AU20" s="60">
        <v>90</v>
      </c>
      <c r="AV20" s="61">
        <v>107</v>
      </c>
      <c r="AW20" s="62">
        <v>197</v>
      </c>
      <c r="AX20" s="231"/>
      <c r="AY20" s="61">
        <v>173</v>
      </c>
      <c r="AZ20" s="61">
        <v>215</v>
      </c>
      <c r="BA20" s="61">
        <v>155</v>
      </c>
      <c r="BB20" s="61">
        <v>101</v>
      </c>
      <c r="BC20" s="61">
        <v>60</v>
      </c>
      <c r="BD20" s="62">
        <v>704</v>
      </c>
      <c r="BE20" s="63">
        <v>901</v>
      </c>
      <c r="BF20" s="60">
        <v>74</v>
      </c>
      <c r="BG20" s="61">
        <v>95</v>
      </c>
      <c r="BH20" s="62">
        <v>169</v>
      </c>
      <c r="BI20" s="231"/>
      <c r="BJ20" s="61">
        <v>145</v>
      </c>
      <c r="BK20" s="61">
        <v>164</v>
      </c>
      <c r="BL20" s="61">
        <v>128</v>
      </c>
      <c r="BM20" s="61">
        <v>111</v>
      </c>
      <c r="BN20" s="61">
        <v>50</v>
      </c>
      <c r="BO20" s="62">
        <v>598</v>
      </c>
      <c r="BP20" s="63">
        <v>767</v>
      </c>
      <c r="BQ20" s="60">
        <v>53</v>
      </c>
      <c r="BR20" s="61">
        <v>64</v>
      </c>
      <c r="BS20" s="62">
        <v>117</v>
      </c>
      <c r="BT20" s="231"/>
      <c r="BU20" s="61">
        <v>89</v>
      </c>
      <c r="BV20" s="61">
        <v>118</v>
      </c>
      <c r="BW20" s="61">
        <v>75</v>
      </c>
      <c r="BX20" s="61">
        <v>67</v>
      </c>
      <c r="BY20" s="61">
        <v>42</v>
      </c>
      <c r="BZ20" s="62">
        <v>391</v>
      </c>
      <c r="CA20" s="63">
        <v>508</v>
      </c>
      <c r="CB20" s="60">
        <v>11</v>
      </c>
      <c r="CC20" s="61">
        <v>24</v>
      </c>
      <c r="CD20" s="62">
        <v>35</v>
      </c>
      <c r="CE20" s="231"/>
      <c r="CF20" s="61">
        <v>20</v>
      </c>
      <c r="CG20" s="61">
        <v>44</v>
      </c>
      <c r="CH20" s="61">
        <v>24</v>
      </c>
      <c r="CI20" s="61">
        <v>15</v>
      </c>
      <c r="CJ20" s="61">
        <v>16</v>
      </c>
      <c r="CK20" s="62">
        <v>119</v>
      </c>
      <c r="CL20" s="63">
        <v>154</v>
      </c>
      <c r="CM20" s="60">
        <v>316</v>
      </c>
      <c r="CN20" s="61">
        <v>428</v>
      </c>
      <c r="CO20" s="62">
        <v>744</v>
      </c>
      <c r="CP20" s="231"/>
      <c r="CQ20" s="61">
        <v>603</v>
      </c>
      <c r="CR20" s="61">
        <v>834</v>
      </c>
      <c r="CS20" s="61">
        <v>577</v>
      </c>
      <c r="CT20" s="61">
        <v>433</v>
      </c>
      <c r="CU20" s="61">
        <v>278</v>
      </c>
      <c r="CV20" s="62">
        <v>2725</v>
      </c>
      <c r="CW20" s="63">
        <v>3469</v>
      </c>
      <c r="CX20" s="113">
        <v>627</v>
      </c>
      <c r="CY20" s="72">
        <v>894</v>
      </c>
      <c r="CZ20" s="73">
        <v>1521</v>
      </c>
      <c r="DA20" s="228"/>
      <c r="DB20" s="72">
        <v>949</v>
      </c>
      <c r="DC20" s="72">
        <v>1318</v>
      </c>
      <c r="DD20" s="72">
        <v>942</v>
      </c>
      <c r="DE20" s="72">
        <v>901</v>
      </c>
      <c r="DF20" s="72">
        <v>598</v>
      </c>
      <c r="DG20" s="74">
        <v>4708</v>
      </c>
      <c r="DH20" s="75">
        <v>6229</v>
      </c>
      <c r="DI20" s="60">
        <v>14</v>
      </c>
      <c r="DJ20" s="61">
        <v>34</v>
      </c>
      <c r="DK20" s="62">
        <v>48</v>
      </c>
      <c r="DL20" s="231"/>
      <c r="DM20" s="61">
        <v>18</v>
      </c>
      <c r="DN20" s="61">
        <v>35</v>
      </c>
      <c r="DO20" s="61">
        <v>26</v>
      </c>
      <c r="DP20" s="61">
        <v>18</v>
      </c>
      <c r="DQ20" s="61">
        <v>18</v>
      </c>
      <c r="DR20" s="62">
        <v>115</v>
      </c>
      <c r="DS20" s="63">
        <v>163</v>
      </c>
      <c r="DT20" s="60">
        <v>40</v>
      </c>
      <c r="DU20" s="61">
        <v>70</v>
      </c>
      <c r="DV20" s="62">
        <v>110</v>
      </c>
      <c r="DW20" s="231"/>
      <c r="DX20" s="61">
        <v>71</v>
      </c>
      <c r="DY20" s="61">
        <v>82</v>
      </c>
      <c r="DZ20" s="61">
        <v>54</v>
      </c>
      <c r="EA20" s="61">
        <v>47</v>
      </c>
      <c r="EB20" s="61">
        <v>30</v>
      </c>
      <c r="EC20" s="62">
        <v>284</v>
      </c>
      <c r="ED20" s="63">
        <v>394</v>
      </c>
      <c r="EE20" s="60">
        <v>110</v>
      </c>
      <c r="EF20" s="61">
        <v>151</v>
      </c>
      <c r="EG20" s="62">
        <v>261</v>
      </c>
      <c r="EH20" s="231"/>
      <c r="EI20" s="61">
        <v>133</v>
      </c>
      <c r="EJ20" s="61">
        <v>168</v>
      </c>
      <c r="EK20" s="61">
        <v>110</v>
      </c>
      <c r="EL20" s="61">
        <v>95</v>
      </c>
      <c r="EM20" s="61">
        <v>63</v>
      </c>
      <c r="EN20" s="62">
        <v>569</v>
      </c>
      <c r="EO20" s="63">
        <v>830</v>
      </c>
      <c r="EP20" s="60">
        <v>217</v>
      </c>
      <c r="EQ20" s="61">
        <v>254</v>
      </c>
      <c r="ER20" s="62">
        <v>471</v>
      </c>
      <c r="ES20" s="231"/>
      <c r="ET20" s="61">
        <v>241</v>
      </c>
      <c r="EU20" s="61">
        <v>320</v>
      </c>
      <c r="EV20" s="61">
        <v>226</v>
      </c>
      <c r="EW20" s="61">
        <v>183</v>
      </c>
      <c r="EX20" s="61">
        <v>114</v>
      </c>
      <c r="EY20" s="62">
        <v>1084</v>
      </c>
      <c r="EZ20" s="63">
        <v>1555</v>
      </c>
      <c r="FA20" s="60">
        <v>170</v>
      </c>
      <c r="FB20" s="61">
        <v>242</v>
      </c>
      <c r="FC20" s="62">
        <v>412</v>
      </c>
      <c r="FD20" s="231"/>
      <c r="FE20" s="61">
        <v>267</v>
      </c>
      <c r="FF20" s="61">
        <v>366</v>
      </c>
      <c r="FG20" s="61">
        <v>248</v>
      </c>
      <c r="FH20" s="61">
        <v>219</v>
      </c>
      <c r="FI20" s="61">
        <v>177</v>
      </c>
      <c r="FJ20" s="62">
        <v>1277</v>
      </c>
      <c r="FK20" s="63">
        <v>1689</v>
      </c>
      <c r="FL20" s="60">
        <v>76</v>
      </c>
      <c r="FM20" s="61">
        <v>143</v>
      </c>
      <c r="FN20" s="62">
        <v>219</v>
      </c>
      <c r="FO20" s="231"/>
      <c r="FP20" s="61">
        <v>219</v>
      </c>
      <c r="FQ20" s="61">
        <v>347</v>
      </c>
      <c r="FR20" s="61">
        <v>278</v>
      </c>
      <c r="FS20" s="61">
        <v>339</v>
      </c>
      <c r="FT20" s="61">
        <v>196</v>
      </c>
      <c r="FU20" s="62">
        <v>1379</v>
      </c>
      <c r="FV20" s="63">
        <v>1598</v>
      </c>
      <c r="FW20" s="60">
        <v>4</v>
      </c>
      <c r="FX20" s="61">
        <v>19</v>
      </c>
      <c r="FY20" s="62">
        <v>23</v>
      </c>
      <c r="FZ20" s="231"/>
      <c r="GA20" s="61">
        <v>9</v>
      </c>
      <c r="GB20" s="61">
        <v>31</v>
      </c>
      <c r="GC20" s="61">
        <v>19</v>
      </c>
      <c r="GD20" s="61">
        <v>16</v>
      </c>
      <c r="GE20" s="61">
        <v>23</v>
      </c>
      <c r="GF20" s="62">
        <v>98</v>
      </c>
      <c r="GG20" s="63">
        <v>121</v>
      </c>
      <c r="GH20" s="60">
        <v>631</v>
      </c>
      <c r="GI20" s="61">
        <v>913</v>
      </c>
      <c r="GJ20" s="62">
        <v>1544</v>
      </c>
      <c r="GK20" s="231"/>
      <c r="GL20" s="61">
        <v>958</v>
      </c>
      <c r="GM20" s="61">
        <v>1349</v>
      </c>
      <c r="GN20" s="61">
        <v>961</v>
      </c>
      <c r="GO20" s="61">
        <v>917</v>
      </c>
      <c r="GP20" s="61">
        <v>621</v>
      </c>
      <c r="GQ20" s="62">
        <v>4806</v>
      </c>
      <c r="GR20" s="63">
        <v>6350</v>
      </c>
      <c r="GS20" s="113">
        <v>932</v>
      </c>
      <c r="GT20" s="72">
        <v>1298</v>
      </c>
      <c r="GU20" s="73">
        <v>2230</v>
      </c>
      <c r="GV20" s="228"/>
      <c r="GW20" s="72">
        <v>1532</v>
      </c>
      <c r="GX20" s="72">
        <v>2108</v>
      </c>
      <c r="GY20" s="72">
        <v>1495</v>
      </c>
      <c r="GZ20" s="72">
        <v>1319</v>
      </c>
      <c r="HA20" s="72">
        <v>860</v>
      </c>
      <c r="HB20" s="74">
        <v>7314</v>
      </c>
      <c r="HC20" s="75">
        <v>9544</v>
      </c>
      <c r="HD20" s="60">
        <v>29</v>
      </c>
      <c r="HE20" s="61">
        <v>53</v>
      </c>
      <c r="HF20" s="62">
        <v>82</v>
      </c>
      <c r="HG20" s="231"/>
      <c r="HH20" s="61">
        <v>36</v>
      </c>
      <c r="HI20" s="61">
        <v>84</v>
      </c>
      <c r="HJ20" s="61">
        <v>56</v>
      </c>
      <c r="HK20" s="61">
        <v>41</v>
      </c>
      <c r="HL20" s="61">
        <v>42</v>
      </c>
      <c r="HM20" s="62">
        <v>259</v>
      </c>
      <c r="HN20" s="63">
        <v>341</v>
      </c>
      <c r="HO20" s="60">
        <v>61</v>
      </c>
      <c r="HP20" s="61">
        <v>129</v>
      </c>
      <c r="HQ20" s="62">
        <v>190</v>
      </c>
      <c r="HR20" s="231"/>
      <c r="HS20" s="61">
        <v>124</v>
      </c>
      <c r="HT20" s="61">
        <v>173</v>
      </c>
      <c r="HU20" s="61">
        <v>124</v>
      </c>
      <c r="HV20" s="61">
        <v>103</v>
      </c>
      <c r="HW20" s="61">
        <v>70</v>
      </c>
      <c r="HX20" s="62">
        <v>594</v>
      </c>
      <c r="HY20" s="63">
        <v>784</v>
      </c>
      <c r="HZ20" s="60">
        <v>162</v>
      </c>
      <c r="IA20" s="61">
        <v>211</v>
      </c>
      <c r="IB20" s="62">
        <v>373</v>
      </c>
      <c r="IC20" s="231"/>
      <c r="ID20" s="61">
        <v>238</v>
      </c>
      <c r="IE20" s="61">
        <v>321</v>
      </c>
      <c r="IF20" s="61">
        <v>205</v>
      </c>
      <c r="IG20" s="61">
        <v>155</v>
      </c>
      <c r="IH20" s="61">
        <v>109</v>
      </c>
      <c r="II20" s="62">
        <v>1028</v>
      </c>
      <c r="IJ20" s="63">
        <v>1401</v>
      </c>
      <c r="IK20" s="60">
        <v>307</v>
      </c>
      <c r="IL20" s="61">
        <v>361</v>
      </c>
      <c r="IM20" s="62">
        <v>668</v>
      </c>
      <c r="IN20" s="231"/>
      <c r="IO20" s="61">
        <v>414</v>
      </c>
      <c r="IP20" s="61">
        <v>535</v>
      </c>
      <c r="IQ20" s="61">
        <v>381</v>
      </c>
      <c r="IR20" s="61">
        <v>284</v>
      </c>
      <c r="IS20" s="61">
        <v>174</v>
      </c>
      <c r="IT20" s="62">
        <v>1788</v>
      </c>
      <c r="IU20" s="63">
        <v>2456</v>
      </c>
      <c r="IV20" s="60">
        <v>244</v>
      </c>
      <c r="IW20" s="61">
        <v>337</v>
      </c>
      <c r="IX20" s="62">
        <v>581</v>
      </c>
      <c r="IY20" s="231"/>
      <c r="IZ20" s="61">
        <v>412</v>
      </c>
      <c r="JA20" s="61">
        <v>530</v>
      </c>
      <c r="JB20" s="61">
        <v>376</v>
      </c>
      <c r="JC20" s="61">
        <v>330</v>
      </c>
      <c r="JD20" s="61">
        <v>227</v>
      </c>
      <c r="JE20" s="62">
        <v>1875</v>
      </c>
      <c r="JF20" s="63">
        <v>2456</v>
      </c>
      <c r="JG20" s="60">
        <v>129</v>
      </c>
      <c r="JH20" s="61">
        <v>207</v>
      </c>
      <c r="JI20" s="62">
        <v>336</v>
      </c>
      <c r="JJ20" s="231"/>
      <c r="JK20" s="61">
        <v>308</v>
      </c>
      <c r="JL20" s="61">
        <v>465</v>
      </c>
      <c r="JM20" s="61">
        <v>353</v>
      </c>
      <c r="JN20" s="61">
        <v>406</v>
      </c>
      <c r="JO20" s="61">
        <v>238</v>
      </c>
      <c r="JP20" s="62">
        <v>1770</v>
      </c>
      <c r="JQ20" s="63">
        <v>2106</v>
      </c>
      <c r="JR20" s="60">
        <v>15</v>
      </c>
      <c r="JS20" s="61">
        <v>43</v>
      </c>
      <c r="JT20" s="62">
        <v>58</v>
      </c>
      <c r="JU20" s="231"/>
      <c r="JV20" s="61">
        <v>29</v>
      </c>
      <c r="JW20" s="61">
        <v>75</v>
      </c>
      <c r="JX20" s="61">
        <v>43</v>
      </c>
      <c r="JY20" s="61">
        <v>31</v>
      </c>
      <c r="JZ20" s="61">
        <v>39</v>
      </c>
      <c r="KA20" s="62">
        <v>217</v>
      </c>
      <c r="KB20" s="63">
        <v>275</v>
      </c>
      <c r="KC20" s="60">
        <v>947</v>
      </c>
      <c r="KD20" s="61">
        <v>1341</v>
      </c>
      <c r="KE20" s="62">
        <v>2288</v>
      </c>
      <c r="KF20" s="231"/>
      <c r="KG20" s="61">
        <v>1561</v>
      </c>
      <c r="KH20" s="61">
        <v>2183</v>
      </c>
      <c r="KI20" s="61">
        <v>1538</v>
      </c>
      <c r="KJ20" s="61">
        <v>1350</v>
      </c>
      <c r="KK20" s="61">
        <v>899</v>
      </c>
      <c r="KL20" s="62">
        <v>7531</v>
      </c>
      <c r="KM20" s="63">
        <v>9819</v>
      </c>
    </row>
    <row r="21" spans="2:299" ht="21" customHeight="1" x14ac:dyDescent="0.2">
      <c r="B21" s="468" t="s">
        <v>18</v>
      </c>
      <c r="C21" s="291">
        <v>433</v>
      </c>
      <c r="D21" s="72">
        <v>465</v>
      </c>
      <c r="E21" s="73">
        <v>898</v>
      </c>
      <c r="F21" s="228"/>
      <c r="G21" s="72">
        <v>984</v>
      </c>
      <c r="H21" s="72">
        <v>794</v>
      </c>
      <c r="I21" s="72">
        <v>523</v>
      </c>
      <c r="J21" s="72">
        <v>433</v>
      </c>
      <c r="K21" s="72">
        <v>272</v>
      </c>
      <c r="L21" s="74">
        <v>3006</v>
      </c>
      <c r="M21" s="75">
        <v>3904</v>
      </c>
      <c r="N21" s="60">
        <v>22</v>
      </c>
      <c r="O21" s="61">
        <v>23</v>
      </c>
      <c r="P21" s="62">
        <v>45</v>
      </c>
      <c r="Q21" s="231"/>
      <c r="R21" s="61">
        <v>54</v>
      </c>
      <c r="S21" s="61">
        <v>48</v>
      </c>
      <c r="T21" s="61">
        <v>31</v>
      </c>
      <c r="U21" s="61">
        <v>27</v>
      </c>
      <c r="V21" s="61">
        <v>25</v>
      </c>
      <c r="W21" s="62">
        <v>185</v>
      </c>
      <c r="X21" s="63">
        <v>230</v>
      </c>
      <c r="Y21" s="60">
        <v>47</v>
      </c>
      <c r="Z21" s="61">
        <v>51</v>
      </c>
      <c r="AA21" s="62">
        <v>98</v>
      </c>
      <c r="AB21" s="231"/>
      <c r="AC21" s="61">
        <v>107</v>
      </c>
      <c r="AD21" s="61">
        <v>86</v>
      </c>
      <c r="AE21" s="61">
        <v>62</v>
      </c>
      <c r="AF21" s="61">
        <v>54</v>
      </c>
      <c r="AG21" s="61">
        <v>30</v>
      </c>
      <c r="AH21" s="62">
        <v>339</v>
      </c>
      <c r="AI21" s="63">
        <v>437</v>
      </c>
      <c r="AJ21" s="60">
        <v>82</v>
      </c>
      <c r="AK21" s="61">
        <v>81</v>
      </c>
      <c r="AL21" s="62">
        <v>163</v>
      </c>
      <c r="AM21" s="231"/>
      <c r="AN21" s="61">
        <v>154</v>
      </c>
      <c r="AO21" s="61">
        <v>122</v>
      </c>
      <c r="AP21" s="61">
        <v>96</v>
      </c>
      <c r="AQ21" s="61">
        <v>73</v>
      </c>
      <c r="AR21" s="61">
        <v>55</v>
      </c>
      <c r="AS21" s="62">
        <v>500</v>
      </c>
      <c r="AT21" s="63">
        <v>663</v>
      </c>
      <c r="AU21" s="60">
        <v>104</v>
      </c>
      <c r="AV21" s="61">
        <v>123</v>
      </c>
      <c r="AW21" s="62">
        <v>227</v>
      </c>
      <c r="AX21" s="231"/>
      <c r="AY21" s="61">
        <v>271</v>
      </c>
      <c r="AZ21" s="61">
        <v>223</v>
      </c>
      <c r="BA21" s="61">
        <v>119</v>
      </c>
      <c r="BB21" s="61">
        <v>107</v>
      </c>
      <c r="BC21" s="61">
        <v>80</v>
      </c>
      <c r="BD21" s="62">
        <v>800</v>
      </c>
      <c r="BE21" s="63">
        <v>1027</v>
      </c>
      <c r="BF21" s="60">
        <v>114</v>
      </c>
      <c r="BG21" s="61">
        <v>128</v>
      </c>
      <c r="BH21" s="62">
        <v>242</v>
      </c>
      <c r="BI21" s="231"/>
      <c r="BJ21" s="61">
        <v>251</v>
      </c>
      <c r="BK21" s="61">
        <v>192</v>
      </c>
      <c r="BL21" s="61">
        <v>127</v>
      </c>
      <c r="BM21" s="61">
        <v>97</v>
      </c>
      <c r="BN21" s="61">
        <v>54</v>
      </c>
      <c r="BO21" s="62">
        <v>721</v>
      </c>
      <c r="BP21" s="63">
        <v>963</v>
      </c>
      <c r="BQ21" s="60">
        <v>64</v>
      </c>
      <c r="BR21" s="61">
        <v>59</v>
      </c>
      <c r="BS21" s="62">
        <v>123</v>
      </c>
      <c r="BT21" s="231"/>
      <c r="BU21" s="61">
        <v>147</v>
      </c>
      <c r="BV21" s="61">
        <v>123</v>
      </c>
      <c r="BW21" s="61">
        <v>88</v>
      </c>
      <c r="BX21" s="61">
        <v>75</v>
      </c>
      <c r="BY21" s="61">
        <v>28</v>
      </c>
      <c r="BZ21" s="62">
        <v>461</v>
      </c>
      <c r="CA21" s="63">
        <v>584</v>
      </c>
      <c r="CB21" s="60">
        <v>11</v>
      </c>
      <c r="CC21" s="61">
        <v>26</v>
      </c>
      <c r="CD21" s="62">
        <v>37</v>
      </c>
      <c r="CE21" s="231"/>
      <c r="CF21" s="61">
        <v>28</v>
      </c>
      <c r="CG21" s="61">
        <v>37</v>
      </c>
      <c r="CH21" s="61">
        <v>30</v>
      </c>
      <c r="CI21" s="61">
        <v>29</v>
      </c>
      <c r="CJ21" s="61">
        <v>23</v>
      </c>
      <c r="CK21" s="62">
        <v>147</v>
      </c>
      <c r="CL21" s="63">
        <v>184</v>
      </c>
      <c r="CM21" s="60">
        <v>444</v>
      </c>
      <c r="CN21" s="61">
        <v>491</v>
      </c>
      <c r="CO21" s="62">
        <v>935</v>
      </c>
      <c r="CP21" s="231"/>
      <c r="CQ21" s="61">
        <v>1012</v>
      </c>
      <c r="CR21" s="61">
        <v>831</v>
      </c>
      <c r="CS21" s="61">
        <v>553</v>
      </c>
      <c r="CT21" s="61">
        <v>462</v>
      </c>
      <c r="CU21" s="61">
        <v>295</v>
      </c>
      <c r="CV21" s="62">
        <v>3153</v>
      </c>
      <c r="CW21" s="63">
        <v>4088</v>
      </c>
      <c r="CX21" s="113">
        <v>827</v>
      </c>
      <c r="CY21" s="72">
        <v>1127</v>
      </c>
      <c r="CZ21" s="73">
        <v>1954</v>
      </c>
      <c r="DA21" s="228"/>
      <c r="DB21" s="72">
        <v>1469</v>
      </c>
      <c r="DC21" s="72">
        <v>1243</v>
      </c>
      <c r="DD21" s="72">
        <v>977</v>
      </c>
      <c r="DE21" s="72">
        <v>968</v>
      </c>
      <c r="DF21" s="72">
        <v>605</v>
      </c>
      <c r="DG21" s="74">
        <v>5262</v>
      </c>
      <c r="DH21" s="75">
        <v>7216</v>
      </c>
      <c r="DI21" s="60">
        <v>20</v>
      </c>
      <c r="DJ21" s="61">
        <v>29</v>
      </c>
      <c r="DK21" s="62">
        <v>49</v>
      </c>
      <c r="DL21" s="231"/>
      <c r="DM21" s="61">
        <v>34</v>
      </c>
      <c r="DN21" s="61">
        <v>23</v>
      </c>
      <c r="DO21" s="61">
        <v>14</v>
      </c>
      <c r="DP21" s="61">
        <v>22</v>
      </c>
      <c r="DQ21" s="61">
        <v>12</v>
      </c>
      <c r="DR21" s="62">
        <v>105</v>
      </c>
      <c r="DS21" s="63">
        <v>154</v>
      </c>
      <c r="DT21" s="60">
        <v>80</v>
      </c>
      <c r="DU21" s="61">
        <v>87</v>
      </c>
      <c r="DV21" s="62">
        <v>167</v>
      </c>
      <c r="DW21" s="231"/>
      <c r="DX21" s="61">
        <v>84</v>
      </c>
      <c r="DY21" s="61">
        <v>61</v>
      </c>
      <c r="DZ21" s="61">
        <v>41</v>
      </c>
      <c r="EA21" s="61">
        <v>48</v>
      </c>
      <c r="EB21" s="61">
        <v>38</v>
      </c>
      <c r="EC21" s="62">
        <v>272</v>
      </c>
      <c r="ED21" s="63">
        <v>439</v>
      </c>
      <c r="EE21" s="60">
        <v>138</v>
      </c>
      <c r="EF21" s="61">
        <v>186</v>
      </c>
      <c r="EG21" s="62">
        <v>324</v>
      </c>
      <c r="EH21" s="231"/>
      <c r="EI21" s="61">
        <v>203</v>
      </c>
      <c r="EJ21" s="61">
        <v>157</v>
      </c>
      <c r="EK21" s="61">
        <v>108</v>
      </c>
      <c r="EL21" s="61">
        <v>93</v>
      </c>
      <c r="EM21" s="61">
        <v>73</v>
      </c>
      <c r="EN21" s="62">
        <v>634</v>
      </c>
      <c r="EO21" s="63">
        <v>958</v>
      </c>
      <c r="EP21" s="60">
        <v>277</v>
      </c>
      <c r="EQ21" s="61">
        <v>342</v>
      </c>
      <c r="ER21" s="62">
        <v>619</v>
      </c>
      <c r="ES21" s="231"/>
      <c r="ET21" s="61">
        <v>389</v>
      </c>
      <c r="EU21" s="61">
        <v>297</v>
      </c>
      <c r="EV21" s="61">
        <v>218</v>
      </c>
      <c r="EW21" s="61">
        <v>206</v>
      </c>
      <c r="EX21" s="61">
        <v>126</v>
      </c>
      <c r="EY21" s="62">
        <v>1236</v>
      </c>
      <c r="EZ21" s="63">
        <v>1855</v>
      </c>
      <c r="FA21" s="60">
        <v>205</v>
      </c>
      <c r="FB21" s="61">
        <v>302</v>
      </c>
      <c r="FC21" s="62">
        <v>507</v>
      </c>
      <c r="FD21" s="231"/>
      <c r="FE21" s="61">
        <v>438</v>
      </c>
      <c r="FF21" s="61">
        <v>381</v>
      </c>
      <c r="FG21" s="61">
        <v>279</v>
      </c>
      <c r="FH21" s="61">
        <v>242</v>
      </c>
      <c r="FI21" s="61">
        <v>165</v>
      </c>
      <c r="FJ21" s="62">
        <v>1505</v>
      </c>
      <c r="FK21" s="63">
        <v>2012</v>
      </c>
      <c r="FL21" s="60">
        <v>107</v>
      </c>
      <c r="FM21" s="61">
        <v>181</v>
      </c>
      <c r="FN21" s="62">
        <v>288</v>
      </c>
      <c r="FO21" s="231"/>
      <c r="FP21" s="61">
        <v>321</v>
      </c>
      <c r="FQ21" s="61">
        <v>324</v>
      </c>
      <c r="FR21" s="61">
        <v>317</v>
      </c>
      <c r="FS21" s="61">
        <v>357</v>
      </c>
      <c r="FT21" s="61">
        <v>191</v>
      </c>
      <c r="FU21" s="62">
        <v>1510</v>
      </c>
      <c r="FV21" s="63">
        <v>1798</v>
      </c>
      <c r="FW21" s="60">
        <v>18</v>
      </c>
      <c r="FX21" s="61">
        <v>10</v>
      </c>
      <c r="FY21" s="62">
        <v>28</v>
      </c>
      <c r="FZ21" s="231"/>
      <c r="GA21" s="61">
        <v>24</v>
      </c>
      <c r="GB21" s="61">
        <v>32</v>
      </c>
      <c r="GC21" s="61">
        <v>10</v>
      </c>
      <c r="GD21" s="61">
        <v>18</v>
      </c>
      <c r="GE21" s="61">
        <v>16</v>
      </c>
      <c r="GF21" s="62">
        <v>100</v>
      </c>
      <c r="GG21" s="63">
        <v>128</v>
      </c>
      <c r="GH21" s="60">
        <v>845</v>
      </c>
      <c r="GI21" s="61">
        <v>1137</v>
      </c>
      <c r="GJ21" s="62">
        <v>1982</v>
      </c>
      <c r="GK21" s="231"/>
      <c r="GL21" s="61">
        <v>1493</v>
      </c>
      <c r="GM21" s="61">
        <v>1275</v>
      </c>
      <c r="GN21" s="61">
        <v>987</v>
      </c>
      <c r="GO21" s="61">
        <v>986</v>
      </c>
      <c r="GP21" s="61">
        <v>621</v>
      </c>
      <c r="GQ21" s="62">
        <v>5362</v>
      </c>
      <c r="GR21" s="63">
        <v>7344</v>
      </c>
      <c r="GS21" s="113">
        <v>1260</v>
      </c>
      <c r="GT21" s="72">
        <v>1592</v>
      </c>
      <c r="GU21" s="73">
        <v>2852</v>
      </c>
      <c r="GV21" s="228"/>
      <c r="GW21" s="72">
        <v>2453</v>
      </c>
      <c r="GX21" s="72">
        <v>2037</v>
      </c>
      <c r="GY21" s="72">
        <v>1500</v>
      </c>
      <c r="GZ21" s="72">
        <v>1401</v>
      </c>
      <c r="HA21" s="72">
        <v>877</v>
      </c>
      <c r="HB21" s="74">
        <v>8268</v>
      </c>
      <c r="HC21" s="75">
        <v>11120</v>
      </c>
      <c r="HD21" s="60">
        <v>42</v>
      </c>
      <c r="HE21" s="61">
        <v>52</v>
      </c>
      <c r="HF21" s="62">
        <v>94</v>
      </c>
      <c r="HG21" s="231"/>
      <c r="HH21" s="61">
        <v>88</v>
      </c>
      <c r="HI21" s="61">
        <v>71</v>
      </c>
      <c r="HJ21" s="61">
        <v>45</v>
      </c>
      <c r="HK21" s="61">
        <v>49</v>
      </c>
      <c r="HL21" s="61">
        <v>37</v>
      </c>
      <c r="HM21" s="62">
        <v>290</v>
      </c>
      <c r="HN21" s="63">
        <v>384</v>
      </c>
      <c r="HO21" s="60">
        <v>127</v>
      </c>
      <c r="HP21" s="61">
        <v>138</v>
      </c>
      <c r="HQ21" s="62">
        <v>265</v>
      </c>
      <c r="HR21" s="231"/>
      <c r="HS21" s="61">
        <v>191</v>
      </c>
      <c r="HT21" s="61">
        <v>147</v>
      </c>
      <c r="HU21" s="61">
        <v>103</v>
      </c>
      <c r="HV21" s="61">
        <v>102</v>
      </c>
      <c r="HW21" s="61">
        <v>68</v>
      </c>
      <c r="HX21" s="62">
        <v>611</v>
      </c>
      <c r="HY21" s="63">
        <v>876</v>
      </c>
      <c r="HZ21" s="60">
        <v>220</v>
      </c>
      <c r="IA21" s="61">
        <v>267</v>
      </c>
      <c r="IB21" s="62">
        <v>487</v>
      </c>
      <c r="IC21" s="231"/>
      <c r="ID21" s="61">
        <v>357</v>
      </c>
      <c r="IE21" s="61">
        <v>279</v>
      </c>
      <c r="IF21" s="61">
        <v>204</v>
      </c>
      <c r="IG21" s="61">
        <v>166</v>
      </c>
      <c r="IH21" s="61">
        <v>128</v>
      </c>
      <c r="II21" s="62">
        <v>1134</v>
      </c>
      <c r="IJ21" s="63">
        <v>1621</v>
      </c>
      <c r="IK21" s="60">
        <v>381</v>
      </c>
      <c r="IL21" s="61">
        <v>465</v>
      </c>
      <c r="IM21" s="62">
        <v>846</v>
      </c>
      <c r="IN21" s="231"/>
      <c r="IO21" s="61">
        <v>660</v>
      </c>
      <c r="IP21" s="61">
        <v>520</v>
      </c>
      <c r="IQ21" s="61">
        <v>337</v>
      </c>
      <c r="IR21" s="61">
        <v>313</v>
      </c>
      <c r="IS21" s="61">
        <v>206</v>
      </c>
      <c r="IT21" s="62">
        <v>2036</v>
      </c>
      <c r="IU21" s="63">
        <v>2882</v>
      </c>
      <c r="IV21" s="60">
        <v>319</v>
      </c>
      <c r="IW21" s="61">
        <v>430</v>
      </c>
      <c r="IX21" s="62">
        <v>749</v>
      </c>
      <c r="IY21" s="231"/>
      <c r="IZ21" s="61">
        <v>689</v>
      </c>
      <c r="JA21" s="61">
        <v>573</v>
      </c>
      <c r="JB21" s="61">
        <v>406</v>
      </c>
      <c r="JC21" s="61">
        <v>339</v>
      </c>
      <c r="JD21" s="61">
        <v>219</v>
      </c>
      <c r="JE21" s="62">
        <v>2226</v>
      </c>
      <c r="JF21" s="63">
        <v>2975</v>
      </c>
      <c r="JG21" s="60">
        <v>171</v>
      </c>
      <c r="JH21" s="61">
        <v>240</v>
      </c>
      <c r="JI21" s="62">
        <v>411</v>
      </c>
      <c r="JJ21" s="231"/>
      <c r="JK21" s="61">
        <v>468</v>
      </c>
      <c r="JL21" s="61">
        <v>447</v>
      </c>
      <c r="JM21" s="61">
        <v>405</v>
      </c>
      <c r="JN21" s="61">
        <v>432</v>
      </c>
      <c r="JO21" s="61">
        <v>219</v>
      </c>
      <c r="JP21" s="62">
        <v>1971</v>
      </c>
      <c r="JQ21" s="63">
        <v>2382</v>
      </c>
      <c r="JR21" s="60">
        <v>29</v>
      </c>
      <c r="JS21" s="61">
        <v>36</v>
      </c>
      <c r="JT21" s="62">
        <v>65</v>
      </c>
      <c r="JU21" s="231"/>
      <c r="JV21" s="61">
        <v>52</v>
      </c>
      <c r="JW21" s="61">
        <v>69</v>
      </c>
      <c r="JX21" s="61">
        <v>40</v>
      </c>
      <c r="JY21" s="61">
        <v>47</v>
      </c>
      <c r="JZ21" s="61">
        <v>39</v>
      </c>
      <c r="KA21" s="62">
        <v>247</v>
      </c>
      <c r="KB21" s="63">
        <v>312</v>
      </c>
      <c r="KC21" s="60">
        <v>1289</v>
      </c>
      <c r="KD21" s="61">
        <v>1628</v>
      </c>
      <c r="KE21" s="62">
        <v>2917</v>
      </c>
      <c r="KF21" s="231"/>
      <c r="KG21" s="61">
        <v>2505</v>
      </c>
      <c r="KH21" s="61">
        <v>2106</v>
      </c>
      <c r="KI21" s="61">
        <v>1540</v>
      </c>
      <c r="KJ21" s="61">
        <v>1448</v>
      </c>
      <c r="KK21" s="61">
        <v>916</v>
      </c>
      <c r="KL21" s="62">
        <v>8515</v>
      </c>
      <c r="KM21" s="63">
        <v>11432</v>
      </c>
    </row>
    <row r="22" spans="2:299" ht="21" customHeight="1" x14ac:dyDescent="0.2">
      <c r="B22" s="468" t="s">
        <v>19</v>
      </c>
      <c r="C22" s="291">
        <v>206</v>
      </c>
      <c r="D22" s="72">
        <v>175</v>
      </c>
      <c r="E22" s="73">
        <v>381</v>
      </c>
      <c r="F22" s="228"/>
      <c r="G22" s="72">
        <v>407</v>
      </c>
      <c r="H22" s="72">
        <v>332</v>
      </c>
      <c r="I22" s="72">
        <v>208</v>
      </c>
      <c r="J22" s="72">
        <v>137</v>
      </c>
      <c r="K22" s="72">
        <v>109</v>
      </c>
      <c r="L22" s="74">
        <v>1193</v>
      </c>
      <c r="M22" s="75">
        <v>1574</v>
      </c>
      <c r="N22" s="76">
        <v>6</v>
      </c>
      <c r="O22" s="61">
        <v>10</v>
      </c>
      <c r="P22" s="62">
        <v>16</v>
      </c>
      <c r="Q22" s="231"/>
      <c r="R22" s="61">
        <v>18</v>
      </c>
      <c r="S22" s="61">
        <v>14</v>
      </c>
      <c r="T22" s="61">
        <v>10</v>
      </c>
      <c r="U22" s="61">
        <v>7</v>
      </c>
      <c r="V22" s="61">
        <v>7</v>
      </c>
      <c r="W22" s="62">
        <v>56</v>
      </c>
      <c r="X22" s="63">
        <v>72</v>
      </c>
      <c r="Y22" s="60">
        <v>17</v>
      </c>
      <c r="Z22" s="61">
        <v>19</v>
      </c>
      <c r="AA22" s="62">
        <v>36</v>
      </c>
      <c r="AB22" s="231"/>
      <c r="AC22" s="61">
        <v>40</v>
      </c>
      <c r="AD22" s="61">
        <v>40</v>
      </c>
      <c r="AE22" s="61">
        <v>19</v>
      </c>
      <c r="AF22" s="61">
        <v>13</v>
      </c>
      <c r="AG22" s="61">
        <v>15</v>
      </c>
      <c r="AH22" s="62">
        <v>127</v>
      </c>
      <c r="AI22" s="63">
        <v>163</v>
      </c>
      <c r="AJ22" s="76">
        <v>33</v>
      </c>
      <c r="AK22" s="61">
        <v>28</v>
      </c>
      <c r="AL22" s="62">
        <v>61</v>
      </c>
      <c r="AM22" s="231"/>
      <c r="AN22" s="61">
        <v>67</v>
      </c>
      <c r="AO22" s="61">
        <v>58</v>
      </c>
      <c r="AP22" s="61">
        <v>34</v>
      </c>
      <c r="AQ22" s="61">
        <v>35</v>
      </c>
      <c r="AR22" s="61">
        <v>14</v>
      </c>
      <c r="AS22" s="62">
        <v>208</v>
      </c>
      <c r="AT22" s="63">
        <v>269</v>
      </c>
      <c r="AU22" s="60">
        <v>58</v>
      </c>
      <c r="AV22" s="61">
        <v>38</v>
      </c>
      <c r="AW22" s="62">
        <v>96</v>
      </c>
      <c r="AX22" s="231"/>
      <c r="AY22" s="61">
        <v>103</v>
      </c>
      <c r="AZ22" s="61">
        <v>80</v>
      </c>
      <c r="BA22" s="61">
        <v>62</v>
      </c>
      <c r="BB22" s="61">
        <v>30</v>
      </c>
      <c r="BC22" s="61">
        <v>27</v>
      </c>
      <c r="BD22" s="62">
        <v>302</v>
      </c>
      <c r="BE22" s="63">
        <v>398</v>
      </c>
      <c r="BF22" s="76">
        <v>57</v>
      </c>
      <c r="BG22" s="61">
        <v>37</v>
      </c>
      <c r="BH22" s="62">
        <v>94</v>
      </c>
      <c r="BI22" s="231"/>
      <c r="BJ22" s="61">
        <v>109</v>
      </c>
      <c r="BK22" s="61">
        <v>79</v>
      </c>
      <c r="BL22" s="61">
        <v>44</v>
      </c>
      <c r="BM22" s="61">
        <v>38</v>
      </c>
      <c r="BN22" s="61">
        <v>31</v>
      </c>
      <c r="BO22" s="62">
        <v>301</v>
      </c>
      <c r="BP22" s="63">
        <v>395</v>
      </c>
      <c r="BQ22" s="60">
        <v>35</v>
      </c>
      <c r="BR22" s="61">
        <v>43</v>
      </c>
      <c r="BS22" s="62">
        <v>78</v>
      </c>
      <c r="BT22" s="231"/>
      <c r="BU22" s="61">
        <v>70</v>
      </c>
      <c r="BV22" s="61">
        <v>61</v>
      </c>
      <c r="BW22" s="61">
        <v>39</v>
      </c>
      <c r="BX22" s="61">
        <v>14</v>
      </c>
      <c r="BY22" s="61">
        <v>15</v>
      </c>
      <c r="BZ22" s="62">
        <v>199</v>
      </c>
      <c r="CA22" s="63">
        <v>277</v>
      </c>
      <c r="CB22" s="60">
        <v>6</v>
      </c>
      <c r="CC22" s="61">
        <v>10</v>
      </c>
      <c r="CD22" s="62">
        <v>16</v>
      </c>
      <c r="CE22" s="231"/>
      <c r="CF22" s="61">
        <v>17</v>
      </c>
      <c r="CG22" s="61">
        <v>7</v>
      </c>
      <c r="CH22" s="61">
        <v>10</v>
      </c>
      <c r="CI22" s="61">
        <v>7</v>
      </c>
      <c r="CJ22" s="61">
        <v>5</v>
      </c>
      <c r="CK22" s="62">
        <v>46</v>
      </c>
      <c r="CL22" s="63">
        <v>62</v>
      </c>
      <c r="CM22" s="60">
        <v>212</v>
      </c>
      <c r="CN22" s="61">
        <v>185</v>
      </c>
      <c r="CO22" s="62">
        <v>397</v>
      </c>
      <c r="CP22" s="231"/>
      <c r="CQ22" s="61">
        <v>424</v>
      </c>
      <c r="CR22" s="61">
        <v>339</v>
      </c>
      <c r="CS22" s="61">
        <v>218</v>
      </c>
      <c r="CT22" s="61">
        <v>144</v>
      </c>
      <c r="CU22" s="61">
        <v>114</v>
      </c>
      <c r="CV22" s="62">
        <v>1239</v>
      </c>
      <c r="CW22" s="63">
        <v>1636</v>
      </c>
      <c r="CX22" s="113">
        <v>372</v>
      </c>
      <c r="CY22" s="72">
        <v>423</v>
      </c>
      <c r="CZ22" s="73">
        <v>795</v>
      </c>
      <c r="DA22" s="228"/>
      <c r="DB22" s="72">
        <v>663</v>
      </c>
      <c r="DC22" s="72">
        <v>505</v>
      </c>
      <c r="DD22" s="72">
        <v>428</v>
      </c>
      <c r="DE22" s="72">
        <v>341</v>
      </c>
      <c r="DF22" s="72">
        <v>251</v>
      </c>
      <c r="DG22" s="74">
        <v>2188</v>
      </c>
      <c r="DH22" s="75">
        <v>2983</v>
      </c>
      <c r="DI22" s="76">
        <v>9</v>
      </c>
      <c r="DJ22" s="61">
        <v>9</v>
      </c>
      <c r="DK22" s="62">
        <v>18</v>
      </c>
      <c r="DL22" s="231"/>
      <c r="DM22" s="61">
        <v>12</v>
      </c>
      <c r="DN22" s="61">
        <v>16</v>
      </c>
      <c r="DO22" s="61">
        <v>7</v>
      </c>
      <c r="DP22" s="61">
        <v>3</v>
      </c>
      <c r="DQ22" s="61">
        <v>1</v>
      </c>
      <c r="DR22" s="62">
        <v>39</v>
      </c>
      <c r="DS22" s="63">
        <v>57</v>
      </c>
      <c r="DT22" s="60">
        <v>25</v>
      </c>
      <c r="DU22" s="61">
        <v>34</v>
      </c>
      <c r="DV22" s="62">
        <v>59</v>
      </c>
      <c r="DW22" s="231"/>
      <c r="DX22" s="61">
        <v>40</v>
      </c>
      <c r="DY22" s="61">
        <v>20</v>
      </c>
      <c r="DZ22" s="61">
        <v>17</v>
      </c>
      <c r="EA22" s="61">
        <v>15</v>
      </c>
      <c r="EB22" s="61">
        <v>17</v>
      </c>
      <c r="EC22" s="62">
        <v>109</v>
      </c>
      <c r="ED22" s="63">
        <v>168</v>
      </c>
      <c r="EE22" s="76">
        <v>56</v>
      </c>
      <c r="EF22" s="61">
        <v>69</v>
      </c>
      <c r="EG22" s="62">
        <v>125</v>
      </c>
      <c r="EH22" s="231"/>
      <c r="EI22" s="61">
        <v>90</v>
      </c>
      <c r="EJ22" s="61">
        <v>59</v>
      </c>
      <c r="EK22" s="61">
        <v>39</v>
      </c>
      <c r="EL22" s="61">
        <v>36</v>
      </c>
      <c r="EM22" s="61">
        <v>25</v>
      </c>
      <c r="EN22" s="62">
        <v>249</v>
      </c>
      <c r="EO22" s="63">
        <v>374</v>
      </c>
      <c r="EP22" s="60">
        <v>119</v>
      </c>
      <c r="EQ22" s="61">
        <v>107</v>
      </c>
      <c r="ER22" s="62">
        <v>226</v>
      </c>
      <c r="ES22" s="231"/>
      <c r="ET22" s="61">
        <v>174</v>
      </c>
      <c r="EU22" s="61">
        <v>131</v>
      </c>
      <c r="EV22" s="61">
        <v>94</v>
      </c>
      <c r="EW22" s="61">
        <v>72</v>
      </c>
      <c r="EX22" s="61">
        <v>45</v>
      </c>
      <c r="EY22" s="62">
        <v>516</v>
      </c>
      <c r="EZ22" s="63">
        <v>742</v>
      </c>
      <c r="FA22" s="76">
        <v>109</v>
      </c>
      <c r="FB22" s="61">
        <v>118</v>
      </c>
      <c r="FC22" s="62">
        <v>227</v>
      </c>
      <c r="FD22" s="231"/>
      <c r="FE22" s="61">
        <v>188</v>
      </c>
      <c r="FF22" s="61">
        <v>138</v>
      </c>
      <c r="FG22" s="61">
        <v>117</v>
      </c>
      <c r="FH22" s="61">
        <v>82</v>
      </c>
      <c r="FI22" s="61">
        <v>61</v>
      </c>
      <c r="FJ22" s="62">
        <v>586</v>
      </c>
      <c r="FK22" s="63">
        <v>813</v>
      </c>
      <c r="FL22" s="60">
        <v>54</v>
      </c>
      <c r="FM22" s="61">
        <v>86</v>
      </c>
      <c r="FN22" s="62">
        <v>140</v>
      </c>
      <c r="FO22" s="231"/>
      <c r="FP22" s="61">
        <v>159</v>
      </c>
      <c r="FQ22" s="61">
        <v>141</v>
      </c>
      <c r="FR22" s="61">
        <v>154</v>
      </c>
      <c r="FS22" s="61">
        <v>133</v>
      </c>
      <c r="FT22" s="61">
        <v>102</v>
      </c>
      <c r="FU22" s="62">
        <v>689</v>
      </c>
      <c r="FV22" s="63">
        <v>829</v>
      </c>
      <c r="FW22" s="60">
        <v>4</v>
      </c>
      <c r="FX22" s="61">
        <v>6</v>
      </c>
      <c r="FY22" s="62">
        <v>10</v>
      </c>
      <c r="FZ22" s="231"/>
      <c r="GA22" s="61">
        <v>4</v>
      </c>
      <c r="GB22" s="61">
        <v>13</v>
      </c>
      <c r="GC22" s="61">
        <v>6</v>
      </c>
      <c r="GD22" s="61">
        <v>4</v>
      </c>
      <c r="GE22" s="61">
        <v>6</v>
      </c>
      <c r="GF22" s="62">
        <v>33</v>
      </c>
      <c r="GG22" s="63">
        <v>43</v>
      </c>
      <c r="GH22" s="60">
        <v>376</v>
      </c>
      <c r="GI22" s="61">
        <v>429</v>
      </c>
      <c r="GJ22" s="62">
        <v>805</v>
      </c>
      <c r="GK22" s="231"/>
      <c r="GL22" s="61">
        <v>667</v>
      </c>
      <c r="GM22" s="61">
        <v>518</v>
      </c>
      <c r="GN22" s="61">
        <v>434</v>
      </c>
      <c r="GO22" s="61">
        <v>345</v>
      </c>
      <c r="GP22" s="61">
        <v>257</v>
      </c>
      <c r="GQ22" s="62">
        <v>2221</v>
      </c>
      <c r="GR22" s="63">
        <v>3026</v>
      </c>
      <c r="GS22" s="113">
        <v>578</v>
      </c>
      <c r="GT22" s="72">
        <v>598</v>
      </c>
      <c r="GU22" s="73">
        <v>1176</v>
      </c>
      <c r="GV22" s="228"/>
      <c r="GW22" s="72">
        <v>1070</v>
      </c>
      <c r="GX22" s="72">
        <v>837</v>
      </c>
      <c r="GY22" s="72">
        <v>636</v>
      </c>
      <c r="GZ22" s="72">
        <v>478</v>
      </c>
      <c r="HA22" s="72">
        <v>360</v>
      </c>
      <c r="HB22" s="74">
        <v>3381</v>
      </c>
      <c r="HC22" s="75">
        <v>4557</v>
      </c>
      <c r="HD22" s="76">
        <v>15</v>
      </c>
      <c r="HE22" s="61">
        <v>19</v>
      </c>
      <c r="HF22" s="62">
        <v>34</v>
      </c>
      <c r="HG22" s="231"/>
      <c r="HH22" s="61">
        <v>30</v>
      </c>
      <c r="HI22" s="61">
        <v>30</v>
      </c>
      <c r="HJ22" s="61">
        <v>17</v>
      </c>
      <c r="HK22" s="61">
        <v>10</v>
      </c>
      <c r="HL22" s="61">
        <v>8</v>
      </c>
      <c r="HM22" s="62">
        <v>95</v>
      </c>
      <c r="HN22" s="63">
        <v>129</v>
      </c>
      <c r="HO22" s="60">
        <v>42</v>
      </c>
      <c r="HP22" s="61">
        <v>53</v>
      </c>
      <c r="HQ22" s="62">
        <v>95</v>
      </c>
      <c r="HR22" s="231"/>
      <c r="HS22" s="61">
        <v>80</v>
      </c>
      <c r="HT22" s="61">
        <v>60</v>
      </c>
      <c r="HU22" s="61">
        <v>36</v>
      </c>
      <c r="HV22" s="61">
        <v>28</v>
      </c>
      <c r="HW22" s="61">
        <v>32</v>
      </c>
      <c r="HX22" s="62">
        <v>236</v>
      </c>
      <c r="HY22" s="63">
        <v>331</v>
      </c>
      <c r="HZ22" s="76">
        <v>89</v>
      </c>
      <c r="IA22" s="61">
        <v>97</v>
      </c>
      <c r="IB22" s="62">
        <v>186</v>
      </c>
      <c r="IC22" s="231"/>
      <c r="ID22" s="61">
        <v>157</v>
      </c>
      <c r="IE22" s="61">
        <v>117</v>
      </c>
      <c r="IF22" s="61">
        <v>73</v>
      </c>
      <c r="IG22" s="61">
        <v>71</v>
      </c>
      <c r="IH22" s="61">
        <v>39</v>
      </c>
      <c r="II22" s="62">
        <v>457</v>
      </c>
      <c r="IJ22" s="63">
        <v>643</v>
      </c>
      <c r="IK22" s="60">
        <v>177</v>
      </c>
      <c r="IL22" s="61">
        <v>145</v>
      </c>
      <c r="IM22" s="62">
        <v>322</v>
      </c>
      <c r="IN22" s="231"/>
      <c r="IO22" s="61">
        <v>277</v>
      </c>
      <c r="IP22" s="61">
        <v>211</v>
      </c>
      <c r="IQ22" s="61">
        <v>156</v>
      </c>
      <c r="IR22" s="61">
        <v>102</v>
      </c>
      <c r="IS22" s="61">
        <v>72</v>
      </c>
      <c r="IT22" s="62">
        <v>818</v>
      </c>
      <c r="IU22" s="63">
        <v>1140</v>
      </c>
      <c r="IV22" s="76">
        <v>166</v>
      </c>
      <c r="IW22" s="61">
        <v>155</v>
      </c>
      <c r="IX22" s="62">
        <v>321</v>
      </c>
      <c r="IY22" s="231"/>
      <c r="IZ22" s="61">
        <v>297</v>
      </c>
      <c r="JA22" s="61">
        <v>217</v>
      </c>
      <c r="JB22" s="61">
        <v>161</v>
      </c>
      <c r="JC22" s="61">
        <v>120</v>
      </c>
      <c r="JD22" s="61">
        <v>92</v>
      </c>
      <c r="JE22" s="62">
        <v>887</v>
      </c>
      <c r="JF22" s="63">
        <v>1208</v>
      </c>
      <c r="JG22" s="60">
        <v>89</v>
      </c>
      <c r="JH22" s="61">
        <v>129</v>
      </c>
      <c r="JI22" s="62">
        <v>218</v>
      </c>
      <c r="JJ22" s="231"/>
      <c r="JK22" s="61">
        <v>229</v>
      </c>
      <c r="JL22" s="61">
        <v>202</v>
      </c>
      <c r="JM22" s="61">
        <v>193</v>
      </c>
      <c r="JN22" s="61">
        <v>147</v>
      </c>
      <c r="JO22" s="61">
        <v>117</v>
      </c>
      <c r="JP22" s="62">
        <v>888</v>
      </c>
      <c r="JQ22" s="63">
        <v>1106</v>
      </c>
      <c r="JR22" s="60">
        <v>10</v>
      </c>
      <c r="JS22" s="61">
        <v>16</v>
      </c>
      <c r="JT22" s="62">
        <v>26</v>
      </c>
      <c r="JU22" s="231"/>
      <c r="JV22" s="61">
        <v>21</v>
      </c>
      <c r="JW22" s="61">
        <v>20</v>
      </c>
      <c r="JX22" s="61">
        <v>16</v>
      </c>
      <c r="JY22" s="61">
        <v>11</v>
      </c>
      <c r="JZ22" s="61">
        <v>11</v>
      </c>
      <c r="KA22" s="62">
        <v>79</v>
      </c>
      <c r="KB22" s="63">
        <v>105</v>
      </c>
      <c r="KC22" s="60">
        <v>588</v>
      </c>
      <c r="KD22" s="61">
        <v>614</v>
      </c>
      <c r="KE22" s="62">
        <v>1202</v>
      </c>
      <c r="KF22" s="231"/>
      <c r="KG22" s="61">
        <v>1091</v>
      </c>
      <c r="KH22" s="61">
        <v>857</v>
      </c>
      <c r="KI22" s="61">
        <v>652</v>
      </c>
      <c r="KJ22" s="61">
        <v>489</v>
      </c>
      <c r="KK22" s="61">
        <v>371</v>
      </c>
      <c r="KL22" s="62">
        <v>3460</v>
      </c>
      <c r="KM22" s="63">
        <v>4662</v>
      </c>
    </row>
    <row r="23" spans="2:299" ht="21" customHeight="1" x14ac:dyDescent="0.2">
      <c r="B23" s="468" t="s">
        <v>20</v>
      </c>
      <c r="C23" s="291">
        <v>289</v>
      </c>
      <c r="D23" s="72">
        <v>322</v>
      </c>
      <c r="E23" s="73">
        <v>611</v>
      </c>
      <c r="F23" s="228"/>
      <c r="G23" s="72">
        <v>619</v>
      </c>
      <c r="H23" s="72">
        <v>368</v>
      </c>
      <c r="I23" s="72">
        <v>268</v>
      </c>
      <c r="J23" s="72">
        <v>227</v>
      </c>
      <c r="K23" s="72">
        <v>110</v>
      </c>
      <c r="L23" s="74">
        <v>1592</v>
      </c>
      <c r="M23" s="75">
        <v>2203</v>
      </c>
      <c r="N23" s="60">
        <v>7</v>
      </c>
      <c r="O23" s="61">
        <v>6</v>
      </c>
      <c r="P23" s="62">
        <v>13</v>
      </c>
      <c r="Q23" s="231"/>
      <c r="R23" s="61">
        <v>28</v>
      </c>
      <c r="S23" s="61">
        <v>21</v>
      </c>
      <c r="T23" s="61">
        <v>14</v>
      </c>
      <c r="U23" s="61">
        <v>12</v>
      </c>
      <c r="V23" s="61">
        <v>7</v>
      </c>
      <c r="W23" s="62">
        <v>82</v>
      </c>
      <c r="X23" s="63">
        <v>95</v>
      </c>
      <c r="Y23" s="60">
        <v>28</v>
      </c>
      <c r="Z23" s="61">
        <v>21</v>
      </c>
      <c r="AA23" s="62">
        <v>49</v>
      </c>
      <c r="AB23" s="231"/>
      <c r="AC23" s="61">
        <v>60</v>
      </c>
      <c r="AD23" s="61">
        <v>37</v>
      </c>
      <c r="AE23" s="61">
        <v>30</v>
      </c>
      <c r="AF23" s="61">
        <v>35</v>
      </c>
      <c r="AG23" s="61">
        <v>11</v>
      </c>
      <c r="AH23" s="62">
        <v>173</v>
      </c>
      <c r="AI23" s="63">
        <v>222</v>
      </c>
      <c r="AJ23" s="60">
        <v>54</v>
      </c>
      <c r="AK23" s="61">
        <v>58</v>
      </c>
      <c r="AL23" s="62">
        <v>112</v>
      </c>
      <c r="AM23" s="231"/>
      <c r="AN23" s="61">
        <v>86</v>
      </c>
      <c r="AO23" s="61">
        <v>62</v>
      </c>
      <c r="AP23" s="61">
        <v>48</v>
      </c>
      <c r="AQ23" s="61">
        <v>39</v>
      </c>
      <c r="AR23" s="61">
        <v>25</v>
      </c>
      <c r="AS23" s="62">
        <v>260</v>
      </c>
      <c r="AT23" s="63">
        <v>372</v>
      </c>
      <c r="AU23" s="60">
        <v>87</v>
      </c>
      <c r="AV23" s="61">
        <v>91</v>
      </c>
      <c r="AW23" s="62">
        <v>178</v>
      </c>
      <c r="AX23" s="231"/>
      <c r="AY23" s="61">
        <v>190</v>
      </c>
      <c r="AZ23" s="61">
        <v>101</v>
      </c>
      <c r="BA23" s="61">
        <v>80</v>
      </c>
      <c r="BB23" s="61">
        <v>62</v>
      </c>
      <c r="BC23" s="61">
        <v>26</v>
      </c>
      <c r="BD23" s="62">
        <v>459</v>
      </c>
      <c r="BE23" s="63">
        <v>637</v>
      </c>
      <c r="BF23" s="60">
        <v>79</v>
      </c>
      <c r="BG23" s="61">
        <v>96</v>
      </c>
      <c r="BH23" s="62">
        <v>175</v>
      </c>
      <c r="BI23" s="231"/>
      <c r="BJ23" s="61">
        <v>165</v>
      </c>
      <c r="BK23" s="61">
        <v>84</v>
      </c>
      <c r="BL23" s="61">
        <v>68</v>
      </c>
      <c r="BM23" s="61">
        <v>49</v>
      </c>
      <c r="BN23" s="61">
        <v>30</v>
      </c>
      <c r="BO23" s="62">
        <v>396</v>
      </c>
      <c r="BP23" s="63">
        <v>571</v>
      </c>
      <c r="BQ23" s="60">
        <v>34</v>
      </c>
      <c r="BR23" s="61">
        <v>50</v>
      </c>
      <c r="BS23" s="62">
        <v>84</v>
      </c>
      <c r="BT23" s="231"/>
      <c r="BU23" s="61">
        <v>90</v>
      </c>
      <c r="BV23" s="61">
        <v>63</v>
      </c>
      <c r="BW23" s="61">
        <v>28</v>
      </c>
      <c r="BX23" s="61">
        <v>30</v>
      </c>
      <c r="BY23" s="61">
        <v>11</v>
      </c>
      <c r="BZ23" s="62">
        <v>222</v>
      </c>
      <c r="CA23" s="63">
        <v>306</v>
      </c>
      <c r="CB23" s="60">
        <v>7</v>
      </c>
      <c r="CC23" s="61">
        <v>10</v>
      </c>
      <c r="CD23" s="62">
        <v>17</v>
      </c>
      <c r="CE23" s="231"/>
      <c r="CF23" s="61">
        <v>18</v>
      </c>
      <c r="CG23" s="61">
        <v>15</v>
      </c>
      <c r="CH23" s="61">
        <v>12</v>
      </c>
      <c r="CI23" s="61">
        <v>7</v>
      </c>
      <c r="CJ23" s="61">
        <v>10</v>
      </c>
      <c r="CK23" s="62">
        <v>62</v>
      </c>
      <c r="CL23" s="63">
        <v>79</v>
      </c>
      <c r="CM23" s="60">
        <v>296</v>
      </c>
      <c r="CN23" s="61">
        <v>332</v>
      </c>
      <c r="CO23" s="62">
        <v>628</v>
      </c>
      <c r="CP23" s="231"/>
      <c r="CQ23" s="61">
        <v>637</v>
      </c>
      <c r="CR23" s="61">
        <v>383</v>
      </c>
      <c r="CS23" s="61">
        <v>280</v>
      </c>
      <c r="CT23" s="61">
        <v>234</v>
      </c>
      <c r="CU23" s="61">
        <v>120</v>
      </c>
      <c r="CV23" s="62">
        <v>1654</v>
      </c>
      <c r="CW23" s="63">
        <v>2282</v>
      </c>
      <c r="CX23" s="113">
        <v>486</v>
      </c>
      <c r="CY23" s="72">
        <v>634</v>
      </c>
      <c r="CZ23" s="73">
        <v>1120</v>
      </c>
      <c r="DA23" s="228"/>
      <c r="DB23" s="72">
        <v>889</v>
      </c>
      <c r="DC23" s="72">
        <v>575</v>
      </c>
      <c r="DD23" s="72">
        <v>471</v>
      </c>
      <c r="DE23" s="72">
        <v>457</v>
      </c>
      <c r="DF23" s="72">
        <v>267</v>
      </c>
      <c r="DG23" s="74">
        <v>2659</v>
      </c>
      <c r="DH23" s="75">
        <v>3779</v>
      </c>
      <c r="DI23" s="60">
        <v>10</v>
      </c>
      <c r="DJ23" s="61">
        <v>13</v>
      </c>
      <c r="DK23" s="62">
        <v>23</v>
      </c>
      <c r="DL23" s="231"/>
      <c r="DM23" s="61">
        <v>22</v>
      </c>
      <c r="DN23" s="61">
        <v>16</v>
      </c>
      <c r="DO23" s="61">
        <v>6</v>
      </c>
      <c r="DP23" s="61">
        <v>11</v>
      </c>
      <c r="DQ23" s="61">
        <v>4</v>
      </c>
      <c r="DR23" s="62">
        <v>59</v>
      </c>
      <c r="DS23" s="63">
        <v>82</v>
      </c>
      <c r="DT23" s="60">
        <v>32</v>
      </c>
      <c r="DU23" s="61">
        <v>41</v>
      </c>
      <c r="DV23" s="62">
        <v>73</v>
      </c>
      <c r="DW23" s="231"/>
      <c r="DX23" s="61">
        <v>61</v>
      </c>
      <c r="DY23" s="61">
        <v>36</v>
      </c>
      <c r="DZ23" s="61">
        <v>24</v>
      </c>
      <c r="EA23" s="61">
        <v>22</v>
      </c>
      <c r="EB23" s="61">
        <v>21</v>
      </c>
      <c r="EC23" s="62">
        <v>164</v>
      </c>
      <c r="ED23" s="63">
        <v>237</v>
      </c>
      <c r="EE23" s="60">
        <v>71</v>
      </c>
      <c r="EF23" s="61">
        <v>104</v>
      </c>
      <c r="EG23" s="62">
        <v>175</v>
      </c>
      <c r="EH23" s="231"/>
      <c r="EI23" s="61">
        <v>143</v>
      </c>
      <c r="EJ23" s="61">
        <v>71</v>
      </c>
      <c r="EK23" s="61">
        <v>46</v>
      </c>
      <c r="EL23" s="61">
        <v>40</v>
      </c>
      <c r="EM23" s="61">
        <v>30</v>
      </c>
      <c r="EN23" s="62">
        <v>330</v>
      </c>
      <c r="EO23" s="63">
        <v>505</v>
      </c>
      <c r="EP23" s="60">
        <v>186</v>
      </c>
      <c r="EQ23" s="61">
        <v>183</v>
      </c>
      <c r="ER23" s="62">
        <v>369</v>
      </c>
      <c r="ES23" s="231"/>
      <c r="ET23" s="61">
        <v>211</v>
      </c>
      <c r="EU23" s="61">
        <v>131</v>
      </c>
      <c r="EV23" s="61">
        <v>107</v>
      </c>
      <c r="EW23" s="61">
        <v>76</v>
      </c>
      <c r="EX23" s="61">
        <v>63</v>
      </c>
      <c r="EY23" s="62">
        <v>588</v>
      </c>
      <c r="EZ23" s="63">
        <v>957</v>
      </c>
      <c r="FA23" s="60">
        <v>129</v>
      </c>
      <c r="FB23" s="61">
        <v>181</v>
      </c>
      <c r="FC23" s="62">
        <v>310</v>
      </c>
      <c r="FD23" s="231"/>
      <c r="FE23" s="61">
        <v>249</v>
      </c>
      <c r="FF23" s="61">
        <v>151</v>
      </c>
      <c r="FG23" s="61">
        <v>120</v>
      </c>
      <c r="FH23" s="61">
        <v>126</v>
      </c>
      <c r="FI23" s="61">
        <v>62</v>
      </c>
      <c r="FJ23" s="62">
        <v>708</v>
      </c>
      <c r="FK23" s="63">
        <v>1018</v>
      </c>
      <c r="FL23" s="60">
        <v>58</v>
      </c>
      <c r="FM23" s="61">
        <v>112</v>
      </c>
      <c r="FN23" s="62">
        <v>170</v>
      </c>
      <c r="FO23" s="231"/>
      <c r="FP23" s="61">
        <v>203</v>
      </c>
      <c r="FQ23" s="61">
        <v>170</v>
      </c>
      <c r="FR23" s="61">
        <v>168</v>
      </c>
      <c r="FS23" s="61">
        <v>182</v>
      </c>
      <c r="FT23" s="61">
        <v>87</v>
      </c>
      <c r="FU23" s="62">
        <v>810</v>
      </c>
      <c r="FV23" s="63">
        <v>980</v>
      </c>
      <c r="FW23" s="60">
        <v>5</v>
      </c>
      <c r="FX23" s="61">
        <v>15</v>
      </c>
      <c r="FY23" s="62">
        <v>20</v>
      </c>
      <c r="FZ23" s="231"/>
      <c r="GA23" s="61">
        <v>15</v>
      </c>
      <c r="GB23" s="61">
        <v>12</v>
      </c>
      <c r="GC23" s="61">
        <v>7</v>
      </c>
      <c r="GD23" s="61">
        <v>9</v>
      </c>
      <c r="GE23" s="61">
        <v>7</v>
      </c>
      <c r="GF23" s="62">
        <v>50</v>
      </c>
      <c r="GG23" s="63">
        <v>70</v>
      </c>
      <c r="GH23" s="60">
        <v>491</v>
      </c>
      <c r="GI23" s="61">
        <v>649</v>
      </c>
      <c r="GJ23" s="62">
        <v>1140</v>
      </c>
      <c r="GK23" s="231"/>
      <c r="GL23" s="61">
        <v>904</v>
      </c>
      <c r="GM23" s="61">
        <v>587</v>
      </c>
      <c r="GN23" s="61">
        <v>478</v>
      </c>
      <c r="GO23" s="61">
        <v>466</v>
      </c>
      <c r="GP23" s="61">
        <v>274</v>
      </c>
      <c r="GQ23" s="62">
        <v>2709</v>
      </c>
      <c r="GR23" s="63">
        <v>3849</v>
      </c>
      <c r="GS23" s="113">
        <v>775</v>
      </c>
      <c r="GT23" s="72">
        <v>956</v>
      </c>
      <c r="GU23" s="73">
        <v>1731</v>
      </c>
      <c r="GV23" s="228"/>
      <c r="GW23" s="72">
        <v>1508</v>
      </c>
      <c r="GX23" s="72">
        <v>943</v>
      </c>
      <c r="GY23" s="72">
        <v>739</v>
      </c>
      <c r="GZ23" s="72">
        <v>684</v>
      </c>
      <c r="HA23" s="72">
        <v>377</v>
      </c>
      <c r="HB23" s="74">
        <v>4251</v>
      </c>
      <c r="HC23" s="75">
        <v>5982</v>
      </c>
      <c r="HD23" s="60">
        <v>17</v>
      </c>
      <c r="HE23" s="61">
        <v>19</v>
      </c>
      <c r="HF23" s="62">
        <v>36</v>
      </c>
      <c r="HG23" s="231"/>
      <c r="HH23" s="61">
        <v>50</v>
      </c>
      <c r="HI23" s="61">
        <v>37</v>
      </c>
      <c r="HJ23" s="61">
        <v>20</v>
      </c>
      <c r="HK23" s="61">
        <v>23</v>
      </c>
      <c r="HL23" s="61">
        <v>11</v>
      </c>
      <c r="HM23" s="62">
        <v>141</v>
      </c>
      <c r="HN23" s="63">
        <v>177</v>
      </c>
      <c r="HO23" s="60">
        <v>60</v>
      </c>
      <c r="HP23" s="61">
        <v>62</v>
      </c>
      <c r="HQ23" s="62">
        <v>122</v>
      </c>
      <c r="HR23" s="231"/>
      <c r="HS23" s="61">
        <v>121</v>
      </c>
      <c r="HT23" s="61">
        <v>73</v>
      </c>
      <c r="HU23" s="61">
        <v>54</v>
      </c>
      <c r="HV23" s="61">
        <v>57</v>
      </c>
      <c r="HW23" s="61">
        <v>32</v>
      </c>
      <c r="HX23" s="62">
        <v>337</v>
      </c>
      <c r="HY23" s="63">
        <v>459</v>
      </c>
      <c r="HZ23" s="60">
        <v>125</v>
      </c>
      <c r="IA23" s="61">
        <v>162</v>
      </c>
      <c r="IB23" s="62">
        <v>287</v>
      </c>
      <c r="IC23" s="231"/>
      <c r="ID23" s="61">
        <v>229</v>
      </c>
      <c r="IE23" s="61">
        <v>133</v>
      </c>
      <c r="IF23" s="61">
        <v>94</v>
      </c>
      <c r="IG23" s="61">
        <v>79</v>
      </c>
      <c r="IH23" s="61">
        <v>55</v>
      </c>
      <c r="II23" s="62">
        <v>590</v>
      </c>
      <c r="IJ23" s="63">
        <v>877</v>
      </c>
      <c r="IK23" s="60">
        <v>273</v>
      </c>
      <c r="IL23" s="61">
        <v>274</v>
      </c>
      <c r="IM23" s="62">
        <v>547</v>
      </c>
      <c r="IN23" s="231"/>
      <c r="IO23" s="61">
        <v>401</v>
      </c>
      <c r="IP23" s="61">
        <v>232</v>
      </c>
      <c r="IQ23" s="61">
        <v>187</v>
      </c>
      <c r="IR23" s="61">
        <v>138</v>
      </c>
      <c r="IS23" s="61">
        <v>89</v>
      </c>
      <c r="IT23" s="62">
        <v>1047</v>
      </c>
      <c r="IU23" s="63">
        <v>1594</v>
      </c>
      <c r="IV23" s="60">
        <v>208</v>
      </c>
      <c r="IW23" s="61">
        <v>277</v>
      </c>
      <c r="IX23" s="62">
        <v>485</v>
      </c>
      <c r="IY23" s="231"/>
      <c r="IZ23" s="61">
        <v>414</v>
      </c>
      <c r="JA23" s="61">
        <v>235</v>
      </c>
      <c r="JB23" s="61">
        <v>188</v>
      </c>
      <c r="JC23" s="61">
        <v>175</v>
      </c>
      <c r="JD23" s="61">
        <v>92</v>
      </c>
      <c r="JE23" s="62">
        <v>1104</v>
      </c>
      <c r="JF23" s="63">
        <v>1589</v>
      </c>
      <c r="JG23" s="60">
        <v>92</v>
      </c>
      <c r="JH23" s="61">
        <v>162</v>
      </c>
      <c r="JI23" s="62">
        <v>254</v>
      </c>
      <c r="JJ23" s="231"/>
      <c r="JK23" s="61">
        <v>293</v>
      </c>
      <c r="JL23" s="61">
        <v>233</v>
      </c>
      <c r="JM23" s="61">
        <v>196</v>
      </c>
      <c r="JN23" s="61">
        <v>212</v>
      </c>
      <c r="JO23" s="61">
        <v>98</v>
      </c>
      <c r="JP23" s="62">
        <v>1032</v>
      </c>
      <c r="JQ23" s="63">
        <v>1286</v>
      </c>
      <c r="JR23" s="60">
        <v>12</v>
      </c>
      <c r="JS23" s="61">
        <v>25</v>
      </c>
      <c r="JT23" s="62">
        <v>37</v>
      </c>
      <c r="JU23" s="231"/>
      <c r="JV23" s="61">
        <v>33</v>
      </c>
      <c r="JW23" s="61">
        <v>27</v>
      </c>
      <c r="JX23" s="61">
        <v>19</v>
      </c>
      <c r="JY23" s="61">
        <v>16</v>
      </c>
      <c r="JZ23" s="61">
        <v>17</v>
      </c>
      <c r="KA23" s="62">
        <v>112</v>
      </c>
      <c r="KB23" s="63">
        <v>149</v>
      </c>
      <c r="KC23" s="60">
        <v>787</v>
      </c>
      <c r="KD23" s="61">
        <v>981</v>
      </c>
      <c r="KE23" s="62">
        <v>1768</v>
      </c>
      <c r="KF23" s="231"/>
      <c r="KG23" s="61">
        <v>1541</v>
      </c>
      <c r="KH23" s="61">
        <v>970</v>
      </c>
      <c r="KI23" s="61">
        <v>758</v>
      </c>
      <c r="KJ23" s="61">
        <v>700</v>
      </c>
      <c r="KK23" s="61">
        <v>394</v>
      </c>
      <c r="KL23" s="62">
        <v>4363</v>
      </c>
      <c r="KM23" s="63">
        <v>6131</v>
      </c>
    </row>
    <row r="24" spans="2:299" ht="21" customHeight="1" x14ac:dyDescent="0.2">
      <c r="B24" s="468" t="s">
        <v>21</v>
      </c>
      <c r="C24" s="291">
        <v>310</v>
      </c>
      <c r="D24" s="72">
        <v>251</v>
      </c>
      <c r="E24" s="73">
        <v>561</v>
      </c>
      <c r="F24" s="228"/>
      <c r="G24" s="72">
        <v>452</v>
      </c>
      <c r="H24" s="72">
        <v>436</v>
      </c>
      <c r="I24" s="72">
        <v>286</v>
      </c>
      <c r="J24" s="72">
        <v>223</v>
      </c>
      <c r="K24" s="72">
        <v>147</v>
      </c>
      <c r="L24" s="74">
        <v>1544</v>
      </c>
      <c r="M24" s="75">
        <v>2105</v>
      </c>
      <c r="N24" s="60">
        <v>13</v>
      </c>
      <c r="O24" s="61">
        <v>14</v>
      </c>
      <c r="P24" s="62">
        <v>27</v>
      </c>
      <c r="Q24" s="231"/>
      <c r="R24" s="61">
        <v>18</v>
      </c>
      <c r="S24" s="61">
        <v>18</v>
      </c>
      <c r="T24" s="61">
        <v>15</v>
      </c>
      <c r="U24" s="61">
        <v>16</v>
      </c>
      <c r="V24" s="61">
        <v>15</v>
      </c>
      <c r="W24" s="62">
        <v>82</v>
      </c>
      <c r="X24" s="63">
        <v>109</v>
      </c>
      <c r="Y24" s="60">
        <v>28</v>
      </c>
      <c r="Z24" s="61">
        <v>26</v>
      </c>
      <c r="AA24" s="62">
        <v>54</v>
      </c>
      <c r="AB24" s="231"/>
      <c r="AC24" s="61">
        <v>37</v>
      </c>
      <c r="AD24" s="61">
        <v>53</v>
      </c>
      <c r="AE24" s="61">
        <v>32</v>
      </c>
      <c r="AF24" s="61">
        <v>27</v>
      </c>
      <c r="AG24" s="61">
        <v>19</v>
      </c>
      <c r="AH24" s="62">
        <v>168</v>
      </c>
      <c r="AI24" s="63">
        <v>222</v>
      </c>
      <c r="AJ24" s="60">
        <v>56</v>
      </c>
      <c r="AK24" s="61">
        <v>49</v>
      </c>
      <c r="AL24" s="62">
        <v>105</v>
      </c>
      <c r="AM24" s="231"/>
      <c r="AN24" s="61">
        <v>85</v>
      </c>
      <c r="AO24" s="61">
        <v>65</v>
      </c>
      <c r="AP24" s="61">
        <v>55</v>
      </c>
      <c r="AQ24" s="61">
        <v>46</v>
      </c>
      <c r="AR24" s="61">
        <v>25</v>
      </c>
      <c r="AS24" s="62">
        <v>276</v>
      </c>
      <c r="AT24" s="63">
        <v>381</v>
      </c>
      <c r="AU24" s="60">
        <v>87</v>
      </c>
      <c r="AV24" s="61">
        <v>53</v>
      </c>
      <c r="AW24" s="62">
        <v>140</v>
      </c>
      <c r="AX24" s="231"/>
      <c r="AY24" s="61">
        <v>133</v>
      </c>
      <c r="AZ24" s="61">
        <v>136</v>
      </c>
      <c r="BA24" s="61">
        <v>75</v>
      </c>
      <c r="BB24" s="61">
        <v>57</v>
      </c>
      <c r="BC24" s="61">
        <v>31</v>
      </c>
      <c r="BD24" s="62">
        <v>432</v>
      </c>
      <c r="BE24" s="63">
        <v>572</v>
      </c>
      <c r="BF24" s="60">
        <v>90</v>
      </c>
      <c r="BG24" s="61">
        <v>69</v>
      </c>
      <c r="BH24" s="62">
        <v>159</v>
      </c>
      <c r="BI24" s="231"/>
      <c r="BJ24" s="61">
        <v>130</v>
      </c>
      <c r="BK24" s="61">
        <v>96</v>
      </c>
      <c r="BL24" s="61">
        <v>55</v>
      </c>
      <c r="BM24" s="61">
        <v>46</v>
      </c>
      <c r="BN24" s="61">
        <v>34</v>
      </c>
      <c r="BO24" s="62">
        <v>361</v>
      </c>
      <c r="BP24" s="63">
        <v>520</v>
      </c>
      <c r="BQ24" s="60">
        <v>36</v>
      </c>
      <c r="BR24" s="61">
        <v>40</v>
      </c>
      <c r="BS24" s="62">
        <v>76</v>
      </c>
      <c r="BT24" s="231"/>
      <c r="BU24" s="61">
        <v>49</v>
      </c>
      <c r="BV24" s="61">
        <v>68</v>
      </c>
      <c r="BW24" s="61">
        <v>54</v>
      </c>
      <c r="BX24" s="61">
        <v>31</v>
      </c>
      <c r="BY24" s="61">
        <v>23</v>
      </c>
      <c r="BZ24" s="62">
        <v>225</v>
      </c>
      <c r="CA24" s="63">
        <v>301</v>
      </c>
      <c r="CB24" s="60">
        <v>12</v>
      </c>
      <c r="CC24" s="61">
        <v>13</v>
      </c>
      <c r="CD24" s="62">
        <v>25</v>
      </c>
      <c r="CE24" s="231"/>
      <c r="CF24" s="61">
        <v>8</v>
      </c>
      <c r="CG24" s="61">
        <v>21</v>
      </c>
      <c r="CH24" s="61">
        <v>11</v>
      </c>
      <c r="CI24" s="61">
        <v>7</v>
      </c>
      <c r="CJ24" s="61">
        <v>10</v>
      </c>
      <c r="CK24" s="62">
        <v>57</v>
      </c>
      <c r="CL24" s="63">
        <v>82</v>
      </c>
      <c r="CM24" s="60">
        <v>322</v>
      </c>
      <c r="CN24" s="61">
        <v>264</v>
      </c>
      <c r="CO24" s="62">
        <v>586</v>
      </c>
      <c r="CP24" s="231"/>
      <c r="CQ24" s="61">
        <v>460</v>
      </c>
      <c r="CR24" s="61">
        <v>457</v>
      </c>
      <c r="CS24" s="61">
        <v>297</v>
      </c>
      <c r="CT24" s="61">
        <v>230</v>
      </c>
      <c r="CU24" s="61">
        <v>157</v>
      </c>
      <c r="CV24" s="62">
        <v>1601</v>
      </c>
      <c r="CW24" s="63">
        <v>2187</v>
      </c>
      <c r="CX24" s="113">
        <v>589</v>
      </c>
      <c r="CY24" s="72">
        <v>591</v>
      </c>
      <c r="CZ24" s="73">
        <v>1180</v>
      </c>
      <c r="DA24" s="228"/>
      <c r="DB24" s="72">
        <v>775</v>
      </c>
      <c r="DC24" s="72">
        <v>715</v>
      </c>
      <c r="DD24" s="72">
        <v>583</v>
      </c>
      <c r="DE24" s="72">
        <v>463</v>
      </c>
      <c r="DF24" s="72">
        <v>342</v>
      </c>
      <c r="DG24" s="74">
        <v>2878</v>
      </c>
      <c r="DH24" s="75">
        <v>4058</v>
      </c>
      <c r="DI24" s="60">
        <v>14</v>
      </c>
      <c r="DJ24" s="61">
        <v>17</v>
      </c>
      <c r="DK24" s="62">
        <v>31</v>
      </c>
      <c r="DL24" s="231"/>
      <c r="DM24" s="61">
        <v>18</v>
      </c>
      <c r="DN24" s="61">
        <v>21</v>
      </c>
      <c r="DO24" s="61">
        <v>9</v>
      </c>
      <c r="DP24" s="61">
        <v>6</v>
      </c>
      <c r="DQ24" s="61">
        <v>15</v>
      </c>
      <c r="DR24" s="62">
        <v>69</v>
      </c>
      <c r="DS24" s="63">
        <v>100</v>
      </c>
      <c r="DT24" s="60">
        <v>43</v>
      </c>
      <c r="DU24" s="61">
        <v>38</v>
      </c>
      <c r="DV24" s="62">
        <v>81</v>
      </c>
      <c r="DW24" s="231"/>
      <c r="DX24" s="61">
        <v>45</v>
      </c>
      <c r="DY24" s="61">
        <v>38</v>
      </c>
      <c r="DZ24" s="61">
        <v>29</v>
      </c>
      <c r="EA24" s="61">
        <v>23</v>
      </c>
      <c r="EB24" s="61">
        <v>28</v>
      </c>
      <c r="EC24" s="62">
        <v>163</v>
      </c>
      <c r="ED24" s="63">
        <v>244</v>
      </c>
      <c r="EE24" s="60">
        <v>89</v>
      </c>
      <c r="EF24" s="61">
        <v>96</v>
      </c>
      <c r="EG24" s="62">
        <v>185</v>
      </c>
      <c r="EH24" s="231"/>
      <c r="EI24" s="61">
        <v>99</v>
      </c>
      <c r="EJ24" s="61">
        <v>81</v>
      </c>
      <c r="EK24" s="61">
        <v>67</v>
      </c>
      <c r="EL24" s="61">
        <v>44</v>
      </c>
      <c r="EM24" s="61">
        <v>34</v>
      </c>
      <c r="EN24" s="62">
        <v>325</v>
      </c>
      <c r="EO24" s="63">
        <v>510</v>
      </c>
      <c r="EP24" s="60">
        <v>187</v>
      </c>
      <c r="EQ24" s="61">
        <v>182</v>
      </c>
      <c r="ER24" s="62">
        <v>369</v>
      </c>
      <c r="ES24" s="231"/>
      <c r="ET24" s="61">
        <v>220</v>
      </c>
      <c r="EU24" s="61">
        <v>149</v>
      </c>
      <c r="EV24" s="61">
        <v>124</v>
      </c>
      <c r="EW24" s="61">
        <v>108</v>
      </c>
      <c r="EX24" s="61">
        <v>75</v>
      </c>
      <c r="EY24" s="62">
        <v>676</v>
      </c>
      <c r="EZ24" s="63">
        <v>1045</v>
      </c>
      <c r="FA24" s="60">
        <v>169</v>
      </c>
      <c r="FB24" s="61">
        <v>173</v>
      </c>
      <c r="FC24" s="62">
        <v>342</v>
      </c>
      <c r="FD24" s="231"/>
      <c r="FE24" s="61">
        <v>217</v>
      </c>
      <c r="FF24" s="61">
        <v>220</v>
      </c>
      <c r="FG24" s="61">
        <v>169</v>
      </c>
      <c r="FH24" s="61">
        <v>107</v>
      </c>
      <c r="FI24" s="61">
        <v>82</v>
      </c>
      <c r="FJ24" s="62">
        <v>795</v>
      </c>
      <c r="FK24" s="63">
        <v>1137</v>
      </c>
      <c r="FL24" s="60">
        <v>87</v>
      </c>
      <c r="FM24" s="61">
        <v>85</v>
      </c>
      <c r="FN24" s="62">
        <v>172</v>
      </c>
      <c r="FO24" s="231"/>
      <c r="FP24" s="61">
        <v>176</v>
      </c>
      <c r="FQ24" s="61">
        <v>206</v>
      </c>
      <c r="FR24" s="61">
        <v>185</v>
      </c>
      <c r="FS24" s="61">
        <v>175</v>
      </c>
      <c r="FT24" s="61">
        <v>108</v>
      </c>
      <c r="FU24" s="62">
        <v>850</v>
      </c>
      <c r="FV24" s="63">
        <v>1022</v>
      </c>
      <c r="FW24" s="60">
        <v>6</v>
      </c>
      <c r="FX24" s="61">
        <v>13</v>
      </c>
      <c r="FY24" s="62">
        <v>19</v>
      </c>
      <c r="FZ24" s="231"/>
      <c r="GA24" s="61">
        <v>3</v>
      </c>
      <c r="GB24" s="61">
        <v>19</v>
      </c>
      <c r="GC24" s="61">
        <v>17</v>
      </c>
      <c r="GD24" s="61">
        <v>7</v>
      </c>
      <c r="GE24" s="61">
        <v>7</v>
      </c>
      <c r="GF24" s="62">
        <v>53</v>
      </c>
      <c r="GG24" s="63">
        <v>72</v>
      </c>
      <c r="GH24" s="60">
        <v>595</v>
      </c>
      <c r="GI24" s="61">
        <v>604</v>
      </c>
      <c r="GJ24" s="62">
        <v>1199</v>
      </c>
      <c r="GK24" s="231"/>
      <c r="GL24" s="61">
        <v>778</v>
      </c>
      <c r="GM24" s="61">
        <v>734</v>
      </c>
      <c r="GN24" s="61">
        <v>600</v>
      </c>
      <c r="GO24" s="61">
        <v>470</v>
      </c>
      <c r="GP24" s="61">
        <v>349</v>
      </c>
      <c r="GQ24" s="62">
        <v>2931</v>
      </c>
      <c r="GR24" s="63">
        <v>4130</v>
      </c>
      <c r="GS24" s="113">
        <v>899</v>
      </c>
      <c r="GT24" s="72">
        <v>842</v>
      </c>
      <c r="GU24" s="73">
        <v>1741</v>
      </c>
      <c r="GV24" s="228"/>
      <c r="GW24" s="72">
        <v>1227</v>
      </c>
      <c r="GX24" s="72">
        <v>1151</v>
      </c>
      <c r="GY24" s="72">
        <v>869</v>
      </c>
      <c r="GZ24" s="72">
        <v>686</v>
      </c>
      <c r="HA24" s="72">
        <v>489</v>
      </c>
      <c r="HB24" s="74">
        <v>4422</v>
      </c>
      <c r="HC24" s="75">
        <v>6163</v>
      </c>
      <c r="HD24" s="60">
        <v>27</v>
      </c>
      <c r="HE24" s="61">
        <v>31</v>
      </c>
      <c r="HF24" s="62">
        <v>58</v>
      </c>
      <c r="HG24" s="231"/>
      <c r="HH24" s="61">
        <v>36</v>
      </c>
      <c r="HI24" s="61">
        <v>39</v>
      </c>
      <c r="HJ24" s="61">
        <v>24</v>
      </c>
      <c r="HK24" s="61">
        <v>22</v>
      </c>
      <c r="HL24" s="61">
        <v>30</v>
      </c>
      <c r="HM24" s="62">
        <v>151</v>
      </c>
      <c r="HN24" s="63">
        <v>209</v>
      </c>
      <c r="HO24" s="60">
        <v>71</v>
      </c>
      <c r="HP24" s="61">
        <v>64</v>
      </c>
      <c r="HQ24" s="62">
        <v>135</v>
      </c>
      <c r="HR24" s="231"/>
      <c r="HS24" s="61">
        <v>82</v>
      </c>
      <c r="HT24" s="61">
        <v>91</v>
      </c>
      <c r="HU24" s="61">
        <v>61</v>
      </c>
      <c r="HV24" s="61">
        <v>50</v>
      </c>
      <c r="HW24" s="61">
        <v>47</v>
      </c>
      <c r="HX24" s="62">
        <v>331</v>
      </c>
      <c r="HY24" s="63">
        <v>466</v>
      </c>
      <c r="HZ24" s="60">
        <v>145</v>
      </c>
      <c r="IA24" s="61">
        <v>145</v>
      </c>
      <c r="IB24" s="62">
        <v>290</v>
      </c>
      <c r="IC24" s="231"/>
      <c r="ID24" s="61">
        <v>184</v>
      </c>
      <c r="IE24" s="61">
        <v>146</v>
      </c>
      <c r="IF24" s="61">
        <v>122</v>
      </c>
      <c r="IG24" s="61">
        <v>90</v>
      </c>
      <c r="IH24" s="61">
        <v>59</v>
      </c>
      <c r="II24" s="62">
        <v>601</v>
      </c>
      <c r="IJ24" s="63">
        <v>891</v>
      </c>
      <c r="IK24" s="60">
        <v>274</v>
      </c>
      <c r="IL24" s="61">
        <v>235</v>
      </c>
      <c r="IM24" s="62">
        <v>509</v>
      </c>
      <c r="IN24" s="231"/>
      <c r="IO24" s="61">
        <v>353</v>
      </c>
      <c r="IP24" s="61">
        <v>285</v>
      </c>
      <c r="IQ24" s="61">
        <v>199</v>
      </c>
      <c r="IR24" s="61">
        <v>165</v>
      </c>
      <c r="IS24" s="61">
        <v>106</v>
      </c>
      <c r="IT24" s="62">
        <v>1108</v>
      </c>
      <c r="IU24" s="63">
        <v>1617</v>
      </c>
      <c r="IV24" s="60">
        <v>259</v>
      </c>
      <c r="IW24" s="61">
        <v>242</v>
      </c>
      <c r="IX24" s="62">
        <v>501</v>
      </c>
      <c r="IY24" s="231"/>
      <c r="IZ24" s="61">
        <v>347</v>
      </c>
      <c r="JA24" s="61">
        <v>316</v>
      </c>
      <c r="JB24" s="61">
        <v>224</v>
      </c>
      <c r="JC24" s="61">
        <v>153</v>
      </c>
      <c r="JD24" s="61">
        <v>116</v>
      </c>
      <c r="JE24" s="62">
        <v>1156</v>
      </c>
      <c r="JF24" s="63">
        <v>1657</v>
      </c>
      <c r="JG24" s="60">
        <v>123</v>
      </c>
      <c r="JH24" s="61">
        <v>125</v>
      </c>
      <c r="JI24" s="62">
        <v>248</v>
      </c>
      <c r="JJ24" s="231"/>
      <c r="JK24" s="61">
        <v>225</v>
      </c>
      <c r="JL24" s="61">
        <v>274</v>
      </c>
      <c r="JM24" s="61">
        <v>239</v>
      </c>
      <c r="JN24" s="61">
        <v>206</v>
      </c>
      <c r="JO24" s="61">
        <v>131</v>
      </c>
      <c r="JP24" s="62">
        <v>1075</v>
      </c>
      <c r="JQ24" s="63">
        <v>1323</v>
      </c>
      <c r="JR24" s="60">
        <v>18</v>
      </c>
      <c r="JS24" s="61">
        <v>26</v>
      </c>
      <c r="JT24" s="62">
        <v>44</v>
      </c>
      <c r="JU24" s="231"/>
      <c r="JV24" s="61">
        <v>11</v>
      </c>
      <c r="JW24" s="61">
        <v>40</v>
      </c>
      <c r="JX24" s="61">
        <v>28</v>
      </c>
      <c r="JY24" s="61">
        <v>14</v>
      </c>
      <c r="JZ24" s="61">
        <v>17</v>
      </c>
      <c r="KA24" s="62">
        <v>110</v>
      </c>
      <c r="KB24" s="63">
        <v>154</v>
      </c>
      <c r="KC24" s="60">
        <v>917</v>
      </c>
      <c r="KD24" s="61">
        <v>868</v>
      </c>
      <c r="KE24" s="62">
        <v>1785</v>
      </c>
      <c r="KF24" s="231"/>
      <c r="KG24" s="61">
        <v>1238</v>
      </c>
      <c r="KH24" s="61">
        <v>1191</v>
      </c>
      <c r="KI24" s="61">
        <v>897</v>
      </c>
      <c r="KJ24" s="61">
        <v>700</v>
      </c>
      <c r="KK24" s="61">
        <v>506</v>
      </c>
      <c r="KL24" s="62">
        <v>4532</v>
      </c>
      <c r="KM24" s="63">
        <v>6317</v>
      </c>
    </row>
    <row r="25" spans="2:299" ht="21" customHeight="1" x14ac:dyDescent="0.2">
      <c r="B25" s="468" t="s">
        <v>22</v>
      </c>
      <c r="C25" s="291">
        <v>82</v>
      </c>
      <c r="D25" s="72">
        <v>80</v>
      </c>
      <c r="E25" s="73">
        <v>162</v>
      </c>
      <c r="F25" s="228"/>
      <c r="G25" s="72">
        <v>181</v>
      </c>
      <c r="H25" s="72">
        <v>158</v>
      </c>
      <c r="I25" s="72">
        <v>96</v>
      </c>
      <c r="J25" s="72">
        <v>75</v>
      </c>
      <c r="K25" s="72">
        <v>48</v>
      </c>
      <c r="L25" s="74">
        <v>558</v>
      </c>
      <c r="M25" s="75">
        <v>720</v>
      </c>
      <c r="N25" s="60">
        <v>4</v>
      </c>
      <c r="O25" s="61">
        <v>4</v>
      </c>
      <c r="P25" s="62">
        <v>8</v>
      </c>
      <c r="Q25" s="231"/>
      <c r="R25" s="61">
        <v>4</v>
      </c>
      <c r="S25" s="61">
        <v>5</v>
      </c>
      <c r="T25" s="61">
        <v>3</v>
      </c>
      <c r="U25" s="61">
        <v>1</v>
      </c>
      <c r="V25" s="61">
        <v>2</v>
      </c>
      <c r="W25" s="62">
        <v>15</v>
      </c>
      <c r="X25" s="63">
        <v>23</v>
      </c>
      <c r="Y25" s="60">
        <v>4</v>
      </c>
      <c r="Z25" s="61">
        <v>6</v>
      </c>
      <c r="AA25" s="62">
        <v>10</v>
      </c>
      <c r="AB25" s="231"/>
      <c r="AC25" s="61">
        <v>12</v>
      </c>
      <c r="AD25" s="61">
        <v>11</v>
      </c>
      <c r="AE25" s="61">
        <v>7</v>
      </c>
      <c r="AF25" s="61">
        <v>7</v>
      </c>
      <c r="AG25" s="61">
        <v>11</v>
      </c>
      <c r="AH25" s="62">
        <v>48</v>
      </c>
      <c r="AI25" s="63">
        <v>58</v>
      </c>
      <c r="AJ25" s="60">
        <v>8</v>
      </c>
      <c r="AK25" s="61">
        <v>10</v>
      </c>
      <c r="AL25" s="62">
        <v>18</v>
      </c>
      <c r="AM25" s="231"/>
      <c r="AN25" s="61">
        <v>32</v>
      </c>
      <c r="AO25" s="61">
        <v>21</v>
      </c>
      <c r="AP25" s="61">
        <v>19</v>
      </c>
      <c r="AQ25" s="61">
        <v>13</v>
      </c>
      <c r="AR25" s="61">
        <v>9</v>
      </c>
      <c r="AS25" s="62">
        <v>94</v>
      </c>
      <c r="AT25" s="63">
        <v>112</v>
      </c>
      <c r="AU25" s="60">
        <v>24</v>
      </c>
      <c r="AV25" s="61">
        <v>28</v>
      </c>
      <c r="AW25" s="62">
        <v>52</v>
      </c>
      <c r="AX25" s="231"/>
      <c r="AY25" s="61">
        <v>33</v>
      </c>
      <c r="AZ25" s="61">
        <v>44</v>
      </c>
      <c r="BA25" s="61">
        <v>20</v>
      </c>
      <c r="BB25" s="61">
        <v>19</v>
      </c>
      <c r="BC25" s="61">
        <v>10</v>
      </c>
      <c r="BD25" s="62">
        <v>126</v>
      </c>
      <c r="BE25" s="63">
        <v>178</v>
      </c>
      <c r="BF25" s="60">
        <v>28</v>
      </c>
      <c r="BG25" s="61">
        <v>21</v>
      </c>
      <c r="BH25" s="62">
        <v>49</v>
      </c>
      <c r="BI25" s="231"/>
      <c r="BJ25" s="61">
        <v>51</v>
      </c>
      <c r="BK25" s="61">
        <v>42</v>
      </c>
      <c r="BL25" s="61">
        <v>21</v>
      </c>
      <c r="BM25" s="61">
        <v>17</v>
      </c>
      <c r="BN25" s="61">
        <v>8</v>
      </c>
      <c r="BO25" s="62">
        <v>139</v>
      </c>
      <c r="BP25" s="63">
        <v>188</v>
      </c>
      <c r="BQ25" s="60">
        <v>14</v>
      </c>
      <c r="BR25" s="61">
        <v>11</v>
      </c>
      <c r="BS25" s="62">
        <v>25</v>
      </c>
      <c r="BT25" s="231"/>
      <c r="BU25" s="61">
        <v>49</v>
      </c>
      <c r="BV25" s="61">
        <v>35</v>
      </c>
      <c r="BW25" s="61">
        <v>26</v>
      </c>
      <c r="BX25" s="61">
        <v>18</v>
      </c>
      <c r="BY25" s="61">
        <v>8</v>
      </c>
      <c r="BZ25" s="62">
        <v>136</v>
      </c>
      <c r="CA25" s="63">
        <v>161</v>
      </c>
      <c r="CB25" s="60">
        <v>2</v>
      </c>
      <c r="CC25" s="61">
        <v>4</v>
      </c>
      <c r="CD25" s="62">
        <v>6</v>
      </c>
      <c r="CE25" s="231"/>
      <c r="CF25" s="61">
        <v>9</v>
      </c>
      <c r="CG25" s="61">
        <v>2</v>
      </c>
      <c r="CH25" s="61">
        <v>2</v>
      </c>
      <c r="CI25" s="61">
        <v>2</v>
      </c>
      <c r="CJ25" s="61">
        <v>6</v>
      </c>
      <c r="CK25" s="62">
        <v>21</v>
      </c>
      <c r="CL25" s="63">
        <v>27</v>
      </c>
      <c r="CM25" s="60">
        <v>84</v>
      </c>
      <c r="CN25" s="61">
        <v>84</v>
      </c>
      <c r="CO25" s="62">
        <v>168</v>
      </c>
      <c r="CP25" s="231"/>
      <c r="CQ25" s="61">
        <v>190</v>
      </c>
      <c r="CR25" s="61">
        <v>160</v>
      </c>
      <c r="CS25" s="61">
        <v>98</v>
      </c>
      <c r="CT25" s="61">
        <v>77</v>
      </c>
      <c r="CU25" s="61">
        <v>54</v>
      </c>
      <c r="CV25" s="62">
        <v>579</v>
      </c>
      <c r="CW25" s="63">
        <v>747</v>
      </c>
      <c r="CX25" s="113">
        <v>132</v>
      </c>
      <c r="CY25" s="72">
        <v>243</v>
      </c>
      <c r="CZ25" s="73">
        <v>375</v>
      </c>
      <c r="DA25" s="228"/>
      <c r="DB25" s="72">
        <v>331</v>
      </c>
      <c r="DC25" s="72">
        <v>301</v>
      </c>
      <c r="DD25" s="72">
        <v>212</v>
      </c>
      <c r="DE25" s="72">
        <v>207</v>
      </c>
      <c r="DF25" s="72">
        <v>107</v>
      </c>
      <c r="DG25" s="74">
        <v>1158</v>
      </c>
      <c r="DH25" s="75">
        <v>1533</v>
      </c>
      <c r="DI25" s="60">
        <v>6</v>
      </c>
      <c r="DJ25" s="61">
        <v>7</v>
      </c>
      <c r="DK25" s="62">
        <v>13</v>
      </c>
      <c r="DL25" s="231"/>
      <c r="DM25" s="61">
        <v>5</v>
      </c>
      <c r="DN25" s="61">
        <v>5</v>
      </c>
      <c r="DO25" s="61">
        <v>5</v>
      </c>
      <c r="DP25" s="61">
        <v>2</v>
      </c>
      <c r="DQ25" s="61">
        <v>4</v>
      </c>
      <c r="DR25" s="62">
        <v>21</v>
      </c>
      <c r="DS25" s="63">
        <v>34</v>
      </c>
      <c r="DT25" s="60">
        <v>8</v>
      </c>
      <c r="DU25" s="61">
        <v>9</v>
      </c>
      <c r="DV25" s="62">
        <v>17</v>
      </c>
      <c r="DW25" s="231"/>
      <c r="DX25" s="61">
        <v>12</v>
      </c>
      <c r="DY25" s="61">
        <v>15</v>
      </c>
      <c r="DZ25" s="61">
        <v>3</v>
      </c>
      <c r="EA25" s="61">
        <v>5</v>
      </c>
      <c r="EB25" s="61">
        <v>3</v>
      </c>
      <c r="EC25" s="62">
        <v>38</v>
      </c>
      <c r="ED25" s="63">
        <v>55</v>
      </c>
      <c r="EE25" s="60">
        <v>26</v>
      </c>
      <c r="EF25" s="61">
        <v>39</v>
      </c>
      <c r="EG25" s="62">
        <v>65</v>
      </c>
      <c r="EH25" s="231"/>
      <c r="EI25" s="61">
        <v>34</v>
      </c>
      <c r="EJ25" s="61">
        <v>36</v>
      </c>
      <c r="EK25" s="61">
        <v>23</v>
      </c>
      <c r="EL25" s="61">
        <v>15</v>
      </c>
      <c r="EM25" s="61">
        <v>14</v>
      </c>
      <c r="EN25" s="62">
        <v>122</v>
      </c>
      <c r="EO25" s="63">
        <v>187</v>
      </c>
      <c r="EP25" s="60">
        <v>37</v>
      </c>
      <c r="EQ25" s="61">
        <v>76</v>
      </c>
      <c r="ER25" s="62">
        <v>113</v>
      </c>
      <c r="ES25" s="231"/>
      <c r="ET25" s="61">
        <v>77</v>
      </c>
      <c r="EU25" s="61">
        <v>52</v>
      </c>
      <c r="EV25" s="61">
        <v>44</v>
      </c>
      <c r="EW25" s="61">
        <v>36</v>
      </c>
      <c r="EX25" s="61">
        <v>17</v>
      </c>
      <c r="EY25" s="62">
        <v>226</v>
      </c>
      <c r="EZ25" s="63">
        <v>339</v>
      </c>
      <c r="FA25" s="60">
        <v>37</v>
      </c>
      <c r="FB25" s="61">
        <v>70</v>
      </c>
      <c r="FC25" s="62">
        <v>107</v>
      </c>
      <c r="FD25" s="231"/>
      <c r="FE25" s="61">
        <v>113</v>
      </c>
      <c r="FF25" s="61">
        <v>91</v>
      </c>
      <c r="FG25" s="61">
        <v>51</v>
      </c>
      <c r="FH25" s="61">
        <v>54</v>
      </c>
      <c r="FI25" s="61">
        <v>29</v>
      </c>
      <c r="FJ25" s="62">
        <v>338</v>
      </c>
      <c r="FK25" s="63">
        <v>445</v>
      </c>
      <c r="FL25" s="60">
        <v>18</v>
      </c>
      <c r="FM25" s="61">
        <v>42</v>
      </c>
      <c r="FN25" s="62">
        <v>60</v>
      </c>
      <c r="FO25" s="231"/>
      <c r="FP25" s="61">
        <v>90</v>
      </c>
      <c r="FQ25" s="61">
        <v>102</v>
      </c>
      <c r="FR25" s="61">
        <v>86</v>
      </c>
      <c r="FS25" s="61">
        <v>95</v>
      </c>
      <c r="FT25" s="61">
        <v>40</v>
      </c>
      <c r="FU25" s="62">
        <v>413</v>
      </c>
      <c r="FV25" s="63">
        <v>473</v>
      </c>
      <c r="FW25" s="60">
        <v>0</v>
      </c>
      <c r="FX25" s="61">
        <v>2</v>
      </c>
      <c r="FY25" s="62">
        <v>2</v>
      </c>
      <c r="FZ25" s="231"/>
      <c r="GA25" s="61">
        <v>3</v>
      </c>
      <c r="GB25" s="61">
        <v>8</v>
      </c>
      <c r="GC25" s="61">
        <v>3</v>
      </c>
      <c r="GD25" s="61">
        <v>2</v>
      </c>
      <c r="GE25" s="61">
        <v>1</v>
      </c>
      <c r="GF25" s="62">
        <v>17</v>
      </c>
      <c r="GG25" s="63">
        <v>19</v>
      </c>
      <c r="GH25" s="60">
        <v>132</v>
      </c>
      <c r="GI25" s="61">
        <v>245</v>
      </c>
      <c r="GJ25" s="62">
        <v>377</v>
      </c>
      <c r="GK25" s="231"/>
      <c r="GL25" s="61">
        <v>334</v>
      </c>
      <c r="GM25" s="61">
        <v>309</v>
      </c>
      <c r="GN25" s="61">
        <v>215</v>
      </c>
      <c r="GO25" s="61">
        <v>209</v>
      </c>
      <c r="GP25" s="61">
        <v>108</v>
      </c>
      <c r="GQ25" s="62">
        <v>1175</v>
      </c>
      <c r="GR25" s="63">
        <v>1552</v>
      </c>
      <c r="GS25" s="113">
        <v>214</v>
      </c>
      <c r="GT25" s="72">
        <v>323</v>
      </c>
      <c r="GU25" s="73">
        <v>537</v>
      </c>
      <c r="GV25" s="228"/>
      <c r="GW25" s="72">
        <v>512</v>
      </c>
      <c r="GX25" s="72">
        <v>459</v>
      </c>
      <c r="GY25" s="72">
        <v>308</v>
      </c>
      <c r="GZ25" s="72">
        <v>282</v>
      </c>
      <c r="HA25" s="72">
        <v>155</v>
      </c>
      <c r="HB25" s="74">
        <v>1716</v>
      </c>
      <c r="HC25" s="75">
        <v>2253</v>
      </c>
      <c r="HD25" s="60">
        <v>10</v>
      </c>
      <c r="HE25" s="61">
        <v>11</v>
      </c>
      <c r="HF25" s="62">
        <v>21</v>
      </c>
      <c r="HG25" s="231"/>
      <c r="HH25" s="61">
        <v>9</v>
      </c>
      <c r="HI25" s="61">
        <v>10</v>
      </c>
      <c r="HJ25" s="61">
        <v>8</v>
      </c>
      <c r="HK25" s="61">
        <v>3</v>
      </c>
      <c r="HL25" s="61">
        <v>6</v>
      </c>
      <c r="HM25" s="62">
        <v>36</v>
      </c>
      <c r="HN25" s="63">
        <v>57</v>
      </c>
      <c r="HO25" s="60">
        <v>12</v>
      </c>
      <c r="HP25" s="61">
        <v>15</v>
      </c>
      <c r="HQ25" s="62">
        <v>27</v>
      </c>
      <c r="HR25" s="231"/>
      <c r="HS25" s="61">
        <v>24</v>
      </c>
      <c r="HT25" s="61">
        <v>26</v>
      </c>
      <c r="HU25" s="61">
        <v>10</v>
      </c>
      <c r="HV25" s="61">
        <v>12</v>
      </c>
      <c r="HW25" s="61">
        <v>14</v>
      </c>
      <c r="HX25" s="62">
        <v>86</v>
      </c>
      <c r="HY25" s="63">
        <v>113</v>
      </c>
      <c r="HZ25" s="60">
        <v>34</v>
      </c>
      <c r="IA25" s="61">
        <v>49</v>
      </c>
      <c r="IB25" s="62">
        <v>83</v>
      </c>
      <c r="IC25" s="231"/>
      <c r="ID25" s="61">
        <v>66</v>
      </c>
      <c r="IE25" s="61">
        <v>57</v>
      </c>
      <c r="IF25" s="61">
        <v>42</v>
      </c>
      <c r="IG25" s="61">
        <v>28</v>
      </c>
      <c r="IH25" s="61">
        <v>23</v>
      </c>
      <c r="II25" s="62">
        <v>216</v>
      </c>
      <c r="IJ25" s="63">
        <v>299</v>
      </c>
      <c r="IK25" s="60">
        <v>61</v>
      </c>
      <c r="IL25" s="61">
        <v>104</v>
      </c>
      <c r="IM25" s="62">
        <v>165</v>
      </c>
      <c r="IN25" s="231"/>
      <c r="IO25" s="61">
        <v>110</v>
      </c>
      <c r="IP25" s="61">
        <v>96</v>
      </c>
      <c r="IQ25" s="61">
        <v>64</v>
      </c>
      <c r="IR25" s="61">
        <v>55</v>
      </c>
      <c r="IS25" s="61">
        <v>27</v>
      </c>
      <c r="IT25" s="62">
        <v>352</v>
      </c>
      <c r="IU25" s="63">
        <v>517</v>
      </c>
      <c r="IV25" s="60">
        <v>65</v>
      </c>
      <c r="IW25" s="61">
        <v>91</v>
      </c>
      <c r="IX25" s="62">
        <v>156</v>
      </c>
      <c r="IY25" s="231"/>
      <c r="IZ25" s="61">
        <v>164</v>
      </c>
      <c r="JA25" s="61">
        <v>133</v>
      </c>
      <c r="JB25" s="61">
        <v>72</v>
      </c>
      <c r="JC25" s="61">
        <v>71</v>
      </c>
      <c r="JD25" s="61">
        <v>37</v>
      </c>
      <c r="JE25" s="62">
        <v>477</v>
      </c>
      <c r="JF25" s="63">
        <v>633</v>
      </c>
      <c r="JG25" s="60">
        <v>32</v>
      </c>
      <c r="JH25" s="61">
        <v>53</v>
      </c>
      <c r="JI25" s="62">
        <v>85</v>
      </c>
      <c r="JJ25" s="231"/>
      <c r="JK25" s="61">
        <v>139</v>
      </c>
      <c r="JL25" s="61">
        <v>137</v>
      </c>
      <c r="JM25" s="61">
        <v>112</v>
      </c>
      <c r="JN25" s="61">
        <v>113</v>
      </c>
      <c r="JO25" s="61">
        <v>48</v>
      </c>
      <c r="JP25" s="62">
        <v>549</v>
      </c>
      <c r="JQ25" s="63">
        <v>634</v>
      </c>
      <c r="JR25" s="60">
        <v>2</v>
      </c>
      <c r="JS25" s="61">
        <v>6</v>
      </c>
      <c r="JT25" s="62">
        <v>8</v>
      </c>
      <c r="JU25" s="231"/>
      <c r="JV25" s="61">
        <v>12</v>
      </c>
      <c r="JW25" s="61">
        <v>10</v>
      </c>
      <c r="JX25" s="61">
        <v>5</v>
      </c>
      <c r="JY25" s="61">
        <v>4</v>
      </c>
      <c r="JZ25" s="61">
        <v>7</v>
      </c>
      <c r="KA25" s="62">
        <v>38</v>
      </c>
      <c r="KB25" s="63">
        <v>46</v>
      </c>
      <c r="KC25" s="60">
        <v>216</v>
      </c>
      <c r="KD25" s="61">
        <v>329</v>
      </c>
      <c r="KE25" s="62">
        <v>545</v>
      </c>
      <c r="KF25" s="231"/>
      <c r="KG25" s="61">
        <v>524</v>
      </c>
      <c r="KH25" s="61">
        <v>469</v>
      </c>
      <c r="KI25" s="61">
        <v>313</v>
      </c>
      <c r="KJ25" s="61">
        <v>286</v>
      </c>
      <c r="KK25" s="61">
        <v>162</v>
      </c>
      <c r="KL25" s="62">
        <v>1754</v>
      </c>
      <c r="KM25" s="63">
        <v>2299</v>
      </c>
    </row>
    <row r="26" spans="2:299" ht="21" customHeight="1" x14ac:dyDescent="0.2">
      <c r="B26" s="468" t="s">
        <v>23</v>
      </c>
      <c r="C26" s="291">
        <v>216</v>
      </c>
      <c r="D26" s="72">
        <v>203</v>
      </c>
      <c r="E26" s="73">
        <v>419</v>
      </c>
      <c r="F26" s="228"/>
      <c r="G26" s="72">
        <v>292</v>
      </c>
      <c r="H26" s="72">
        <v>269</v>
      </c>
      <c r="I26" s="72">
        <v>177</v>
      </c>
      <c r="J26" s="72">
        <v>158</v>
      </c>
      <c r="K26" s="72">
        <v>83</v>
      </c>
      <c r="L26" s="74">
        <v>979</v>
      </c>
      <c r="M26" s="75">
        <v>1398</v>
      </c>
      <c r="N26" s="60">
        <v>4</v>
      </c>
      <c r="O26" s="61">
        <v>9</v>
      </c>
      <c r="P26" s="62">
        <v>13</v>
      </c>
      <c r="Q26" s="231"/>
      <c r="R26" s="61">
        <v>8</v>
      </c>
      <c r="S26" s="61">
        <v>13</v>
      </c>
      <c r="T26" s="61">
        <v>2</v>
      </c>
      <c r="U26" s="61">
        <v>8</v>
      </c>
      <c r="V26" s="61">
        <v>3</v>
      </c>
      <c r="W26" s="62">
        <v>34</v>
      </c>
      <c r="X26" s="63">
        <v>47</v>
      </c>
      <c r="Y26" s="60">
        <v>21</v>
      </c>
      <c r="Z26" s="61">
        <v>22</v>
      </c>
      <c r="AA26" s="62">
        <v>43</v>
      </c>
      <c r="AB26" s="231"/>
      <c r="AC26" s="61">
        <v>20</v>
      </c>
      <c r="AD26" s="61">
        <v>30</v>
      </c>
      <c r="AE26" s="61">
        <v>21</v>
      </c>
      <c r="AF26" s="61">
        <v>17</v>
      </c>
      <c r="AG26" s="61">
        <v>10</v>
      </c>
      <c r="AH26" s="62">
        <v>98</v>
      </c>
      <c r="AI26" s="63">
        <v>141</v>
      </c>
      <c r="AJ26" s="60">
        <v>49</v>
      </c>
      <c r="AK26" s="61">
        <v>31</v>
      </c>
      <c r="AL26" s="62">
        <v>80</v>
      </c>
      <c r="AM26" s="231"/>
      <c r="AN26" s="61">
        <v>56</v>
      </c>
      <c r="AO26" s="61">
        <v>34</v>
      </c>
      <c r="AP26" s="61">
        <v>23</v>
      </c>
      <c r="AQ26" s="61">
        <v>23</v>
      </c>
      <c r="AR26" s="61">
        <v>17</v>
      </c>
      <c r="AS26" s="62">
        <v>153</v>
      </c>
      <c r="AT26" s="63">
        <v>233</v>
      </c>
      <c r="AU26" s="60">
        <v>54</v>
      </c>
      <c r="AV26" s="61">
        <v>67</v>
      </c>
      <c r="AW26" s="62">
        <v>121</v>
      </c>
      <c r="AX26" s="231"/>
      <c r="AY26" s="61">
        <v>91</v>
      </c>
      <c r="AZ26" s="61">
        <v>77</v>
      </c>
      <c r="BA26" s="61">
        <v>48</v>
      </c>
      <c r="BB26" s="61">
        <v>48</v>
      </c>
      <c r="BC26" s="61">
        <v>21</v>
      </c>
      <c r="BD26" s="62">
        <v>285</v>
      </c>
      <c r="BE26" s="63">
        <v>406</v>
      </c>
      <c r="BF26" s="60">
        <v>67</v>
      </c>
      <c r="BG26" s="61">
        <v>53</v>
      </c>
      <c r="BH26" s="62">
        <v>120</v>
      </c>
      <c r="BI26" s="231"/>
      <c r="BJ26" s="61">
        <v>90</v>
      </c>
      <c r="BK26" s="61">
        <v>70</v>
      </c>
      <c r="BL26" s="61">
        <v>54</v>
      </c>
      <c r="BM26" s="61">
        <v>34</v>
      </c>
      <c r="BN26" s="61">
        <v>22</v>
      </c>
      <c r="BO26" s="62">
        <v>270</v>
      </c>
      <c r="BP26" s="63">
        <v>390</v>
      </c>
      <c r="BQ26" s="60">
        <v>21</v>
      </c>
      <c r="BR26" s="61">
        <v>21</v>
      </c>
      <c r="BS26" s="62">
        <v>42</v>
      </c>
      <c r="BT26" s="231"/>
      <c r="BU26" s="61">
        <v>27</v>
      </c>
      <c r="BV26" s="61">
        <v>45</v>
      </c>
      <c r="BW26" s="61">
        <v>29</v>
      </c>
      <c r="BX26" s="61">
        <v>28</v>
      </c>
      <c r="BY26" s="61">
        <v>10</v>
      </c>
      <c r="BZ26" s="62">
        <v>139</v>
      </c>
      <c r="CA26" s="63">
        <v>181</v>
      </c>
      <c r="CB26" s="60">
        <v>6</v>
      </c>
      <c r="CC26" s="61">
        <v>11</v>
      </c>
      <c r="CD26" s="62">
        <v>17</v>
      </c>
      <c r="CE26" s="231"/>
      <c r="CF26" s="61">
        <v>6</v>
      </c>
      <c r="CG26" s="61">
        <v>16</v>
      </c>
      <c r="CH26" s="61">
        <v>8</v>
      </c>
      <c r="CI26" s="61">
        <v>9</v>
      </c>
      <c r="CJ26" s="61">
        <v>4</v>
      </c>
      <c r="CK26" s="62">
        <v>43</v>
      </c>
      <c r="CL26" s="63">
        <v>60</v>
      </c>
      <c r="CM26" s="60">
        <v>222</v>
      </c>
      <c r="CN26" s="61">
        <v>214</v>
      </c>
      <c r="CO26" s="62">
        <v>436</v>
      </c>
      <c r="CP26" s="231"/>
      <c r="CQ26" s="61">
        <v>298</v>
      </c>
      <c r="CR26" s="61">
        <v>285</v>
      </c>
      <c r="CS26" s="61">
        <v>185</v>
      </c>
      <c r="CT26" s="61">
        <v>167</v>
      </c>
      <c r="CU26" s="61">
        <v>87</v>
      </c>
      <c r="CV26" s="62">
        <v>1022</v>
      </c>
      <c r="CW26" s="63">
        <v>1458</v>
      </c>
      <c r="CX26" s="113">
        <v>331</v>
      </c>
      <c r="CY26" s="72">
        <v>434</v>
      </c>
      <c r="CZ26" s="73">
        <v>765</v>
      </c>
      <c r="DA26" s="228"/>
      <c r="DB26" s="72">
        <v>543</v>
      </c>
      <c r="DC26" s="72">
        <v>445</v>
      </c>
      <c r="DD26" s="72">
        <v>313</v>
      </c>
      <c r="DE26" s="72">
        <v>349</v>
      </c>
      <c r="DF26" s="72">
        <v>219</v>
      </c>
      <c r="DG26" s="74">
        <v>1869</v>
      </c>
      <c r="DH26" s="75">
        <v>2634</v>
      </c>
      <c r="DI26" s="60">
        <v>8</v>
      </c>
      <c r="DJ26" s="61">
        <v>14</v>
      </c>
      <c r="DK26" s="62">
        <v>22</v>
      </c>
      <c r="DL26" s="231"/>
      <c r="DM26" s="61">
        <v>12</v>
      </c>
      <c r="DN26" s="61">
        <v>8</v>
      </c>
      <c r="DO26" s="61">
        <v>7</v>
      </c>
      <c r="DP26" s="61">
        <v>8</v>
      </c>
      <c r="DQ26" s="61">
        <v>5</v>
      </c>
      <c r="DR26" s="62">
        <v>40</v>
      </c>
      <c r="DS26" s="63">
        <v>62</v>
      </c>
      <c r="DT26" s="60">
        <v>25</v>
      </c>
      <c r="DU26" s="61">
        <v>38</v>
      </c>
      <c r="DV26" s="62">
        <v>63</v>
      </c>
      <c r="DW26" s="231"/>
      <c r="DX26" s="61">
        <v>29</v>
      </c>
      <c r="DY26" s="61">
        <v>22</v>
      </c>
      <c r="DZ26" s="61">
        <v>18</v>
      </c>
      <c r="EA26" s="61">
        <v>19</v>
      </c>
      <c r="EB26" s="61">
        <v>10</v>
      </c>
      <c r="EC26" s="62">
        <v>98</v>
      </c>
      <c r="ED26" s="63">
        <v>161</v>
      </c>
      <c r="EE26" s="60">
        <v>64</v>
      </c>
      <c r="EF26" s="61">
        <v>77</v>
      </c>
      <c r="EG26" s="62">
        <v>141</v>
      </c>
      <c r="EH26" s="231"/>
      <c r="EI26" s="61">
        <v>74</v>
      </c>
      <c r="EJ26" s="61">
        <v>55</v>
      </c>
      <c r="EK26" s="61">
        <v>41</v>
      </c>
      <c r="EL26" s="61">
        <v>50</v>
      </c>
      <c r="EM26" s="61">
        <v>25</v>
      </c>
      <c r="EN26" s="62">
        <v>245</v>
      </c>
      <c r="EO26" s="63">
        <v>386</v>
      </c>
      <c r="EP26" s="60">
        <v>132</v>
      </c>
      <c r="EQ26" s="61">
        <v>132</v>
      </c>
      <c r="ER26" s="62">
        <v>264</v>
      </c>
      <c r="ES26" s="231"/>
      <c r="ET26" s="61">
        <v>142</v>
      </c>
      <c r="EU26" s="61">
        <v>123</v>
      </c>
      <c r="EV26" s="61">
        <v>71</v>
      </c>
      <c r="EW26" s="61">
        <v>66</v>
      </c>
      <c r="EX26" s="61">
        <v>48</v>
      </c>
      <c r="EY26" s="62">
        <v>450</v>
      </c>
      <c r="EZ26" s="63">
        <v>714</v>
      </c>
      <c r="FA26" s="60">
        <v>70</v>
      </c>
      <c r="FB26" s="61">
        <v>115</v>
      </c>
      <c r="FC26" s="62">
        <v>185</v>
      </c>
      <c r="FD26" s="231"/>
      <c r="FE26" s="61">
        <v>179</v>
      </c>
      <c r="FF26" s="61">
        <v>118</v>
      </c>
      <c r="FG26" s="61">
        <v>98</v>
      </c>
      <c r="FH26" s="61">
        <v>93</v>
      </c>
      <c r="FI26" s="61">
        <v>61</v>
      </c>
      <c r="FJ26" s="62">
        <v>549</v>
      </c>
      <c r="FK26" s="63">
        <v>734</v>
      </c>
      <c r="FL26" s="60">
        <v>32</v>
      </c>
      <c r="FM26" s="61">
        <v>58</v>
      </c>
      <c r="FN26" s="62">
        <v>90</v>
      </c>
      <c r="FO26" s="231"/>
      <c r="FP26" s="61">
        <v>107</v>
      </c>
      <c r="FQ26" s="61">
        <v>119</v>
      </c>
      <c r="FR26" s="61">
        <v>78</v>
      </c>
      <c r="FS26" s="61">
        <v>113</v>
      </c>
      <c r="FT26" s="61">
        <v>70</v>
      </c>
      <c r="FU26" s="62">
        <v>487</v>
      </c>
      <c r="FV26" s="63">
        <v>577</v>
      </c>
      <c r="FW26" s="60">
        <v>5</v>
      </c>
      <c r="FX26" s="61">
        <v>8</v>
      </c>
      <c r="FY26" s="62">
        <v>13</v>
      </c>
      <c r="FZ26" s="231"/>
      <c r="GA26" s="61">
        <v>6</v>
      </c>
      <c r="GB26" s="61">
        <v>9</v>
      </c>
      <c r="GC26" s="61">
        <v>4</v>
      </c>
      <c r="GD26" s="61">
        <v>2</v>
      </c>
      <c r="GE26" s="61">
        <v>4</v>
      </c>
      <c r="GF26" s="62">
        <v>25</v>
      </c>
      <c r="GG26" s="63">
        <v>38</v>
      </c>
      <c r="GH26" s="60">
        <v>336</v>
      </c>
      <c r="GI26" s="61">
        <v>442</v>
      </c>
      <c r="GJ26" s="62">
        <v>778</v>
      </c>
      <c r="GK26" s="231"/>
      <c r="GL26" s="61">
        <v>549</v>
      </c>
      <c r="GM26" s="61">
        <v>454</v>
      </c>
      <c r="GN26" s="61">
        <v>317</v>
      </c>
      <c r="GO26" s="61">
        <v>351</v>
      </c>
      <c r="GP26" s="61">
        <v>223</v>
      </c>
      <c r="GQ26" s="62">
        <v>1894</v>
      </c>
      <c r="GR26" s="63">
        <v>2672</v>
      </c>
      <c r="GS26" s="113">
        <v>547</v>
      </c>
      <c r="GT26" s="72">
        <v>637</v>
      </c>
      <c r="GU26" s="73">
        <v>1184</v>
      </c>
      <c r="GV26" s="228"/>
      <c r="GW26" s="72">
        <v>835</v>
      </c>
      <c r="GX26" s="72">
        <v>714</v>
      </c>
      <c r="GY26" s="72">
        <v>490</v>
      </c>
      <c r="GZ26" s="72">
        <v>507</v>
      </c>
      <c r="HA26" s="72">
        <v>302</v>
      </c>
      <c r="HB26" s="74">
        <v>2848</v>
      </c>
      <c r="HC26" s="75">
        <v>4032</v>
      </c>
      <c r="HD26" s="60">
        <v>12</v>
      </c>
      <c r="HE26" s="61">
        <v>23</v>
      </c>
      <c r="HF26" s="62">
        <v>35</v>
      </c>
      <c r="HG26" s="231"/>
      <c r="HH26" s="61">
        <v>20</v>
      </c>
      <c r="HI26" s="61">
        <v>21</v>
      </c>
      <c r="HJ26" s="61">
        <v>9</v>
      </c>
      <c r="HK26" s="61">
        <v>16</v>
      </c>
      <c r="HL26" s="61">
        <v>8</v>
      </c>
      <c r="HM26" s="62">
        <v>74</v>
      </c>
      <c r="HN26" s="63">
        <v>109</v>
      </c>
      <c r="HO26" s="60">
        <v>46</v>
      </c>
      <c r="HP26" s="61">
        <v>60</v>
      </c>
      <c r="HQ26" s="62">
        <v>106</v>
      </c>
      <c r="HR26" s="231"/>
      <c r="HS26" s="61">
        <v>49</v>
      </c>
      <c r="HT26" s="61">
        <v>52</v>
      </c>
      <c r="HU26" s="61">
        <v>39</v>
      </c>
      <c r="HV26" s="61">
        <v>36</v>
      </c>
      <c r="HW26" s="61">
        <v>20</v>
      </c>
      <c r="HX26" s="62">
        <v>196</v>
      </c>
      <c r="HY26" s="63">
        <v>302</v>
      </c>
      <c r="HZ26" s="60">
        <v>113</v>
      </c>
      <c r="IA26" s="61">
        <v>108</v>
      </c>
      <c r="IB26" s="62">
        <v>221</v>
      </c>
      <c r="IC26" s="231"/>
      <c r="ID26" s="61">
        <v>130</v>
      </c>
      <c r="IE26" s="61">
        <v>89</v>
      </c>
      <c r="IF26" s="61">
        <v>64</v>
      </c>
      <c r="IG26" s="61">
        <v>73</v>
      </c>
      <c r="IH26" s="61">
        <v>42</v>
      </c>
      <c r="II26" s="62">
        <v>398</v>
      </c>
      <c r="IJ26" s="63">
        <v>619</v>
      </c>
      <c r="IK26" s="60">
        <v>186</v>
      </c>
      <c r="IL26" s="61">
        <v>199</v>
      </c>
      <c r="IM26" s="62">
        <v>385</v>
      </c>
      <c r="IN26" s="231"/>
      <c r="IO26" s="61">
        <v>233</v>
      </c>
      <c r="IP26" s="61">
        <v>200</v>
      </c>
      <c r="IQ26" s="61">
        <v>119</v>
      </c>
      <c r="IR26" s="61">
        <v>114</v>
      </c>
      <c r="IS26" s="61">
        <v>69</v>
      </c>
      <c r="IT26" s="62">
        <v>735</v>
      </c>
      <c r="IU26" s="63">
        <v>1120</v>
      </c>
      <c r="IV26" s="60">
        <v>137</v>
      </c>
      <c r="IW26" s="61">
        <v>168</v>
      </c>
      <c r="IX26" s="62">
        <v>305</v>
      </c>
      <c r="IY26" s="231"/>
      <c r="IZ26" s="61">
        <v>269</v>
      </c>
      <c r="JA26" s="61">
        <v>188</v>
      </c>
      <c r="JB26" s="61">
        <v>152</v>
      </c>
      <c r="JC26" s="61">
        <v>127</v>
      </c>
      <c r="JD26" s="61">
        <v>83</v>
      </c>
      <c r="JE26" s="62">
        <v>819</v>
      </c>
      <c r="JF26" s="63">
        <v>1124</v>
      </c>
      <c r="JG26" s="60">
        <v>53</v>
      </c>
      <c r="JH26" s="61">
        <v>79</v>
      </c>
      <c r="JI26" s="62">
        <v>132</v>
      </c>
      <c r="JJ26" s="231"/>
      <c r="JK26" s="61">
        <v>134</v>
      </c>
      <c r="JL26" s="61">
        <v>164</v>
      </c>
      <c r="JM26" s="61">
        <v>107</v>
      </c>
      <c r="JN26" s="61">
        <v>141</v>
      </c>
      <c r="JO26" s="61">
        <v>80</v>
      </c>
      <c r="JP26" s="62">
        <v>626</v>
      </c>
      <c r="JQ26" s="63">
        <v>758</v>
      </c>
      <c r="JR26" s="60">
        <v>11</v>
      </c>
      <c r="JS26" s="61">
        <v>19</v>
      </c>
      <c r="JT26" s="62">
        <v>30</v>
      </c>
      <c r="JU26" s="231"/>
      <c r="JV26" s="61">
        <v>12</v>
      </c>
      <c r="JW26" s="61">
        <v>25</v>
      </c>
      <c r="JX26" s="61">
        <v>12</v>
      </c>
      <c r="JY26" s="61">
        <v>11</v>
      </c>
      <c r="JZ26" s="61">
        <v>8</v>
      </c>
      <c r="KA26" s="62">
        <v>68</v>
      </c>
      <c r="KB26" s="63">
        <v>98</v>
      </c>
      <c r="KC26" s="60">
        <v>558</v>
      </c>
      <c r="KD26" s="61">
        <v>656</v>
      </c>
      <c r="KE26" s="62">
        <v>1214</v>
      </c>
      <c r="KF26" s="231"/>
      <c r="KG26" s="61">
        <v>847</v>
      </c>
      <c r="KH26" s="61">
        <v>739</v>
      </c>
      <c r="KI26" s="61">
        <v>502</v>
      </c>
      <c r="KJ26" s="61">
        <v>518</v>
      </c>
      <c r="KK26" s="61">
        <v>310</v>
      </c>
      <c r="KL26" s="62">
        <v>2916</v>
      </c>
      <c r="KM26" s="63">
        <v>4130</v>
      </c>
    </row>
    <row r="27" spans="2:299" ht="21" customHeight="1" x14ac:dyDescent="0.2">
      <c r="B27" s="468" t="s">
        <v>24</v>
      </c>
      <c r="C27" s="291">
        <v>111</v>
      </c>
      <c r="D27" s="72">
        <v>88</v>
      </c>
      <c r="E27" s="73">
        <v>199</v>
      </c>
      <c r="F27" s="228"/>
      <c r="G27" s="72">
        <v>161</v>
      </c>
      <c r="H27" s="72">
        <v>112</v>
      </c>
      <c r="I27" s="72">
        <v>73</v>
      </c>
      <c r="J27" s="72">
        <v>60</v>
      </c>
      <c r="K27" s="72">
        <v>45</v>
      </c>
      <c r="L27" s="74">
        <v>451</v>
      </c>
      <c r="M27" s="75">
        <v>650</v>
      </c>
      <c r="N27" s="60">
        <v>2</v>
      </c>
      <c r="O27" s="61">
        <v>2</v>
      </c>
      <c r="P27" s="62">
        <v>4</v>
      </c>
      <c r="Q27" s="231"/>
      <c r="R27" s="61">
        <v>5</v>
      </c>
      <c r="S27" s="61">
        <v>2</v>
      </c>
      <c r="T27" s="61">
        <v>2</v>
      </c>
      <c r="U27" s="61">
        <v>0</v>
      </c>
      <c r="V27" s="61">
        <v>5</v>
      </c>
      <c r="W27" s="62">
        <v>14</v>
      </c>
      <c r="X27" s="63">
        <v>18</v>
      </c>
      <c r="Y27" s="60">
        <v>9</v>
      </c>
      <c r="Z27" s="61">
        <v>6</v>
      </c>
      <c r="AA27" s="62">
        <v>15</v>
      </c>
      <c r="AB27" s="231"/>
      <c r="AC27" s="61">
        <v>13</v>
      </c>
      <c r="AD27" s="61">
        <v>8</v>
      </c>
      <c r="AE27" s="61">
        <v>3</v>
      </c>
      <c r="AF27" s="61">
        <v>3</v>
      </c>
      <c r="AG27" s="61">
        <v>9</v>
      </c>
      <c r="AH27" s="62">
        <v>36</v>
      </c>
      <c r="AI27" s="63">
        <v>51</v>
      </c>
      <c r="AJ27" s="60">
        <v>15</v>
      </c>
      <c r="AK27" s="61">
        <v>12</v>
      </c>
      <c r="AL27" s="62">
        <v>27</v>
      </c>
      <c r="AM27" s="231"/>
      <c r="AN27" s="61">
        <v>22</v>
      </c>
      <c r="AO27" s="61">
        <v>20</v>
      </c>
      <c r="AP27" s="61">
        <v>12</v>
      </c>
      <c r="AQ27" s="61">
        <v>13</v>
      </c>
      <c r="AR27" s="61">
        <v>1</v>
      </c>
      <c r="AS27" s="62">
        <v>68</v>
      </c>
      <c r="AT27" s="63">
        <v>95</v>
      </c>
      <c r="AU27" s="60">
        <v>21</v>
      </c>
      <c r="AV27" s="61">
        <v>18</v>
      </c>
      <c r="AW27" s="62">
        <v>39</v>
      </c>
      <c r="AX27" s="231"/>
      <c r="AY27" s="61">
        <v>47</v>
      </c>
      <c r="AZ27" s="61">
        <v>20</v>
      </c>
      <c r="BA27" s="61">
        <v>16</v>
      </c>
      <c r="BB27" s="61">
        <v>17</v>
      </c>
      <c r="BC27" s="61">
        <v>13</v>
      </c>
      <c r="BD27" s="62">
        <v>113</v>
      </c>
      <c r="BE27" s="63">
        <v>152</v>
      </c>
      <c r="BF27" s="60">
        <v>32</v>
      </c>
      <c r="BG27" s="61">
        <v>27</v>
      </c>
      <c r="BH27" s="62">
        <v>59</v>
      </c>
      <c r="BI27" s="231"/>
      <c r="BJ27" s="61">
        <v>43</v>
      </c>
      <c r="BK27" s="61">
        <v>32</v>
      </c>
      <c r="BL27" s="61">
        <v>20</v>
      </c>
      <c r="BM27" s="61">
        <v>14</v>
      </c>
      <c r="BN27" s="61">
        <v>8</v>
      </c>
      <c r="BO27" s="62">
        <v>117</v>
      </c>
      <c r="BP27" s="63">
        <v>176</v>
      </c>
      <c r="BQ27" s="60">
        <v>32</v>
      </c>
      <c r="BR27" s="61">
        <v>23</v>
      </c>
      <c r="BS27" s="62">
        <v>55</v>
      </c>
      <c r="BT27" s="231"/>
      <c r="BU27" s="61">
        <v>31</v>
      </c>
      <c r="BV27" s="61">
        <v>30</v>
      </c>
      <c r="BW27" s="61">
        <v>20</v>
      </c>
      <c r="BX27" s="61">
        <v>13</v>
      </c>
      <c r="BY27" s="61">
        <v>9</v>
      </c>
      <c r="BZ27" s="62">
        <v>103</v>
      </c>
      <c r="CA27" s="63">
        <v>158</v>
      </c>
      <c r="CB27" s="60">
        <v>3</v>
      </c>
      <c r="CC27" s="61">
        <v>2</v>
      </c>
      <c r="CD27" s="62">
        <v>5</v>
      </c>
      <c r="CE27" s="231"/>
      <c r="CF27" s="61">
        <v>4</v>
      </c>
      <c r="CG27" s="61">
        <v>4</v>
      </c>
      <c r="CH27" s="61">
        <v>3</v>
      </c>
      <c r="CI27" s="61">
        <v>4</v>
      </c>
      <c r="CJ27" s="61">
        <v>1</v>
      </c>
      <c r="CK27" s="62">
        <v>16</v>
      </c>
      <c r="CL27" s="63">
        <v>21</v>
      </c>
      <c r="CM27" s="60">
        <v>114</v>
      </c>
      <c r="CN27" s="61">
        <v>90</v>
      </c>
      <c r="CO27" s="62">
        <v>204</v>
      </c>
      <c r="CP27" s="231"/>
      <c r="CQ27" s="61">
        <v>165</v>
      </c>
      <c r="CR27" s="61">
        <v>116</v>
      </c>
      <c r="CS27" s="61">
        <v>76</v>
      </c>
      <c r="CT27" s="61">
        <v>64</v>
      </c>
      <c r="CU27" s="61">
        <v>46</v>
      </c>
      <c r="CV27" s="62">
        <v>467</v>
      </c>
      <c r="CW27" s="63">
        <v>671</v>
      </c>
      <c r="CX27" s="113">
        <v>225</v>
      </c>
      <c r="CY27" s="72">
        <v>179</v>
      </c>
      <c r="CZ27" s="73">
        <v>404</v>
      </c>
      <c r="DA27" s="228"/>
      <c r="DB27" s="72">
        <v>278</v>
      </c>
      <c r="DC27" s="72">
        <v>184</v>
      </c>
      <c r="DD27" s="72">
        <v>143</v>
      </c>
      <c r="DE27" s="72">
        <v>193</v>
      </c>
      <c r="DF27" s="72">
        <v>113</v>
      </c>
      <c r="DG27" s="74">
        <v>911</v>
      </c>
      <c r="DH27" s="75">
        <v>1315</v>
      </c>
      <c r="DI27" s="60">
        <v>4</v>
      </c>
      <c r="DJ27" s="61">
        <v>5</v>
      </c>
      <c r="DK27" s="62">
        <v>9</v>
      </c>
      <c r="DL27" s="231"/>
      <c r="DM27" s="61">
        <v>2</v>
      </c>
      <c r="DN27" s="61">
        <v>2</v>
      </c>
      <c r="DO27" s="61">
        <v>2</v>
      </c>
      <c r="DP27" s="61">
        <v>4</v>
      </c>
      <c r="DQ27" s="61">
        <v>2</v>
      </c>
      <c r="DR27" s="62">
        <v>12</v>
      </c>
      <c r="DS27" s="63">
        <v>21</v>
      </c>
      <c r="DT27" s="60">
        <v>9</v>
      </c>
      <c r="DU27" s="61">
        <v>8</v>
      </c>
      <c r="DV27" s="62">
        <v>17</v>
      </c>
      <c r="DW27" s="231"/>
      <c r="DX27" s="61">
        <v>6</v>
      </c>
      <c r="DY27" s="61">
        <v>7</v>
      </c>
      <c r="DZ27" s="61">
        <v>3</v>
      </c>
      <c r="EA27" s="61">
        <v>6</v>
      </c>
      <c r="EB27" s="61">
        <v>3</v>
      </c>
      <c r="EC27" s="62">
        <v>25</v>
      </c>
      <c r="ED27" s="63">
        <v>42</v>
      </c>
      <c r="EE27" s="60">
        <v>33</v>
      </c>
      <c r="EF27" s="61">
        <v>17</v>
      </c>
      <c r="EG27" s="62">
        <v>50</v>
      </c>
      <c r="EH27" s="231"/>
      <c r="EI27" s="61">
        <v>23</v>
      </c>
      <c r="EJ27" s="61">
        <v>16</v>
      </c>
      <c r="EK27" s="61">
        <v>10</v>
      </c>
      <c r="EL27" s="61">
        <v>14</v>
      </c>
      <c r="EM27" s="61">
        <v>8</v>
      </c>
      <c r="EN27" s="62">
        <v>71</v>
      </c>
      <c r="EO27" s="63">
        <v>121</v>
      </c>
      <c r="EP27" s="60">
        <v>54</v>
      </c>
      <c r="EQ27" s="61">
        <v>40</v>
      </c>
      <c r="ER27" s="62">
        <v>94</v>
      </c>
      <c r="ES27" s="231"/>
      <c r="ET27" s="61">
        <v>67</v>
      </c>
      <c r="EU27" s="61">
        <v>31</v>
      </c>
      <c r="EV27" s="61">
        <v>23</v>
      </c>
      <c r="EW27" s="61">
        <v>31</v>
      </c>
      <c r="EX27" s="61">
        <v>21</v>
      </c>
      <c r="EY27" s="62">
        <v>173</v>
      </c>
      <c r="EZ27" s="63">
        <v>267</v>
      </c>
      <c r="FA27" s="60">
        <v>84</v>
      </c>
      <c r="FB27" s="61">
        <v>59</v>
      </c>
      <c r="FC27" s="62">
        <v>143</v>
      </c>
      <c r="FD27" s="231"/>
      <c r="FE27" s="61">
        <v>103</v>
      </c>
      <c r="FF27" s="61">
        <v>52</v>
      </c>
      <c r="FG27" s="61">
        <v>35</v>
      </c>
      <c r="FH27" s="61">
        <v>45</v>
      </c>
      <c r="FI27" s="61">
        <v>21</v>
      </c>
      <c r="FJ27" s="62">
        <v>256</v>
      </c>
      <c r="FK27" s="63">
        <v>399</v>
      </c>
      <c r="FL27" s="60">
        <v>41</v>
      </c>
      <c r="FM27" s="61">
        <v>50</v>
      </c>
      <c r="FN27" s="62">
        <v>91</v>
      </c>
      <c r="FO27" s="231"/>
      <c r="FP27" s="61">
        <v>77</v>
      </c>
      <c r="FQ27" s="61">
        <v>76</v>
      </c>
      <c r="FR27" s="61">
        <v>70</v>
      </c>
      <c r="FS27" s="61">
        <v>93</v>
      </c>
      <c r="FT27" s="61">
        <v>58</v>
      </c>
      <c r="FU27" s="62">
        <v>374</v>
      </c>
      <c r="FV27" s="63">
        <v>465</v>
      </c>
      <c r="FW27" s="60">
        <v>3</v>
      </c>
      <c r="FX27" s="61">
        <v>2</v>
      </c>
      <c r="FY27" s="62">
        <v>5</v>
      </c>
      <c r="FZ27" s="231"/>
      <c r="GA27" s="61">
        <v>1</v>
      </c>
      <c r="GB27" s="61">
        <v>2</v>
      </c>
      <c r="GC27" s="61">
        <v>2</v>
      </c>
      <c r="GD27" s="61">
        <v>2</v>
      </c>
      <c r="GE27" s="61">
        <v>4</v>
      </c>
      <c r="GF27" s="62">
        <v>11</v>
      </c>
      <c r="GG27" s="63">
        <v>16</v>
      </c>
      <c r="GH27" s="60">
        <v>228</v>
      </c>
      <c r="GI27" s="61">
        <v>181</v>
      </c>
      <c r="GJ27" s="62">
        <v>409</v>
      </c>
      <c r="GK27" s="231"/>
      <c r="GL27" s="61">
        <v>279</v>
      </c>
      <c r="GM27" s="61">
        <v>186</v>
      </c>
      <c r="GN27" s="61">
        <v>145</v>
      </c>
      <c r="GO27" s="61">
        <v>195</v>
      </c>
      <c r="GP27" s="61">
        <v>117</v>
      </c>
      <c r="GQ27" s="62">
        <v>922</v>
      </c>
      <c r="GR27" s="63">
        <v>1331</v>
      </c>
      <c r="GS27" s="113">
        <v>336</v>
      </c>
      <c r="GT27" s="72">
        <v>267</v>
      </c>
      <c r="GU27" s="73">
        <v>603</v>
      </c>
      <c r="GV27" s="228"/>
      <c r="GW27" s="72">
        <v>439</v>
      </c>
      <c r="GX27" s="72">
        <v>296</v>
      </c>
      <c r="GY27" s="72">
        <v>216</v>
      </c>
      <c r="GZ27" s="72">
        <v>253</v>
      </c>
      <c r="HA27" s="72">
        <v>158</v>
      </c>
      <c r="HB27" s="74">
        <v>1362</v>
      </c>
      <c r="HC27" s="75">
        <v>1965</v>
      </c>
      <c r="HD27" s="60">
        <v>6</v>
      </c>
      <c r="HE27" s="61">
        <v>7</v>
      </c>
      <c r="HF27" s="62">
        <v>13</v>
      </c>
      <c r="HG27" s="231"/>
      <c r="HH27" s="61">
        <v>7</v>
      </c>
      <c r="HI27" s="61">
        <v>4</v>
      </c>
      <c r="HJ27" s="61">
        <v>4</v>
      </c>
      <c r="HK27" s="61">
        <v>4</v>
      </c>
      <c r="HL27" s="61">
        <v>7</v>
      </c>
      <c r="HM27" s="62">
        <v>26</v>
      </c>
      <c r="HN27" s="63">
        <v>39</v>
      </c>
      <c r="HO27" s="60">
        <v>18</v>
      </c>
      <c r="HP27" s="61">
        <v>14</v>
      </c>
      <c r="HQ27" s="62">
        <v>32</v>
      </c>
      <c r="HR27" s="231"/>
      <c r="HS27" s="61">
        <v>19</v>
      </c>
      <c r="HT27" s="61">
        <v>15</v>
      </c>
      <c r="HU27" s="61">
        <v>6</v>
      </c>
      <c r="HV27" s="61">
        <v>9</v>
      </c>
      <c r="HW27" s="61">
        <v>12</v>
      </c>
      <c r="HX27" s="62">
        <v>61</v>
      </c>
      <c r="HY27" s="63">
        <v>93</v>
      </c>
      <c r="HZ27" s="60">
        <v>48</v>
      </c>
      <c r="IA27" s="61">
        <v>29</v>
      </c>
      <c r="IB27" s="62">
        <v>77</v>
      </c>
      <c r="IC27" s="231"/>
      <c r="ID27" s="61">
        <v>45</v>
      </c>
      <c r="IE27" s="61">
        <v>36</v>
      </c>
      <c r="IF27" s="61">
        <v>22</v>
      </c>
      <c r="IG27" s="61">
        <v>27</v>
      </c>
      <c r="IH27" s="61">
        <v>9</v>
      </c>
      <c r="II27" s="62">
        <v>139</v>
      </c>
      <c r="IJ27" s="63">
        <v>216</v>
      </c>
      <c r="IK27" s="60">
        <v>75</v>
      </c>
      <c r="IL27" s="61">
        <v>58</v>
      </c>
      <c r="IM27" s="62">
        <v>133</v>
      </c>
      <c r="IN27" s="231"/>
      <c r="IO27" s="61">
        <v>114</v>
      </c>
      <c r="IP27" s="61">
        <v>51</v>
      </c>
      <c r="IQ27" s="61">
        <v>39</v>
      </c>
      <c r="IR27" s="61">
        <v>48</v>
      </c>
      <c r="IS27" s="61">
        <v>34</v>
      </c>
      <c r="IT27" s="62">
        <v>286</v>
      </c>
      <c r="IU27" s="63">
        <v>419</v>
      </c>
      <c r="IV27" s="60">
        <v>116</v>
      </c>
      <c r="IW27" s="61">
        <v>86</v>
      </c>
      <c r="IX27" s="62">
        <v>202</v>
      </c>
      <c r="IY27" s="231"/>
      <c r="IZ27" s="61">
        <v>146</v>
      </c>
      <c r="JA27" s="61">
        <v>84</v>
      </c>
      <c r="JB27" s="61">
        <v>55</v>
      </c>
      <c r="JC27" s="61">
        <v>59</v>
      </c>
      <c r="JD27" s="61">
        <v>29</v>
      </c>
      <c r="JE27" s="62">
        <v>373</v>
      </c>
      <c r="JF27" s="63">
        <v>575</v>
      </c>
      <c r="JG27" s="60">
        <v>73</v>
      </c>
      <c r="JH27" s="61">
        <v>73</v>
      </c>
      <c r="JI27" s="62">
        <v>146</v>
      </c>
      <c r="JJ27" s="231"/>
      <c r="JK27" s="61">
        <v>108</v>
      </c>
      <c r="JL27" s="61">
        <v>106</v>
      </c>
      <c r="JM27" s="61">
        <v>90</v>
      </c>
      <c r="JN27" s="61">
        <v>106</v>
      </c>
      <c r="JO27" s="61">
        <v>67</v>
      </c>
      <c r="JP27" s="62">
        <v>477</v>
      </c>
      <c r="JQ27" s="63">
        <v>623</v>
      </c>
      <c r="JR27" s="60">
        <v>6</v>
      </c>
      <c r="JS27" s="61">
        <v>4</v>
      </c>
      <c r="JT27" s="62">
        <v>10</v>
      </c>
      <c r="JU27" s="231"/>
      <c r="JV27" s="61">
        <v>5</v>
      </c>
      <c r="JW27" s="61">
        <v>6</v>
      </c>
      <c r="JX27" s="61">
        <v>5</v>
      </c>
      <c r="JY27" s="61">
        <v>6</v>
      </c>
      <c r="JZ27" s="61">
        <v>5</v>
      </c>
      <c r="KA27" s="62">
        <v>27</v>
      </c>
      <c r="KB27" s="63">
        <v>37</v>
      </c>
      <c r="KC27" s="60">
        <v>342</v>
      </c>
      <c r="KD27" s="61">
        <v>271</v>
      </c>
      <c r="KE27" s="62">
        <v>613</v>
      </c>
      <c r="KF27" s="231"/>
      <c r="KG27" s="61">
        <v>444</v>
      </c>
      <c r="KH27" s="61">
        <v>302</v>
      </c>
      <c r="KI27" s="61">
        <v>221</v>
      </c>
      <c r="KJ27" s="61">
        <v>259</v>
      </c>
      <c r="KK27" s="61">
        <v>163</v>
      </c>
      <c r="KL27" s="62">
        <v>1389</v>
      </c>
      <c r="KM27" s="63">
        <v>2002</v>
      </c>
    </row>
    <row r="28" spans="2:299" ht="21" customHeight="1" x14ac:dyDescent="0.2">
      <c r="B28" s="468" t="s">
        <v>25</v>
      </c>
      <c r="C28" s="291">
        <v>128</v>
      </c>
      <c r="D28" s="72">
        <v>116</v>
      </c>
      <c r="E28" s="73">
        <v>244</v>
      </c>
      <c r="F28" s="228"/>
      <c r="G28" s="72">
        <v>211</v>
      </c>
      <c r="H28" s="72">
        <v>139</v>
      </c>
      <c r="I28" s="72">
        <v>91</v>
      </c>
      <c r="J28" s="72">
        <v>113</v>
      </c>
      <c r="K28" s="72">
        <v>65</v>
      </c>
      <c r="L28" s="74">
        <v>619</v>
      </c>
      <c r="M28" s="75">
        <v>863</v>
      </c>
      <c r="N28" s="60">
        <v>4</v>
      </c>
      <c r="O28" s="61">
        <v>3</v>
      </c>
      <c r="P28" s="62">
        <v>7</v>
      </c>
      <c r="Q28" s="231"/>
      <c r="R28" s="61">
        <v>9</v>
      </c>
      <c r="S28" s="61">
        <v>6</v>
      </c>
      <c r="T28" s="61">
        <v>1</v>
      </c>
      <c r="U28" s="61">
        <v>6</v>
      </c>
      <c r="V28" s="61">
        <v>0</v>
      </c>
      <c r="W28" s="62">
        <v>22</v>
      </c>
      <c r="X28" s="63">
        <v>29</v>
      </c>
      <c r="Y28" s="60">
        <v>18</v>
      </c>
      <c r="Z28" s="61">
        <v>12</v>
      </c>
      <c r="AA28" s="62">
        <v>30</v>
      </c>
      <c r="AB28" s="231"/>
      <c r="AC28" s="61">
        <v>17</v>
      </c>
      <c r="AD28" s="61">
        <v>19</v>
      </c>
      <c r="AE28" s="61">
        <v>9</v>
      </c>
      <c r="AF28" s="61">
        <v>16</v>
      </c>
      <c r="AG28" s="61">
        <v>9</v>
      </c>
      <c r="AH28" s="62">
        <v>70</v>
      </c>
      <c r="AI28" s="63">
        <v>100</v>
      </c>
      <c r="AJ28" s="60">
        <v>18</v>
      </c>
      <c r="AK28" s="61">
        <v>15</v>
      </c>
      <c r="AL28" s="62">
        <v>33</v>
      </c>
      <c r="AM28" s="231"/>
      <c r="AN28" s="61">
        <v>42</v>
      </c>
      <c r="AO28" s="61">
        <v>23</v>
      </c>
      <c r="AP28" s="61">
        <v>16</v>
      </c>
      <c r="AQ28" s="61">
        <v>25</v>
      </c>
      <c r="AR28" s="61">
        <v>11</v>
      </c>
      <c r="AS28" s="62">
        <v>117</v>
      </c>
      <c r="AT28" s="63">
        <v>150</v>
      </c>
      <c r="AU28" s="60">
        <v>41</v>
      </c>
      <c r="AV28" s="61">
        <v>37</v>
      </c>
      <c r="AW28" s="62">
        <v>78</v>
      </c>
      <c r="AX28" s="231"/>
      <c r="AY28" s="61">
        <v>62</v>
      </c>
      <c r="AZ28" s="61">
        <v>35</v>
      </c>
      <c r="BA28" s="61">
        <v>29</v>
      </c>
      <c r="BB28" s="61">
        <v>26</v>
      </c>
      <c r="BC28" s="61">
        <v>18</v>
      </c>
      <c r="BD28" s="62">
        <v>170</v>
      </c>
      <c r="BE28" s="63">
        <v>248</v>
      </c>
      <c r="BF28" s="60">
        <v>36</v>
      </c>
      <c r="BG28" s="61">
        <v>33</v>
      </c>
      <c r="BH28" s="62">
        <v>69</v>
      </c>
      <c r="BI28" s="231"/>
      <c r="BJ28" s="61">
        <v>53</v>
      </c>
      <c r="BK28" s="61">
        <v>29</v>
      </c>
      <c r="BL28" s="61">
        <v>29</v>
      </c>
      <c r="BM28" s="61">
        <v>21</v>
      </c>
      <c r="BN28" s="61">
        <v>19</v>
      </c>
      <c r="BO28" s="62">
        <v>151</v>
      </c>
      <c r="BP28" s="63">
        <v>220</v>
      </c>
      <c r="BQ28" s="60">
        <v>11</v>
      </c>
      <c r="BR28" s="61">
        <v>16</v>
      </c>
      <c r="BS28" s="62">
        <v>27</v>
      </c>
      <c r="BT28" s="231"/>
      <c r="BU28" s="61">
        <v>28</v>
      </c>
      <c r="BV28" s="61">
        <v>27</v>
      </c>
      <c r="BW28" s="61">
        <v>7</v>
      </c>
      <c r="BX28" s="61">
        <v>19</v>
      </c>
      <c r="BY28" s="61">
        <v>8</v>
      </c>
      <c r="BZ28" s="62">
        <v>89</v>
      </c>
      <c r="CA28" s="63">
        <v>116</v>
      </c>
      <c r="CB28" s="60">
        <v>2</v>
      </c>
      <c r="CC28" s="61">
        <v>2</v>
      </c>
      <c r="CD28" s="62">
        <v>4</v>
      </c>
      <c r="CE28" s="231"/>
      <c r="CF28" s="61">
        <v>2</v>
      </c>
      <c r="CG28" s="61">
        <v>10</v>
      </c>
      <c r="CH28" s="61">
        <v>3</v>
      </c>
      <c r="CI28" s="61">
        <v>4</v>
      </c>
      <c r="CJ28" s="61">
        <v>3</v>
      </c>
      <c r="CK28" s="62">
        <v>22</v>
      </c>
      <c r="CL28" s="63">
        <v>26</v>
      </c>
      <c r="CM28" s="60">
        <v>130</v>
      </c>
      <c r="CN28" s="61">
        <v>118</v>
      </c>
      <c r="CO28" s="62">
        <v>248</v>
      </c>
      <c r="CP28" s="231"/>
      <c r="CQ28" s="61">
        <v>213</v>
      </c>
      <c r="CR28" s="61">
        <v>149</v>
      </c>
      <c r="CS28" s="61">
        <v>94</v>
      </c>
      <c r="CT28" s="61">
        <v>117</v>
      </c>
      <c r="CU28" s="61">
        <v>68</v>
      </c>
      <c r="CV28" s="62">
        <v>641</v>
      </c>
      <c r="CW28" s="63">
        <v>889</v>
      </c>
      <c r="CX28" s="113">
        <v>212</v>
      </c>
      <c r="CY28" s="72">
        <v>239</v>
      </c>
      <c r="CZ28" s="73">
        <v>451</v>
      </c>
      <c r="DA28" s="228"/>
      <c r="DB28" s="72">
        <v>324</v>
      </c>
      <c r="DC28" s="72">
        <v>223</v>
      </c>
      <c r="DD28" s="72">
        <v>167</v>
      </c>
      <c r="DE28" s="72">
        <v>180</v>
      </c>
      <c r="DF28" s="72">
        <v>100</v>
      </c>
      <c r="DG28" s="74">
        <v>994</v>
      </c>
      <c r="DH28" s="75">
        <v>1445</v>
      </c>
      <c r="DI28" s="60">
        <v>4</v>
      </c>
      <c r="DJ28" s="61">
        <v>4</v>
      </c>
      <c r="DK28" s="62">
        <v>8</v>
      </c>
      <c r="DL28" s="231"/>
      <c r="DM28" s="61">
        <v>10</v>
      </c>
      <c r="DN28" s="61">
        <v>6</v>
      </c>
      <c r="DO28" s="61">
        <v>3</v>
      </c>
      <c r="DP28" s="61">
        <v>1</v>
      </c>
      <c r="DQ28" s="61">
        <v>4</v>
      </c>
      <c r="DR28" s="62">
        <v>24</v>
      </c>
      <c r="DS28" s="63">
        <v>32</v>
      </c>
      <c r="DT28" s="60">
        <v>15</v>
      </c>
      <c r="DU28" s="61">
        <v>20</v>
      </c>
      <c r="DV28" s="62">
        <v>35</v>
      </c>
      <c r="DW28" s="231"/>
      <c r="DX28" s="61">
        <v>22</v>
      </c>
      <c r="DY28" s="61">
        <v>9</v>
      </c>
      <c r="DZ28" s="61">
        <v>12</v>
      </c>
      <c r="EA28" s="61">
        <v>8</v>
      </c>
      <c r="EB28" s="61">
        <v>11</v>
      </c>
      <c r="EC28" s="62">
        <v>62</v>
      </c>
      <c r="ED28" s="63">
        <v>97</v>
      </c>
      <c r="EE28" s="60">
        <v>31</v>
      </c>
      <c r="EF28" s="61">
        <v>29</v>
      </c>
      <c r="EG28" s="62">
        <v>60</v>
      </c>
      <c r="EH28" s="231"/>
      <c r="EI28" s="61">
        <v>50</v>
      </c>
      <c r="EJ28" s="61">
        <v>38</v>
      </c>
      <c r="EK28" s="61">
        <v>17</v>
      </c>
      <c r="EL28" s="61">
        <v>19</v>
      </c>
      <c r="EM28" s="61">
        <v>10</v>
      </c>
      <c r="EN28" s="62">
        <v>134</v>
      </c>
      <c r="EO28" s="63">
        <v>194</v>
      </c>
      <c r="EP28" s="60">
        <v>76</v>
      </c>
      <c r="EQ28" s="61">
        <v>67</v>
      </c>
      <c r="ER28" s="62">
        <v>143</v>
      </c>
      <c r="ES28" s="231"/>
      <c r="ET28" s="61">
        <v>87</v>
      </c>
      <c r="EU28" s="61">
        <v>53</v>
      </c>
      <c r="EV28" s="61">
        <v>37</v>
      </c>
      <c r="EW28" s="61">
        <v>40</v>
      </c>
      <c r="EX28" s="61">
        <v>13</v>
      </c>
      <c r="EY28" s="62">
        <v>230</v>
      </c>
      <c r="EZ28" s="63">
        <v>373</v>
      </c>
      <c r="FA28" s="60">
        <v>58</v>
      </c>
      <c r="FB28" s="61">
        <v>75</v>
      </c>
      <c r="FC28" s="62">
        <v>133</v>
      </c>
      <c r="FD28" s="231"/>
      <c r="FE28" s="61">
        <v>83</v>
      </c>
      <c r="FF28" s="61">
        <v>53</v>
      </c>
      <c r="FG28" s="61">
        <v>48</v>
      </c>
      <c r="FH28" s="61">
        <v>44</v>
      </c>
      <c r="FI28" s="61">
        <v>35</v>
      </c>
      <c r="FJ28" s="62">
        <v>263</v>
      </c>
      <c r="FK28" s="63">
        <v>396</v>
      </c>
      <c r="FL28" s="60">
        <v>28</v>
      </c>
      <c r="FM28" s="61">
        <v>44</v>
      </c>
      <c r="FN28" s="62">
        <v>72</v>
      </c>
      <c r="FO28" s="231"/>
      <c r="FP28" s="61">
        <v>72</v>
      </c>
      <c r="FQ28" s="61">
        <v>64</v>
      </c>
      <c r="FR28" s="61">
        <v>50</v>
      </c>
      <c r="FS28" s="61">
        <v>68</v>
      </c>
      <c r="FT28" s="61">
        <v>27</v>
      </c>
      <c r="FU28" s="62">
        <v>281</v>
      </c>
      <c r="FV28" s="63">
        <v>353</v>
      </c>
      <c r="FW28" s="60">
        <v>3</v>
      </c>
      <c r="FX28" s="61">
        <v>4</v>
      </c>
      <c r="FY28" s="62">
        <v>7</v>
      </c>
      <c r="FZ28" s="231"/>
      <c r="GA28" s="61">
        <v>4</v>
      </c>
      <c r="GB28" s="61">
        <v>3</v>
      </c>
      <c r="GC28" s="61">
        <v>2</v>
      </c>
      <c r="GD28" s="61">
        <v>1</v>
      </c>
      <c r="GE28" s="61">
        <v>7</v>
      </c>
      <c r="GF28" s="62">
        <v>17</v>
      </c>
      <c r="GG28" s="63">
        <v>24</v>
      </c>
      <c r="GH28" s="60">
        <v>215</v>
      </c>
      <c r="GI28" s="61">
        <v>243</v>
      </c>
      <c r="GJ28" s="62">
        <v>458</v>
      </c>
      <c r="GK28" s="231"/>
      <c r="GL28" s="61">
        <v>328</v>
      </c>
      <c r="GM28" s="61">
        <v>226</v>
      </c>
      <c r="GN28" s="61">
        <v>169</v>
      </c>
      <c r="GO28" s="61">
        <v>181</v>
      </c>
      <c r="GP28" s="61">
        <v>107</v>
      </c>
      <c r="GQ28" s="62">
        <v>1011</v>
      </c>
      <c r="GR28" s="63">
        <v>1469</v>
      </c>
      <c r="GS28" s="113">
        <v>340</v>
      </c>
      <c r="GT28" s="72">
        <v>355</v>
      </c>
      <c r="GU28" s="73">
        <v>695</v>
      </c>
      <c r="GV28" s="228"/>
      <c r="GW28" s="72">
        <v>535</v>
      </c>
      <c r="GX28" s="72">
        <v>362</v>
      </c>
      <c r="GY28" s="72">
        <v>258</v>
      </c>
      <c r="GZ28" s="72">
        <v>293</v>
      </c>
      <c r="HA28" s="72">
        <v>165</v>
      </c>
      <c r="HB28" s="74">
        <v>1613</v>
      </c>
      <c r="HC28" s="75">
        <v>2308</v>
      </c>
      <c r="HD28" s="60">
        <v>8</v>
      </c>
      <c r="HE28" s="61">
        <v>7</v>
      </c>
      <c r="HF28" s="62">
        <v>15</v>
      </c>
      <c r="HG28" s="231"/>
      <c r="HH28" s="61">
        <v>19</v>
      </c>
      <c r="HI28" s="61">
        <v>12</v>
      </c>
      <c r="HJ28" s="61">
        <v>4</v>
      </c>
      <c r="HK28" s="61">
        <v>7</v>
      </c>
      <c r="HL28" s="61">
        <v>4</v>
      </c>
      <c r="HM28" s="62">
        <v>46</v>
      </c>
      <c r="HN28" s="63">
        <v>61</v>
      </c>
      <c r="HO28" s="60">
        <v>33</v>
      </c>
      <c r="HP28" s="61">
        <v>32</v>
      </c>
      <c r="HQ28" s="62">
        <v>65</v>
      </c>
      <c r="HR28" s="231"/>
      <c r="HS28" s="61">
        <v>39</v>
      </c>
      <c r="HT28" s="61">
        <v>28</v>
      </c>
      <c r="HU28" s="61">
        <v>21</v>
      </c>
      <c r="HV28" s="61">
        <v>24</v>
      </c>
      <c r="HW28" s="61">
        <v>20</v>
      </c>
      <c r="HX28" s="62">
        <v>132</v>
      </c>
      <c r="HY28" s="63">
        <v>197</v>
      </c>
      <c r="HZ28" s="60">
        <v>49</v>
      </c>
      <c r="IA28" s="61">
        <v>44</v>
      </c>
      <c r="IB28" s="62">
        <v>93</v>
      </c>
      <c r="IC28" s="231"/>
      <c r="ID28" s="61">
        <v>92</v>
      </c>
      <c r="IE28" s="61">
        <v>61</v>
      </c>
      <c r="IF28" s="61">
        <v>33</v>
      </c>
      <c r="IG28" s="61">
        <v>44</v>
      </c>
      <c r="IH28" s="61">
        <v>21</v>
      </c>
      <c r="II28" s="62">
        <v>251</v>
      </c>
      <c r="IJ28" s="63">
        <v>344</v>
      </c>
      <c r="IK28" s="60">
        <v>117</v>
      </c>
      <c r="IL28" s="61">
        <v>104</v>
      </c>
      <c r="IM28" s="62">
        <v>221</v>
      </c>
      <c r="IN28" s="231"/>
      <c r="IO28" s="61">
        <v>149</v>
      </c>
      <c r="IP28" s="61">
        <v>88</v>
      </c>
      <c r="IQ28" s="61">
        <v>66</v>
      </c>
      <c r="IR28" s="61">
        <v>66</v>
      </c>
      <c r="IS28" s="61">
        <v>31</v>
      </c>
      <c r="IT28" s="62">
        <v>400</v>
      </c>
      <c r="IU28" s="63">
        <v>621</v>
      </c>
      <c r="IV28" s="60">
        <v>94</v>
      </c>
      <c r="IW28" s="61">
        <v>108</v>
      </c>
      <c r="IX28" s="62">
        <v>202</v>
      </c>
      <c r="IY28" s="231"/>
      <c r="IZ28" s="61">
        <v>136</v>
      </c>
      <c r="JA28" s="61">
        <v>82</v>
      </c>
      <c r="JB28" s="61">
        <v>77</v>
      </c>
      <c r="JC28" s="61">
        <v>65</v>
      </c>
      <c r="JD28" s="61">
        <v>54</v>
      </c>
      <c r="JE28" s="62">
        <v>414</v>
      </c>
      <c r="JF28" s="63">
        <v>616</v>
      </c>
      <c r="JG28" s="60">
        <v>39</v>
      </c>
      <c r="JH28" s="61">
        <v>60</v>
      </c>
      <c r="JI28" s="62">
        <v>99</v>
      </c>
      <c r="JJ28" s="231"/>
      <c r="JK28" s="61">
        <v>100</v>
      </c>
      <c r="JL28" s="61">
        <v>91</v>
      </c>
      <c r="JM28" s="61">
        <v>57</v>
      </c>
      <c r="JN28" s="61">
        <v>87</v>
      </c>
      <c r="JO28" s="61">
        <v>35</v>
      </c>
      <c r="JP28" s="62">
        <v>370</v>
      </c>
      <c r="JQ28" s="63">
        <v>469</v>
      </c>
      <c r="JR28" s="60">
        <v>5</v>
      </c>
      <c r="JS28" s="61">
        <v>6</v>
      </c>
      <c r="JT28" s="62">
        <v>11</v>
      </c>
      <c r="JU28" s="231"/>
      <c r="JV28" s="61">
        <v>6</v>
      </c>
      <c r="JW28" s="61">
        <v>13</v>
      </c>
      <c r="JX28" s="61">
        <v>5</v>
      </c>
      <c r="JY28" s="61">
        <v>5</v>
      </c>
      <c r="JZ28" s="61">
        <v>10</v>
      </c>
      <c r="KA28" s="62">
        <v>39</v>
      </c>
      <c r="KB28" s="63">
        <v>50</v>
      </c>
      <c r="KC28" s="60">
        <v>345</v>
      </c>
      <c r="KD28" s="61">
        <v>361</v>
      </c>
      <c r="KE28" s="62">
        <v>706</v>
      </c>
      <c r="KF28" s="231"/>
      <c r="KG28" s="61">
        <v>541</v>
      </c>
      <c r="KH28" s="61">
        <v>375</v>
      </c>
      <c r="KI28" s="61">
        <v>263</v>
      </c>
      <c r="KJ28" s="61">
        <v>298</v>
      </c>
      <c r="KK28" s="61">
        <v>175</v>
      </c>
      <c r="KL28" s="62">
        <v>1652</v>
      </c>
      <c r="KM28" s="63">
        <v>2358</v>
      </c>
    </row>
    <row r="29" spans="2:299" ht="21" customHeight="1" x14ac:dyDescent="0.2">
      <c r="B29" s="468" t="s">
        <v>26</v>
      </c>
      <c r="C29" s="291">
        <v>87</v>
      </c>
      <c r="D29" s="72">
        <v>64</v>
      </c>
      <c r="E29" s="73">
        <v>151</v>
      </c>
      <c r="F29" s="228"/>
      <c r="G29" s="72">
        <v>139</v>
      </c>
      <c r="H29" s="72">
        <v>110</v>
      </c>
      <c r="I29" s="72">
        <v>102</v>
      </c>
      <c r="J29" s="72">
        <v>76</v>
      </c>
      <c r="K29" s="72">
        <v>49</v>
      </c>
      <c r="L29" s="74">
        <v>476</v>
      </c>
      <c r="M29" s="75">
        <v>627</v>
      </c>
      <c r="N29" s="60">
        <v>4</v>
      </c>
      <c r="O29" s="61">
        <v>1</v>
      </c>
      <c r="P29" s="62">
        <v>5</v>
      </c>
      <c r="Q29" s="231"/>
      <c r="R29" s="61">
        <v>4</v>
      </c>
      <c r="S29" s="61">
        <v>2</v>
      </c>
      <c r="T29" s="61">
        <v>7</v>
      </c>
      <c r="U29" s="61">
        <v>3</v>
      </c>
      <c r="V29" s="61">
        <v>1</v>
      </c>
      <c r="W29" s="62">
        <v>17</v>
      </c>
      <c r="X29" s="63">
        <v>22</v>
      </c>
      <c r="Y29" s="60">
        <v>3</v>
      </c>
      <c r="Z29" s="61">
        <v>9</v>
      </c>
      <c r="AA29" s="62">
        <v>12</v>
      </c>
      <c r="AB29" s="231"/>
      <c r="AC29" s="61">
        <v>15</v>
      </c>
      <c r="AD29" s="61">
        <v>10</v>
      </c>
      <c r="AE29" s="61">
        <v>7</v>
      </c>
      <c r="AF29" s="61">
        <v>10</v>
      </c>
      <c r="AG29" s="61">
        <v>10</v>
      </c>
      <c r="AH29" s="62">
        <v>52</v>
      </c>
      <c r="AI29" s="63">
        <v>64</v>
      </c>
      <c r="AJ29" s="60">
        <v>9</v>
      </c>
      <c r="AK29" s="61">
        <v>12</v>
      </c>
      <c r="AL29" s="62">
        <v>21</v>
      </c>
      <c r="AM29" s="231"/>
      <c r="AN29" s="61">
        <v>19</v>
      </c>
      <c r="AO29" s="61">
        <v>13</v>
      </c>
      <c r="AP29" s="61">
        <v>15</v>
      </c>
      <c r="AQ29" s="61">
        <v>11</v>
      </c>
      <c r="AR29" s="61">
        <v>8</v>
      </c>
      <c r="AS29" s="62">
        <v>66</v>
      </c>
      <c r="AT29" s="63">
        <v>87</v>
      </c>
      <c r="AU29" s="60">
        <v>29</v>
      </c>
      <c r="AV29" s="61">
        <v>16</v>
      </c>
      <c r="AW29" s="62">
        <v>45</v>
      </c>
      <c r="AX29" s="231"/>
      <c r="AY29" s="61">
        <v>39</v>
      </c>
      <c r="AZ29" s="61">
        <v>29</v>
      </c>
      <c r="BA29" s="61">
        <v>21</v>
      </c>
      <c r="BB29" s="61">
        <v>21</v>
      </c>
      <c r="BC29" s="61">
        <v>9</v>
      </c>
      <c r="BD29" s="62">
        <v>119</v>
      </c>
      <c r="BE29" s="63">
        <v>164</v>
      </c>
      <c r="BF29" s="60">
        <v>22</v>
      </c>
      <c r="BG29" s="61">
        <v>16</v>
      </c>
      <c r="BH29" s="62">
        <v>38</v>
      </c>
      <c r="BI29" s="231"/>
      <c r="BJ29" s="61">
        <v>39</v>
      </c>
      <c r="BK29" s="61">
        <v>32</v>
      </c>
      <c r="BL29" s="61">
        <v>36</v>
      </c>
      <c r="BM29" s="61">
        <v>18</v>
      </c>
      <c r="BN29" s="61">
        <v>10</v>
      </c>
      <c r="BO29" s="62">
        <v>135</v>
      </c>
      <c r="BP29" s="63">
        <v>173</v>
      </c>
      <c r="BQ29" s="60">
        <v>20</v>
      </c>
      <c r="BR29" s="61">
        <v>10</v>
      </c>
      <c r="BS29" s="62">
        <v>30</v>
      </c>
      <c r="BT29" s="231"/>
      <c r="BU29" s="61">
        <v>23</v>
      </c>
      <c r="BV29" s="61">
        <v>24</v>
      </c>
      <c r="BW29" s="61">
        <v>16</v>
      </c>
      <c r="BX29" s="61">
        <v>13</v>
      </c>
      <c r="BY29" s="61">
        <v>11</v>
      </c>
      <c r="BZ29" s="62">
        <v>87</v>
      </c>
      <c r="CA29" s="63">
        <v>117</v>
      </c>
      <c r="CB29" s="60">
        <v>4</v>
      </c>
      <c r="CC29" s="61">
        <v>0</v>
      </c>
      <c r="CD29" s="62">
        <v>4</v>
      </c>
      <c r="CE29" s="231"/>
      <c r="CF29" s="61">
        <v>5</v>
      </c>
      <c r="CG29" s="61">
        <v>6</v>
      </c>
      <c r="CH29" s="61">
        <v>2</v>
      </c>
      <c r="CI29" s="61">
        <v>2</v>
      </c>
      <c r="CJ29" s="61">
        <v>0</v>
      </c>
      <c r="CK29" s="62">
        <v>15</v>
      </c>
      <c r="CL29" s="63">
        <v>19</v>
      </c>
      <c r="CM29" s="60">
        <v>91</v>
      </c>
      <c r="CN29" s="61">
        <v>64</v>
      </c>
      <c r="CO29" s="62">
        <v>155</v>
      </c>
      <c r="CP29" s="231"/>
      <c r="CQ29" s="61">
        <v>144</v>
      </c>
      <c r="CR29" s="61">
        <v>116</v>
      </c>
      <c r="CS29" s="61">
        <v>104</v>
      </c>
      <c r="CT29" s="61">
        <v>78</v>
      </c>
      <c r="CU29" s="61">
        <v>49</v>
      </c>
      <c r="CV29" s="62">
        <v>491</v>
      </c>
      <c r="CW29" s="63">
        <v>646</v>
      </c>
      <c r="CX29" s="113">
        <v>177</v>
      </c>
      <c r="CY29" s="72">
        <v>231</v>
      </c>
      <c r="CZ29" s="73">
        <v>408</v>
      </c>
      <c r="DA29" s="228"/>
      <c r="DB29" s="72">
        <v>258</v>
      </c>
      <c r="DC29" s="72">
        <v>235</v>
      </c>
      <c r="DD29" s="72">
        <v>171</v>
      </c>
      <c r="DE29" s="72">
        <v>136</v>
      </c>
      <c r="DF29" s="72">
        <v>112</v>
      </c>
      <c r="DG29" s="74">
        <v>912</v>
      </c>
      <c r="DH29" s="75">
        <v>1320</v>
      </c>
      <c r="DI29" s="60">
        <v>1</v>
      </c>
      <c r="DJ29" s="61">
        <v>5</v>
      </c>
      <c r="DK29" s="62">
        <v>6</v>
      </c>
      <c r="DL29" s="231"/>
      <c r="DM29" s="61">
        <v>3</v>
      </c>
      <c r="DN29" s="61">
        <v>7</v>
      </c>
      <c r="DO29" s="61">
        <v>3</v>
      </c>
      <c r="DP29" s="61">
        <v>1</v>
      </c>
      <c r="DQ29" s="61">
        <v>1</v>
      </c>
      <c r="DR29" s="62">
        <v>15</v>
      </c>
      <c r="DS29" s="63">
        <v>21</v>
      </c>
      <c r="DT29" s="60">
        <v>12</v>
      </c>
      <c r="DU29" s="61">
        <v>14</v>
      </c>
      <c r="DV29" s="62">
        <v>26</v>
      </c>
      <c r="DW29" s="231"/>
      <c r="DX29" s="61">
        <v>18</v>
      </c>
      <c r="DY29" s="61">
        <v>15</v>
      </c>
      <c r="DZ29" s="61">
        <v>2</v>
      </c>
      <c r="EA29" s="61">
        <v>5</v>
      </c>
      <c r="EB29" s="61">
        <v>3</v>
      </c>
      <c r="EC29" s="62">
        <v>43</v>
      </c>
      <c r="ED29" s="63">
        <v>69</v>
      </c>
      <c r="EE29" s="60">
        <v>23</v>
      </c>
      <c r="EF29" s="61">
        <v>36</v>
      </c>
      <c r="EG29" s="62">
        <v>59</v>
      </c>
      <c r="EH29" s="231"/>
      <c r="EI29" s="61">
        <v>29</v>
      </c>
      <c r="EJ29" s="61">
        <v>31</v>
      </c>
      <c r="EK29" s="61">
        <v>15</v>
      </c>
      <c r="EL29" s="61">
        <v>13</v>
      </c>
      <c r="EM29" s="61">
        <v>9</v>
      </c>
      <c r="EN29" s="62">
        <v>97</v>
      </c>
      <c r="EO29" s="63">
        <v>156</v>
      </c>
      <c r="EP29" s="60">
        <v>43</v>
      </c>
      <c r="EQ29" s="61">
        <v>64</v>
      </c>
      <c r="ER29" s="62">
        <v>107</v>
      </c>
      <c r="ES29" s="231"/>
      <c r="ET29" s="61">
        <v>62</v>
      </c>
      <c r="EU29" s="61">
        <v>41</v>
      </c>
      <c r="EV29" s="61">
        <v>32</v>
      </c>
      <c r="EW29" s="61">
        <v>20</v>
      </c>
      <c r="EX29" s="61">
        <v>16</v>
      </c>
      <c r="EY29" s="62">
        <v>171</v>
      </c>
      <c r="EZ29" s="63">
        <v>278</v>
      </c>
      <c r="FA29" s="60">
        <v>53</v>
      </c>
      <c r="FB29" s="61">
        <v>68</v>
      </c>
      <c r="FC29" s="62">
        <v>121</v>
      </c>
      <c r="FD29" s="231"/>
      <c r="FE29" s="61">
        <v>79</v>
      </c>
      <c r="FF29" s="61">
        <v>59</v>
      </c>
      <c r="FG29" s="61">
        <v>43</v>
      </c>
      <c r="FH29" s="61">
        <v>26</v>
      </c>
      <c r="FI29" s="61">
        <v>24</v>
      </c>
      <c r="FJ29" s="62">
        <v>231</v>
      </c>
      <c r="FK29" s="63">
        <v>352</v>
      </c>
      <c r="FL29" s="60">
        <v>45</v>
      </c>
      <c r="FM29" s="61">
        <v>44</v>
      </c>
      <c r="FN29" s="62">
        <v>89</v>
      </c>
      <c r="FO29" s="231"/>
      <c r="FP29" s="61">
        <v>67</v>
      </c>
      <c r="FQ29" s="61">
        <v>82</v>
      </c>
      <c r="FR29" s="61">
        <v>76</v>
      </c>
      <c r="FS29" s="61">
        <v>71</v>
      </c>
      <c r="FT29" s="61">
        <v>59</v>
      </c>
      <c r="FU29" s="62">
        <v>355</v>
      </c>
      <c r="FV29" s="63">
        <v>444</v>
      </c>
      <c r="FW29" s="60">
        <v>0</v>
      </c>
      <c r="FX29" s="61">
        <v>2</v>
      </c>
      <c r="FY29" s="62">
        <v>2</v>
      </c>
      <c r="FZ29" s="231"/>
      <c r="GA29" s="61">
        <v>2</v>
      </c>
      <c r="GB29" s="61">
        <v>0</v>
      </c>
      <c r="GC29" s="61">
        <v>3</v>
      </c>
      <c r="GD29" s="61">
        <v>6</v>
      </c>
      <c r="GE29" s="61">
        <v>4</v>
      </c>
      <c r="GF29" s="62">
        <v>15</v>
      </c>
      <c r="GG29" s="63">
        <v>17</v>
      </c>
      <c r="GH29" s="60">
        <v>177</v>
      </c>
      <c r="GI29" s="61">
        <v>233</v>
      </c>
      <c r="GJ29" s="62">
        <v>410</v>
      </c>
      <c r="GK29" s="231"/>
      <c r="GL29" s="61">
        <v>260</v>
      </c>
      <c r="GM29" s="61">
        <v>235</v>
      </c>
      <c r="GN29" s="61">
        <v>174</v>
      </c>
      <c r="GO29" s="61">
        <v>142</v>
      </c>
      <c r="GP29" s="61">
        <v>116</v>
      </c>
      <c r="GQ29" s="62">
        <v>927</v>
      </c>
      <c r="GR29" s="63">
        <v>1337</v>
      </c>
      <c r="GS29" s="113">
        <v>264</v>
      </c>
      <c r="GT29" s="72">
        <v>295</v>
      </c>
      <c r="GU29" s="73">
        <v>559</v>
      </c>
      <c r="GV29" s="228"/>
      <c r="GW29" s="72">
        <v>397</v>
      </c>
      <c r="GX29" s="72">
        <v>345</v>
      </c>
      <c r="GY29" s="72">
        <v>273</v>
      </c>
      <c r="GZ29" s="72">
        <v>212</v>
      </c>
      <c r="HA29" s="72">
        <v>161</v>
      </c>
      <c r="HB29" s="74">
        <v>1388</v>
      </c>
      <c r="HC29" s="75">
        <v>1947</v>
      </c>
      <c r="HD29" s="60">
        <v>5</v>
      </c>
      <c r="HE29" s="61">
        <v>6</v>
      </c>
      <c r="HF29" s="62">
        <v>11</v>
      </c>
      <c r="HG29" s="231"/>
      <c r="HH29" s="61">
        <v>7</v>
      </c>
      <c r="HI29" s="61">
        <v>9</v>
      </c>
      <c r="HJ29" s="61">
        <v>10</v>
      </c>
      <c r="HK29" s="61">
        <v>4</v>
      </c>
      <c r="HL29" s="61">
        <v>2</v>
      </c>
      <c r="HM29" s="62">
        <v>32</v>
      </c>
      <c r="HN29" s="63">
        <v>43</v>
      </c>
      <c r="HO29" s="60">
        <v>15</v>
      </c>
      <c r="HP29" s="61">
        <v>23</v>
      </c>
      <c r="HQ29" s="62">
        <v>38</v>
      </c>
      <c r="HR29" s="231"/>
      <c r="HS29" s="61">
        <v>33</v>
      </c>
      <c r="HT29" s="61">
        <v>25</v>
      </c>
      <c r="HU29" s="61">
        <v>9</v>
      </c>
      <c r="HV29" s="61">
        <v>15</v>
      </c>
      <c r="HW29" s="61">
        <v>13</v>
      </c>
      <c r="HX29" s="62">
        <v>95</v>
      </c>
      <c r="HY29" s="63">
        <v>133</v>
      </c>
      <c r="HZ29" s="60">
        <v>32</v>
      </c>
      <c r="IA29" s="61">
        <v>48</v>
      </c>
      <c r="IB29" s="62">
        <v>80</v>
      </c>
      <c r="IC29" s="231"/>
      <c r="ID29" s="61">
        <v>48</v>
      </c>
      <c r="IE29" s="61">
        <v>44</v>
      </c>
      <c r="IF29" s="61">
        <v>30</v>
      </c>
      <c r="IG29" s="61">
        <v>24</v>
      </c>
      <c r="IH29" s="61">
        <v>17</v>
      </c>
      <c r="II29" s="62">
        <v>163</v>
      </c>
      <c r="IJ29" s="63">
        <v>243</v>
      </c>
      <c r="IK29" s="60">
        <v>72</v>
      </c>
      <c r="IL29" s="61">
        <v>80</v>
      </c>
      <c r="IM29" s="62">
        <v>152</v>
      </c>
      <c r="IN29" s="231"/>
      <c r="IO29" s="61">
        <v>101</v>
      </c>
      <c r="IP29" s="61">
        <v>70</v>
      </c>
      <c r="IQ29" s="61">
        <v>53</v>
      </c>
      <c r="IR29" s="61">
        <v>41</v>
      </c>
      <c r="IS29" s="61">
        <v>25</v>
      </c>
      <c r="IT29" s="62">
        <v>290</v>
      </c>
      <c r="IU29" s="63">
        <v>442</v>
      </c>
      <c r="IV29" s="60">
        <v>75</v>
      </c>
      <c r="IW29" s="61">
        <v>84</v>
      </c>
      <c r="IX29" s="62">
        <v>159</v>
      </c>
      <c r="IY29" s="231"/>
      <c r="IZ29" s="61">
        <v>118</v>
      </c>
      <c r="JA29" s="61">
        <v>91</v>
      </c>
      <c r="JB29" s="61">
        <v>79</v>
      </c>
      <c r="JC29" s="61">
        <v>44</v>
      </c>
      <c r="JD29" s="61">
        <v>34</v>
      </c>
      <c r="JE29" s="62">
        <v>366</v>
      </c>
      <c r="JF29" s="63">
        <v>525</v>
      </c>
      <c r="JG29" s="60">
        <v>65</v>
      </c>
      <c r="JH29" s="61">
        <v>54</v>
      </c>
      <c r="JI29" s="62">
        <v>119</v>
      </c>
      <c r="JJ29" s="231"/>
      <c r="JK29" s="61">
        <v>90</v>
      </c>
      <c r="JL29" s="61">
        <v>106</v>
      </c>
      <c r="JM29" s="61">
        <v>92</v>
      </c>
      <c r="JN29" s="61">
        <v>84</v>
      </c>
      <c r="JO29" s="61">
        <v>70</v>
      </c>
      <c r="JP29" s="62">
        <v>442</v>
      </c>
      <c r="JQ29" s="63">
        <v>561</v>
      </c>
      <c r="JR29" s="60">
        <v>4</v>
      </c>
      <c r="JS29" s="61">
        <v>2</v>
      </c>
      <c r="JT29" s="62">
        <v>6</v>
      </c>
      <c r="JU29" s="231"/>
      <c r="JV29" s="61">
        <v>7</v>
      </c>
      <c r="JW29" s="61">
        <v>6</v>
      </c>
      <c r="JX29" s="61">
        <v>5</v>
      </c>
      <c r="JY29" s="61">
        <v>8</v>
      </c>
      <c r="JZ29" s="61">
        <v>4</v>
      </c>
      <c r="KA29" s="62">
        <v>30</v>
      </c>
      <c r="KB29" s="63">
        <v>36</v>
      </c>
      <c r="KC29" s="60">
        <v>268</v>
      </c>
      <c r="KD29" s="61">
        <v>297</v>
      </c>
      <c r="KE29" s="62">
        <v>565</v>
      </c>
      <c r="KF29" s="231"/>
      <c r="KG29" s="61">
        <v>404</v>
      </c>
      <c r="KH29" s="61">
        <v>351</v>
      </c>
      <c r="KI29" s="61">
        <v>278</v>
      </c>
      <c r="KJ29" s="61">
        <v>220</v>
      </c>
      <c r="KK29" s="61">
        <v>165</v>
      </c>
      <c r="KL29" s="62">
        <v>1418</v>
      </c>
      <c r="KM29" s="63">
        <v>1983</v>
      </c>
    </row>
    <row r="30" spans="2:299" ht="21" customHeight="1" x14ac:dyDescent="0.2">
      <c r="B30" s="468" t="s">
        <v>27</v>
      </c>
      <c r="C30" s="291">
        <v>101</v>
      </c>
      <c r="D30" s="72">
        <v>119</v>
      </c>
      <c r="E30" s="73">
        <v>220</v>
      </c>
      <c r="F30" s="228"/>
      <c r="G30" s="72">
        <v>105</v>
      </c>
      <c r="H30" s="72">
        <v>92</v>
      </c>
      <c r="I30" s="72">
        <v>62</v>
      </c>
      <c r="J30" s="72">
        <v>64</v>
      </c>
      <c r="K30" s="72">
        <v>36</v>
      </c>
      <c r="L30" s="74">
        <v>359</v>
      </c>
      <c r="M30" s="75">
        <v>579</v>
      </c>
      <c r="N30" s="60">
        <v>3</v>
      </c>
      <c r="O30" s="61">
        <v>5</v>
      </c>
      <c r="P30" s="62">
        <v>8</v>
      </c>
      <c r="Q30" s="231"/>
      <c r="R30" s="61">
        <v>2</v>
      </c>
      <c r="S30" s="61">
        <v>1</v>
      </c>
      <c r="T30" s="61">
        <v>1</v>
      </c>
      <c r="U30" s="61">
        <v>0</v>
      </c>
      <c r="V30" s="61">
        <v>2</v>
      </c>
      <c r="W30" s="62">
        <v>6</v>
      </c>
      <c r="X30" s="63">
        <v>14</v>
      </c>
      <c r="Y30" s="60">
        <v>8</v>
      </c>
      <c r="Z30" s="61">
        <v>10</v>
      </c>
      <c r="AA30" s="62">
        <v>18</v>
      </c>
      <c r="AB30" s="231"/>
      <c r="AC30" s="61">
        <v>13</v>
      </c>
      <c r="AD30" s="61">
        <v>17</v>
      </c>
      <c r="AE30" s="61">
        <v>4</v>
      </c>
      <c r="AF30" s="61">
        <v>7</v>
      </c>
      <c r="AG30" s="61">
        <v>1</v>
      </c>
      <c r="AH30" s="62">
        <v>42</v>
      </c>
      <c r="AI30" s="63">
        <v>60</v>
      </c>
      <c r="AJ30" s="60">
        <v>18</v>
      </c>
      <c r="AK30" s="61">
        <v>16</v>
      </c>
      <c r="AL30" s="62">
        <v>34</v>
      </c>
      <c r="AM30" s="231"/>
      <c r="AN30" s="61">
        <v>12</v>
      </c>
      <c r="AO30" s="61">
        <v>19</v>
      </c>
      <c r="AP30" s="61">
        <v>7</v>
      </c>
      <c r="AQ30" s="61">
        <v>9</v>
      </c>
      <c r="AR30" s="61">
        <v>9</v>
      </c>
      <c r="AS30" s="62">
        <v>56</v>
      </c>
      <c r="AT30" s="63">
        <v>90</v>
      </c>
      <c r="AU30" s="60">
        <v>20</v>
      </c>
      <c r="AV30" s="61">
        <v>34</v>
      </c>
      <c r="AW30" s="62">
        <v>54</v>
      </c>
      <c r="AX30" s="231"/>
      <c r="AY30" s="61">
        <v>26</v>
      </c>
      <c r="AZ30" s="61">
        <v>20</v>
      </c>
      <c r="BA30" s="61">
        <v>18</v>
      </c>
      <c r="BB30" s="61">
        <v>11</v>
      </c>
      <c r="BC30" s="61">
        <v>4</v>
      </c>
      <c r="BD30" s="62">
        <v>79</v>
      </c>
      <c r="BE30" s="63">
        <v>133</v>
      </c>
      <c r="BF30" s="60">
        <v>36</v>
      </c>
      <c r="BG30" s="61">
        <v>33</v>
      </c>
      <c r="BH30" s="62">
        <v>69</v>
      </c>
      <c r="BI30" s="231"/>
      <c r="BJ30" s="61">
        <v>24</v>
      </c>
      <c r="BK30" s="61">
        <v>11</v>
      </c>
      <c r="BL30" s="61">
        <v>17</v>
      </c>
      <c r="BM30" s="61">
        <v>22</v>
      </c>
      <c r="BN30" s="61">
        <v>14</v>
      </c>
      <c r="BO30" s="62">
        <v>88</v>
      </c>
      <c r="BP30" s="63">
        <v>157</v>
      </c>
      <c r="BQ30" s="60">
        <v>16</v>
      </c>
      <c r="BR30" s="61">
        <v>21</v>
      </c>
      <c r="BS30" s="62">
        <v>37</v>
      </c>
      <c r="BT30" s="231"/>
      <c r="BU30" s="61">
        <v>28</v>
      </c>
      <c r="BV30" s="61">
        <v>24</v>
      </c>
      <c r="BW30" s="61">
        <v>15</v>
      </c>
      <c r="BX30" s="61">
        <v>15</v>
      </c>
      <c r="BY30" s="61">
        <v>6</v>
      </c>
      <c r="BZ30" s="62">
        <v>88</v>
      </c>
      <c r="CA30" s="63">
        <v>125</v>
      </c>
      <c r="CB30" s="60">
        <v>6</v>
      </c>
      <c r="CC30" s="61">
        <v>3</v>
      </c>
      <c r="CD30" s="62">
        <v>9</v>
      </c>
      <c r="CE30" s="231"/>
      <c r="CF30" s="61">
        <v>3</v>
      </c>
      <c r="CG30" s="61">
        <v>3</v>
      </c>
      <c r="CH30" s="61">
        <v>7</v>
      </c>
      <c r="CI30" s="61">
        <v>2</v>
      </c>
      <c r="CJ30" s="61">
        <v>1</v>
      </c>
      <c r="CK30" s="62">
        <v>16</v>
      </c>
      <c r="CL30" s="63">
        <v>25</v>
      </c>
      <c r="CM30" s="60">
        <v>107</v>
      </c>
      <c r="CN30" s="61">
        <v>122</v>
      </c>
      <c r="CO30" s="62">
        <v>229</v>
      </c>
      <c r="CP30" s="231"/>
      <c r="CQ30" s="61">
        <v>108</v>
      </c>
      <c r="CR30" s="61">
        <v>95</v>
      </c>
      <c r="CS30" s="61">
        <v>69</v>
      </c>
      <c r="CT30" s="61">
        <v>66</v>
      </c>
      <c r="CU30" s="61">
        <v>37</v>
      </c>
      <c r="CV30" s="62">
        <v>375</v>
      </c>
      <c r="CW30" s="63">
        <v>604</v>
      </c>
      <c r="CX30" s="113">
        <v>263</v>
      </c>
      <c r="CY30" s="72">
        <v>199</v>
      </c>
      <c r="CZ30" s="73">
        <v>462</v>
      </c>
      <c r="DA30" s="228"/>
      <c r="DB30" s="72">
        <v>237</v>
      </c>
      <c r="DC30" s="72">
        <v>130</v>
      </c>
      <c r="DD30" s="72">
        <v>143</v>
      </c>
      <c r="DE30" s="72">
        <v>135</v>
      </c>
      <c r="DF30" s="72">
        <v>116</v>
      </c>
      <c r="DG30" s="74">
        <v>761</v>
      </c>
      <c r="DH30" s="75">
        <v>1223</v>
      </c>
      <c r="DI30" s="60">
        <v>3</v>
      </c>
      <c r="DJ30" s="61">
        <v>4</v>
      </c>
      <c r="DK30" s="62">
        <v>7</v>
      </c>
      <c r="DL30" s="231"/>
      <c r="DM30" s="61">
        <v>2</v>
      </c>
      <c r="DN30" s="61">
        <v>1</v>
      </c>
      <c r="DO30" s="61">
        <v>1</v>
      </c>
      <c r="DP30" s="61">
        <v>2</v>
      </c>
      <c r="DQ30" s="61">
        <v>2</v>
      </c>
      <c r="DR30" s="62">
        <v>8</v>
      </c>
      <c r="DS30" s="63">
        <v>15</v>
      </c>
      <c r="DT30" s="60">
        <v>15</v>
      </c>
      <c r="DU30" s="61">
        <v>13</v>
      </c>
      <c r="DV30" s="62">
        <v>28</v>
      </c>
      <c r="DW30" s="231"/>
      <c r="DX30" s="61">
        <v>10</v>
      </c>
      <c r="DY30" s="61">
        <v>9</v>
      </c>
      <c r="DZ30" s="61">
        <v>7</v>
      </c>
      <c r="EA30" s="61">
        <v>4</v>
      </c>
      <c r="EB30" s="61">
        <v>0</v>
      </c>
      <c r="EC30" s="62">
        <v>30</v>
      </c>
      <c r="ED30" s="63">
        <v>58</v>
      </c>
      <c r="EE30" s="60">
        <v>37</v>
      </c>
      <c r="EF30" s="61">
        <v>24</v>
      </c>
      <c r="EG30" s="62">
        <v>61</v>
      </c>
      <c r="EH30" s="231"/>
      <c r="EI30" s="61">
        <v>18</v>
      </c>
      <c r="EJ30" s="61">
        <v>15</v>
      </c>
      <c r="EK30" s="61">
        <v>10</v>
      </c>
      <c r="EL30" s="61">
        <v>13</v>
      </c>
      <c r="EM30" s="61">
        <v>9</v>
      </c>
      <c r="EN30" s="62">
        <v>65</v>
      </c>
      <c r="EO30" s="63">
        <v>126</v>
      </c>
      <c r="EP30" s="60">
        <v>69</v>
      </c>
      <c r="EQ30" s="61">
        <v>37</v>
      </c>
      <c r="ER30" s="62">
        <v>106</v>
      </c>
      <c r="ES30" s="231"/>
      <c r="ET30" s="61">
        <v>55</v>
      </c>
      <c r="EU30" s="61">
        <v>23</v>
      </c>
      <c r="EV30" s="61">
        <v>25</v>
      </c>
      <c r="EW30" s="61">
        <v>22</v>
      </c>
      <c r="EX30" s="61">
        <v>20</v>
      </c>
      <c r="EY30" s="62">
        <v>145</v>
      </c>
      <c r="EZ30" s="63">
        <v>251</v>
      </c>
      <c r="FA30" s="60">
        <v>77</v>
      </c>
      <c r="FB30" s="61">
        <v>70</v>
      </c>
      <c r="FC30" s="62">
        <v>147</v>
      </c>
      <c r="FD30" s="231"/>
      <c r="FE30" s="61">
        <v>76</v>
      </c>
      <c r="FF30" s="61">
        <v>35</v>
      </c>
      <c r="FG30" s="61">
        <v>35</v>
      </c>
      <c r="FH30" s="61">
        <v>24</v>
      </c>
      <c r="FI30" s="61">
        <v>31</v>
      </c>
      <c r="FJ30" s="62">
        <v>201</v>
      </c>
      <c r="FK30" s="63">
        <v>348</v>
      </c>
      <c r="FL30" s="60">
        <v>62</v>
      </c>
      <c r="FM30" s="61">
        <v>51</v>
      </c>
      <c r="FN30" s="62">
        <v>113</v>
      </c>
      <c r="FO30" s="231"/>
      <c r="FP30" s="61">
        <v>76</v>
      </c>
      <c r="FQ30" s="61">
        <v>47</v>
      </c>
      <c r="FR30" s="61">
        <v>65</v>
      </c>
      <c r="FS30" s="61">
        <v>70</v>
      </c>
      <c r="FT30" s="61">
        <v>54</v>
      </c>
      <c r="FU30" s="62">
        <v>312</v>
      </c>
      <c r="FV30" s="63">
        <v>425</v>
      </c>
      <c r="FW30" s="60">
        <v>1</v>
      </c>
      <c r="FX30" s="61">
        <v>2</v>
      </c>
      <c r="FY30" s="62">
        <v>3</v>
      </c>
      <c r="FZ30" s="231"/>
      <c r="GA30" s="61">
        <v>5</v>
      </c>
      <c r="GB30" s="61">
        <v>5</v>
      </c>
      <c r="GC30" s="61">
        <v>2</v>
      </c>
      <c r="GD30" s="61">
        <v>2</v>
      </c>
      <c r="GE30" s="61">
        <v>2</v>
      </c>
      <c r="GF30" s="62">
        <v>16</v>
      </c>
      <c r="GG30" s="63">
        <v>19</v>
      </c>
      <c r="GH30" s="60">
        <v>264</v>
      </c>
      <c r="GI30" s="61">
        <v>201</v>
      </c>
      <c r="GJ30" s="62">
        <v>465</v>
      </c>
      <c r="GK30" s="231"/>
      <c r="GL30" s="61">
        <v>242</v>
      </c>
      <c r="GM30" s="61">
        <v>135</v>
      </c>
      <c r="GN30" s="61">
        <v>145</v>
      </c>
      <c r="GO30" s="61">
        <v>137</v>
      </c>
      <c r="GP30" s="61">
        <v>118</v>
      </c>
      <c r="GQ30" s="62">
        <v>777</v>
      </c>
      <c r="GR30" s="63">
        <v>1242</v>
      </c>
      <c r="GS30" s="113">
        <v>364</v>
      </c>
      <c r="GT30" s="72">
        <v>318</v>
      </c>
      <c r="GU30" s="73">
        <v>682</v>
      </c>
      <c r="GV30" s="228"/>
      <c r="GW30" s="72">
        <v>342</v>
      </c>
      <c r="GX30" s="72">
        <v>222</v>
      </c>
      <c r="GY30" s="72">
        <v>205</v>
      </c>
      <c r="GZ30" s="72">
        <v>199</v>
      </c>
      <c r="HA30" s="72">
        <v>152</v>
      </c>
      <c r="HB30" s="74">
        <v>1120</v>
      </c>
      <c r="HC30" s="75">
        <v>1802</v>
      </c>
      <c r="HD30" s="60">
        <v>6</v>
      </c>
      <c r="HE30" s="61">
        <v>9</v>
      </c>
      <c r="HF30" s="62">
        <v>15</v>
      </c>
      <c r="HG30" s="231"/>
      <c r="HH30" s="61">
        <v>4</v>
      </c>
      <c r="HI30" s="61">
        <v>2</v>
      </c>
      <c r="HJ30" s="61">
        <v>2</v>
      </c>
      <c r="HK30" s="61">
        <v>2</v>
      </c>
      <c r="HL30" s="61">
        <v>4</v>
      </c>
      <c r="HM30" s="62">
        <v>14</v>
      </c>
      <c r="HN30" s="63">
        <v>29</v>
      </c>
      <c r="HO30" s="60">
        <v>23</v>
      </c>
      <c r="HP30" s="61">
        <v>23</v>
      </c>
      <c r="HQ30" s="62">
        <v>46</v>
      </c>
      <c r="HR30" s="231"/>
      <c r="HS30" s="61">
        <v>23</v>
      </c>
      <c r="HT30" s="61">
        <v>26</v>
      </c>
      <c r="HU30" s="61">
        <v>11</v>
      </c>
      <c r="HV30" s="61">
        <v>11</v>
      </c>
      <c r="HW30" s="61">
        <v>1</v>
      </c>
      <c r="HX30" s="62">
        <v>72</v>
      </c>
      <c r="HY30" s="63">
        <v>118</v>
      </c>
      <c r="HZ30" s="60">
        <v>55</v>
      </c>
      <c r="IA30" s="61">
        <v>40</v>
      </c>
      <c r="IB30" s="62">
        <v>95</v>
      </c>
      <c r="IC30" s="231"/>
      <c r="ID30" s="61">
        <v>30</v>
      </c>
      <c r="IE30" s="61">
        <v>34</v>
      </c>
      <c r="IF30" s="61">
        <v>17</v>
      </c>
      <c r="IG30" s="61">
        <v>22</v>
      </c>
      <c r="IH30" s="61">
        <v>18</v>
      </c>
      <c r="II30" s="62">
        <v>121</v>
      </c>
      <c r="IJ30" s="63">
        <v>216</v>
      </c>
      <c r="IK30" s="60">
        <v>89</v>
      </c>
      <c r="IL30" s="61">
        <v>71</v>
      </c>
      <c r="IM30" s="62">
        <v>160</v>
      </c>
      <c r="IN30" s="231"/>
      <c r="IO30" s="61">
        <v>81</v>
      </c>
      <c r="IP30" s="61">
        <v>43</v>
      </c>
      <c r="IQ30" s="61">
        <v>43</v>
      </c>
      <c r="IR30" s="61">
        <v>33</v>
      </c>
      <c r="IS30" s="61">
        <v>24</v>
      </c>
      <c r="IT30" s="62">
        <v>224</v>
      </c>
      <c r="IU30" s="63">
        <v>384</v>
      </c>
      <c r="IV30" s="60">
        <v>113</v>
      </c>
      <c r="IW30" s="61">
        <v>103</v>
      </c>
      <c r="IX30" s="62">
        <v>216</v>
      </c>
      <c r="IY30" s="231"/>
      <c r="IZ30" s="61">
        <v>100</v>
      </c>
      <c r="JA30" s="61">
        <v>46</v>
      </c>
      <c r="JB30" s="61">
        <v>52</v>
      </c>
      <c r="JC30" s="61">
        <v>46</v>
      </c>
      <c r="JD30" s="61">
        <v>45</v>
      </c>
      <c r="JE30" s="62">
        <v>289</v>
      </c>
      <c r="JF30" s="63">
        <v>505</v>
      </c>
      <c r="JG30" s="60">
        <v>78</v>
      </c>
      <c r="JH30" s="61">
        <v>72</v>
      </c>
      <c r="JI30" s="62">
        <v>150</v>
      </c>
      <c r="JJ30" s="231"/>
      <c r="JK30" s="61">
        <v>104</v>
      </c>
      <c r="JL30" s="61">
        <v>71</v>
      </c>
      <c r="JM30" s="61">
        <v>80</v>
      </c>
      <c r="JN30" s="61">
        <v>85</v>
      </c>
      <c r="JO30" s="61">
        <v>60</v>
      </c>
      <c r="JP30" s="62">
        <v>400</v>
      </c>
      <c r="JQ30" s="63">
        <v>550</v>
      </c>
      <c r="JR30" s="60">
        <v>7</v>
      </c>
      <c r="JS30" s="61">
        <v>5</v>
      </c>
      <c r="JT30" s="62">
        <v>12</v>
      </c>
      <c r="JU30" s="231"/>
      <c r="JV30" s="61">
        <v>8</v>
      </c>
      <c r="JW30" s="61">
        <v>8</v>
      </c>
      <c r="JX30" s="61">
        <v>9</v>
      </c>
      <c r="JY30" s="61">
        <v>4</v>
      </c>
      <c r="JZ30" s="61">
        <v>3</v>
      </c>
      <c r="KA30" s="62">
        <v>32</v>
      </c>
      <c r="KB30" s="63">
        <v>44</v>
      </c>
      <c r="KC30" s="60">
        <v>371</v>
      </c>
      <c r="KD30" s="61">
        <v>323</v>
      </c>
      <c r="KE30" s="62">
        <v>694</v>
      </c>
      <c r="KF30" s="231"/>
      <c r="KG30" s="61">
        <v>350</v>
      </c>
      <c r="KH30" s="61">
        <v>230</v>
      </c>
      <c r="KI30" s="61">
        <v>214</v>
      </c>
      <c r="KJ30" s="61">
        <v>203</v>
      </c>
      <c r="KK30" s="61">
        <v>155</v>
      </c>
      <c r="KL30" s="62">
        <v>1152</v>
      </c>
      <c r="KM30" s="63">
        <v>1846</v>
      </c>
    </row>
    <row r="31" spans="2:299" ht="21" customHeight="1" x14ac:dyDescent="0.2">
      <c r="B31" s="468" t="s">
        <v>28</v>
      </c>
      <c r="C31" s="291">
        <v>4</v>
      </c>
      <c r="D31" s="72">
        <v>18</v>
      </c>
      <c r="E31" s="73">
        <v>22</v>
      </c>
      <c r="F31" s="228"/>
      <c r="G31" s="72">
        <v>53</v>
      </c>
      <c r="H31" s="72">
        <v>43</v>
      </c>
      <c r="I31" s="72">
        <v>25</v>
      </c>
      <c r="J31" s="72">
        <v>14</v>
      </c>
      <c r="K31" s="72">
        <v>16</v>
      </c>
      <c r="L31" s="74">
        <v>151</v>
      </c>
      <c r="M31" s="75">
        <v>173</v>
      </c>
      <c r="N31" s="60">
        <v>0</v>
      </c>
      <c r="O31" s="61">
        <v>3</v>
      </c>
      <c r="P31" s="62">
        <v>3</v>
      </c>
      <c r="Q31" s="231"/>
      <c r="R31" s="61">
        <v>3</v>
      </c>
      <c r="S31" s="61">
        <v>1</v>
      </c>
      <c r="T31" s="61">
        <v>2</v>
      </c>
      <c r="U31" s="61">
        <v>2</v>
      </c>
      <c r="V31" s="61">
        <v>1</v>
      </c>
      <c r="W31" s="62">
        <v>9</v>
      </c>
      <c r="X31" s="63">
        <v>12</v>
      </c>
      <c r="Y31" s="60">
        <v>0</v>
      </c>
      <c r="Z31" s="61">
        <v>5</v>
      </c>
      <c r="AA31" s="62">
        <v>5</v>
      </c>
      <c r="AB31" s="231"/>
      <c r="AC31" s="61">
        <v>8</v>
      </c>
      <c r="AD31" s="61">
        <v>4</v>
      </c>
      <c r="AE31" s="61">
        <v>3</v>
      </c>
      <c r="AF31" s="61">
        <v>1</v>
      </c>
      <c r="AG31" s="61">
        <v>1</v>
      </c>
      <c r="AH31" s="62">
        <v>17</v>
      </c>
      <c r="AI31" s="63">
        <v>22</v>
      </c>
      <c r="AJ31" s="60">
        <v>1</v>
      </c>
      <c r="AK31" s="61">
        <v>2</v>
      </c>
      <c r="AL31" s="62">
        <v>3</v>
      </c>
      <c r="AM31" s="231"/>
      <c r="AN31" s="61">
        <v>12</v>
      </c>
      <c r="AO31" s="61">
        <v>5</v>
      </c>
      <c r="AP31" s="61">
        <v>5</v>
      </c>
      <c r="AQ31" s="61">
        <v>1</v>
      </c>
      <c r="AR31" s="61">
        <v>3</v>
      </c>
      <c r="AS31" s="62">
        <v>26</v>
      </c>
      <c r="AT31" s="63">
        <v>29</v>
      </c>
      <c r="AU31" s="60">
        <v>1</v>
      </c>
      <c r="AV31" s="61">
        <v>3</v>
      </c>
      <c r="AW31" s="62">
        <v>4</v>
      </c>
      <c r="AX31" s="231"/>
      <c r="AY31" s="61">
        <v>15</v>
      </c>
      <c r="AZ31" s="61">
        <v>12</v>
      </c>
      <c r="BA31" s="61">
        <v>3</v>
      </c>
      <c r="BB31" s="61">
        <v>6</v>
      </c>
      <c r="BC31" s="61">
        <v>3</v>
      </c>
      <c r="BD31" s="62">
        <v>39</v>
      </c>
      <c r="BE31" s="63">
        <v>43</v>
      </c>
      <c r="BF31" s="60">
        <v>1</v>
      </c>
      <c r="BG31" s="61">
        <v>3</v>
      </c>
      <c r="BH31" s="62">
        <v>4</v>
      </c>
      <c r="BI31" s="231"/>
      <c r="BJ31" s="61">
        <v>8</v>
      </c>
      <c r="BK31" s="61">
        <v>11</v>
      </c>
      <c r="BL31" s="61">
        <v>7</v>
      </c>
      <c r="BM31" s="61">
        <v>0</v>
      </c>
      <c r="BN31" s="61">
        <v>2</v>
      </c>
      <c r="BO31" s="62">
        <v>28</v>
      </c>
      <c r="BP31" s="63">
        <v>32</v>
      </c>
      <c r="BQ31" s="60">
        <v>1</v>
      </c>
      <c r="BR31" s="61">
        <v>2</v>
      </c>
      <c r="BS31" s="62">
        <v>3</v>
      </c>
      <c r="BT31" s="231"/>
      <c r="BU31" s="61">
        <v>7</v>
      </c>
      <c r="BV31" s="61">
        <v>10</v>
      </c>
      <c r="BW31" s="61">
        <v>5</v>
      </c>
      <c r="BX31" s="61">
        <v>4</v>
      </c>
      <c r="BY31" s="61">
        <v>6</v>
      </c>
      <c r="BZ31" s="62">
        <v>32</v>
      </c>
      <c r="CA31" s="63">
        <v>35</v>
      </c>
      <c r="CB31" s="60">
        <v>0</v>
      </c>
      <c r="CC31" s="61">
        <v>1</v>
      </c>
      <c r="CD31" s="62">
        <v>1</v>
      </c>
      <c r="CE31" s="231"/>
      <c r="CF31" s="61">
        <v>0</v>
      </c>
      <c r="CG31" s="61">
        <v>4</v>
      </c>
      <c r="CH31" s="61">
        <v>0</v>
      </c>
      <c r="CI31" s="61">
        <v>0</v>
      </c>
      <c r="CJ31" s="61">
        <v>2</v>
      </c>
      <c r="CK31" s="62">
        <v>6</v>
      </c>
      <c r="CL31" s="63">
        <v>7</v>
      </c>
      <c r="CM31" s="60">
        <v>4</v>
      </c>
      <c r="CN31" s="61">
        <v>19</v>
      </c>
      <c r="CO31" s="62">
        <v>23</v>
      </c>
      <c r="CP31" s="231"/>
      <c r="CQ31" s="61">
        <v>53</v>
      </c>
      <c r="CR31" s="61">
        <v>47</v>
      </c>
      <c r="CS31" s="61">
        <v>25</v>
      </c>
      <c r="CT31" s="61">
        <v>14</v>
      </c>
      <c r="CU31" s="61">
        <v>18</v>
      </c>
      <c r="CV31" s="62">
        <v>157</v>
      </c>
      <c r="CW31" s="63">
        <v>180</v>
      </c>
      <c r="CX31" s="113">
        <v>19</v>
      </c>
      <c r="CY31" s="72">
        <v>35</v>
      </c>
      <c r="CZ31" s="73">
        <v>54</v>
      </c>
      <c r="DA31" s="228"/>
      <c r="DB31" s="72">
        <v>53</v>
      </c>
      <c r="DC31" s="72">
        <v>83</v>
      </c>
      <c r="DD31" s="72">
        <v>52</v>
      </c>
      <c r="DE31" s="72">
        <v>51</v>
      </c>
      <c r="DF31" s="72">
        <v>30</v>
      </c>
      <c r="DG31" s="74">
        <v>269</v>
      </c>
      <c r="DH31" s="75">
        <v>323</v>
      </c>
      <c r="DI31" s="60">
        <v>1</v>
      </c>
      <c r="DJ31" s="61">
        <v>0</v>
      </c>
      <c r="DK31" s="62">
        <v>1</v>
      </c>
      <c r="DL31" s="231"/>
      <c r="DM31" s="61">
        <v>2</v>
      </c>
      <c r="DN31" s="61">
        <v>4</v>
      </c>
      <c r="DO31" s="61">
        <v>0</v>
      </c>
      <c r="DP31" s="61">
        <v>0</v>
      </c>
      <c r="DQ31" s="61">
        <v>0</v>
      </c>
      <c r="DR31" s="62">
        <v>6</v>
      </c>
      <c r="DS31" s="63">
        <v>7</v>
      </c>
      <c r="DT31" s="60">
        <v>1</v>
      </c>
      <c r="DU31" s="61">
        <v>6</v>
      </c>
      <c r="DV31" s="62">
        <v>7</v>
      </c>
      <c r="DW31" s="231"/>
      <c r="DX31" s="61">
        <v>0</v>
      </c>
      <c r="DY31" s="61">
        <v>8</v>
      </c>
      <c r="DZ31" s="61">
        <v>3</v>
      </c>
      <c r="EA31" s="61">
        <v>0</v>
      </c>
      <c r="EB31" s="61">
        <v>0</v>
      </c>
      <c r="EC31" s="62">
        <v>11</v>
      </c>
      <c r="ED31" s="63">
        <v>18</v>
      </c>
      <c r="EE31" s="60">
        <v>3</v>
      </c>
      <c r="EF31" s="61">
        <v>6</v>
      </c>
      <c r="EG31" s="62">
        <v>9</v>
      </c>
      <c r="EH31" s="231"/>
      <c r="EI31" s="61">
        <v>6</v>
      </c>
      <c r="EJ31" s="61">
        <v>7</v>
      </c>
      <c r="EK31" s="61">
        <v>9</v>
      </c>
      <c r="EL31" s="61">
        <v>4</v>
      </c>
      <c r="EM31" s="61">
        <v>6</v>
      </c>
      <c r="EN31" s="62">
        <v>32</v>
      </c>
      <c r="EO31" s="63">
        <v>41</v>
      </c>
      <c r="EP31" s="60">
        <v>8</v>
      </c>
      <c r="EQ31" s="61">
        <v>11</v>
      </c>
      <c r="ER31" s="62">
        <v>19</v>
      </c>
      <c r="ES31" s="231"/>
      <c r="ET31" s="61">
        <v>15</v>
      </c>
      <c r="EU31" s="61">
        <v>14</v>
      </c>
      <c r="EV31" s="61">
        <v>15</v>
      </c>
      <c r="EW31" s="61">
        <v>6</v>
      </c>
      <c r="EX31" s="61">
        <v>6</v>
      </c>
      <c r="EY31" s="62">
        <v>56</v>
      </c>
      <c r="EZ31" s="63">
        <v>75</v>
      </c>
      <c r="FA31" s="60">
        <v>5</v>
      </c>
      <c r="FB31" s="61">
        <v>9</v>
      </c>
      <c r="FC31" s="62">
        <v>14</v>
      </c>
      <c r="FD31" s="231"/>
      <c r="FE31" s="61">
        <v>13</v>
      </c>
      <c r="FF31" s="61">
        <v>28</v>
      </c>
      <c r="FG31" s="61">
        <v>10</v>
      </c>
      <c r="FH31" s="61">
        <v>15</v>
      </c>
      <c r="FI31" s="61">
        <v>8</v>
      </c>
      <c r="FJ31" s="62">
        <v>74</v>
      </c>
      <c r="FK31" s="63">
        <v>88</v>
      </c>
      <c r="FL31" s="60">
        <v>1</v>
      </c>
      <c r="FM31" s="61">
        <v>3</v>
      </c>
      <c r="FN31" s="62">
        <v>4</v>
      </c>
      <c r="FO31" s="231"/>
      <c r="FP31" s="61">
        <v>17</v>
      </c>
      <c r="FQ31" s="61">
        <v>22</v>
      </c>
      <c r="FR31" s="61">
        <v>15</v>
      </c>
      <c r="FS31" s="61">
        <v>26</v>
      </c>
      <c r="FT31" s="61">
        <v>10</v>
      </c>
      <c r="FU31" s="62">
        <v>90</v>
      </c>
      <c r="FV31" s="63">
        <v>94</v>
      </c>
      <c r="FW31" s="60">
        <v>2</v>
      </c>
      <c r="FX31" s="61">
        <v>0</v>
      </c>
      <c r="FY31" s="62">
        <v>2</v>
      </c>
      <c r="FZ31" s="231"/>
      <c r="GA31" s="61">
        <v>1</v>
      </c>
      <c r="GB31" s="61">
        <v>1</v>
      </c>
      <c r="GC31" s="61">
        <v>0</v>
      </c>
      <c r="GD31" s="61">
        <v>0</v>
      </c>
      <c r="GE31" s="61">
        <v>2</v>
      </c>
      <c r="GF31" s="62">
        <v>4</v>
      </c>
      <c r="GG31" s="63">
        <v>6</v>
      </c>
      <c r="GH31" s="60">
        <v>21</v>
      </c>
      <c r="GI31" s="61">
        <v>35</v>
      </c>
      <c r="GJ31" s="62">
        <v>56</v>
      </c>
      <c r="GK31" s="231"/>
      <c r="GL31" s="61">
        <v>54</v>
      </c>
      <c r="GM31" s="61">
        <v>84</v>
      </c>
      <c r="GN31" s="61">
        <v>52</v>
      </c>
      <c r="GO31" s="61">
        <v>51</v>
      </c>
      <c r="GP31" s="61">
        <v>32</v>
      </c>
      <c r="GQ31" s="62">
        <v>273</v>
      </c>
      <c r="GR31" s="63">
        <v>329</v>
      </c>
      <c r="GS31" s="113">
        <v>23</v>
      </c>
      <c r="GT31" s="72">
        <v>53</v>
      </c>
      <c r="GU31" s="73">
        <v>76</v>
      </c>
      <c r="GV31" s="228"/>
      <c r="GW31" s="72">
        <v>106</v>
      </c>
      <c r="GX31" s="72">
        <v>126</v>
      </c>
      <c r="GY31" s="72">
        <v>77</v>
      </c>
      <c r="GZ31" s="72">
        <v>65</v>
      </c>
      <c r="HA31" s="72">
        <v>46</v>
      </c>
      <c r="HB31" s="74">
        <v>420</v>
      </c>
      <c r="HC31" s="75">
        <v>496</v>
      </c>
      <c r="HD31" s="60">
        <v>1</v>
      </c>
      <c r="HE31" s="61">
        <v>3</v>
      </c>
      <c r="HF31" s="62">
        <v>4</v>
      </c>
      <c r="HG31" s="231"/>
      <c r="HH31" s="61">
        <v>5</v>
      </c>
      <c r="HI31" s="61">
        <v>5</v>
      </c>
      <c r="HJ31" s="61">
        <v>2</v>
      </c>
      <c r="HK31" s="61">
        <v>2</v>
      </c>
      <c r="HL31" s="61">
        <v>1</v>
      </c>
      <c r="HM31" s="62">
        <v>15</v>
      </c>
      <c r="HN31" s="63">
        <v>19</v>
      </c>
      <c r="HO31" s="60">
        <v>1</v>
      </c>
      <c r="HP31" s="61">
        <v>11</v>
      </c>
      <c r="HQ31" s="62">
        <v>12</v>
      </c>
      <c r="HR31" s="231"/>
      <c r="HS31" s="61">
        <v>8</v>
      </c>
      <c r="HT31" s="61">
        <v>12</v>
      </c>
      <c r="HU31" s="61">
        <v>6</v>
      </c>
      <c r="HV31" s="61">
        <v>1</v>
      </c>
      <c r="HW31" s="61">
        <v>1</v>
      </c>
      <c r="HX31" s="62">
        <v>28</v>
      </c>
      <c r="HY31" s="63">
        <v>40</v>
      </c>
      <c r="HZ31" s="60">
        <v>4</v>
      </c>
      <c r="IA31" s="61">
        <v>8</v>
      </c>
      <c r="IB31" s="62">
        <v>12</v>
      </c>
      <c r="IC31" s="231"/>
      <c r="ID31" s="61">
        <v>18</v>
      </c>
      <c r="IE31" s="61">
        <v>12</v>
      </c>
      <c r="IF31" s="61">
        <v>14</v>
      </c>
      <c r="IG31" s="61">
        <v>5</v>
      </c>
      <c r="IH31" s="61">
        <v>9</v>
      </c>
      <c r="II31" s="62">
        <v>58</v>
      </c>
      <c r="IJ31" s="63">
        <v>70</v>
      </c>
      <c r="IK31" s="60">
        <v>9</v>
      </c>
      <c r="IL31" s="61">
        <v>14</v>
      </c>
      <c r="IM31" s="62">
        <v>23</v>
      </c>
      <c r="IN31" s="231"/>
      <c r="IO31" s="61">
        <v>30</v>
      </c>
      <c r="IP31" s="61">
        <v>26</v>
      </c>
      <c r="IQ31" s="61">
        <v>18</v>
      </c>
      <c r="IR31" s="61">
        <v>12</v>
      </c>
      <c r="IS31" s="61">
        <v>9</v>
      </c>
      <c r="IT31" s="62">
        <v>95</v>
      </c>
      <c r="IU31" s="63">
        <v>118</v>
      </c>
      <c r="IV31" s="60">
        <v>6</v>
      </c>
      <c r="IW31" s="61">
        <v>12</v>
      </c>
      <c r="IX31" s="62">
        <v>18</v>
      </c>
      <c r="IY31" s="231"/>
      <c r="IZ31" s="61">
        <v>21</v>
      </c>
      <c r="JA31" s="61">
        <v>39</v>
      </c>
      <c r="JB31" s="61">
        <v>17</v>
      </c>
      <c r="JC31" s="61">
        <v>15</v>
      </c>
      <c r="JD31" s="61">
        <v>10</v>
      </c>
      <c r="JE31" s="62">
        <v>102</v>
      </c>
      <c r="JF31" s="63">
        <v>120</v>
      </c>
      <c r="JG31" s="60">
        <v>2</v>
      </c>
      <c r="JH31" s="61">
        <v>5</v>
      </c>
      <c r="JI31" s="62">
        <v>7</v>
      </c>
      <c r="JJ31" s="231"/>
      <c r="JK31" s="61">
        <v>24</v>
      </c>
      <c r="JL31" s="61">
        <v>32</v>
      </c>
      <c r="JM31" s="61">
        <v>20</v>
      </c>
      <c r="JN31" s="61">
        <v>30</v>
      </c>
      <c r="JO31" s="61">
        <v>16</v>
      </c>
      <c r="JP31" s="62">
        <v>122</v>
      </c>
      <c r="JQ31" s="63">
        <v>129</v>
      </c>
      <c r="JR31" s="60">
        <v>2</v>
      </c>
      <c r="JS31" s="61">
        <v>1</v>
      </c>
      <c r="JT31" s="62">
        <v>3</v>
      </c>
      <c r="JU31" s="231"/>
      <c r="JV31" s="61">
        <v>1</v>
      </c>
      <c r="JW31" s="61">
        <v>5</v>
      </c>
      <c r="JX31" s="61">
        <v>0</v>
      </c>
      <c r="JY31" s="61">
        <v>0</v>
      </c>
      <c r="JZ31" s="61">
        <v>4</v>
      </c>
      <c r="KA31" s="62">
        <v>10</v>
      </c>
      <c r="KB31" s="63">
        <v>13</v>
      </c>
      <c r="KC31" s="60">
        <v>25</v>
      </c>
      <c r="KD31" s="61">
        <v>54</v>
      </c>
      <c r="KE31" s="62">
        <v>79</v>
      </c>
      <c r="KF31" s="231"/>
      <c r="KG31" s="61">
        <v>107</v>
      </c>
      <c r="KH31" s="61">
        <v>131</v>
      </c>
      <c r="KI31" s="61">
        <v>77</v>
      </c>
      <c r="KJ31" s="61">
        <v>65</v>
      </c>
      <c r="KK31" s="61">
        <v>50</v>
      </c>
      <c r="KL31" s="62">
        <v>430</v>
      </c>
      <c r="KM31" s="63">
        <v>509</v>
      </c>
    </row>
    <row r="32" spans="2:299" ht="21" customHeight="1" x14ac:dyDescent="0.2">
      <c r="B32" s="468" t="s">
        <v>29</v>
      </c>
      <c r="C32" s="291">
        <v>25</v>
      </c>
      <c r="D32" s="72">
        <v>27</v>
      </c>
      <c r="E32" s="73">
        <v>52</v>
      </c>
      <c r="F32" s="228"/>
      <c r="G32" s="72">
        <v>44</v>
      </c>
      <c r="H32" s="72">
        <v>42</v>
      </c>
      <c r="I32" s="72">
        <v>44</v>
      </c>
      <c r="J32" s="72">
        <v>30</v>
      </c>
      <c r="K32" s="72">
        <v>17</v>
      </c>
      <c r="L32" s="74">
        <v>177</v>
      </c>
      <c r="M32" s="75">
        <v>229</v>
      </c>
      <c r="N32" s="60">
        <v>3</v>
      </c>
      <c r="O32" s="61">
        <v>1</v>
      </c>
      <c r="P32" s="62">
        <v>4</v>
      </c>
      <c r="Q32" s="231"/>
      <c r="R32" s="61">
        <v>3</v>
      </c>
      <c r="S32" s="61">
        <v>1</v>
      </c>
      <c r="T32" s="61">
        <v>4</v>
      </c>
      <c r="U32" s="61">
        <v>2</v>
      </c>
      <c r="V32" s="61">
        <v>1</v>
      </c>
      <c r="W32" s="62">
        <v>11</v>
      </c>
      <c r="X32" s="63">
        <v>15</v>
      </c>
      <c r="Y32" s="60">
        <v>2</v>
      </c>
      <c r="Z32" s="61">
        <v>3</v>
      </c>
      <c r="AA32" s="62">
        <v>5</v>
      </c>
      <c r="AB32" s="231"/>
      <c r="AC32" s="61">
        <v>5</v>
      </c>
      <c r="AD32" s="61">
        <v>2</v>
      </c>
      <c r="AE32" s="61">
        <v>7</v>
      </c>
      <c r="AF32" s="61">
        <v>2</v>
      </c>
      <c r="AG32" s="61">
        <v>1</v>
      </c>
      <c r="AH32" s="62">
        <v>17</v>
      </c>
      <c r="AI32" s="63">
        <v>22</v>
      </c>
      <c r="AJ32" s="60">
        <v>0</v>
      </c>
      <c r="AK32" s="61">
        <v>3</v>
      </c>
      <c r="AL32" s="62">
        <v>3</v>
      </c>
      <c r="AM32" s="231"/>
      <c r="AN32" s="61">
        <v>11</v>
      </c>
      <c r="AO32" s="61">
        <v>10</v>
      </c>
      <c r="AP32" s="61">
        <v>6</v>
      </c>
      <c r="AQ32" s="61">
        <v>8</v>
      </c>
      <c r="AR32" s="61">
        <v>1</v>
      </c>
      <c r="AS32" s="62">
        <v>36</v>
      </c>
      <c r="AT32" s="63">
        <v>39</v>
      </c>
      <c r="AU32" s="60">
        <v>9</v>
      </c>
      <c r="AV32" s="61">
        <v>9</v>
      </c>
      <c r="AW32" s="62">
        <v>18</v>
      </c>
      <c r="AX32" s="231"/>
      <c r="AY32" s="61">
        <v>8</v>
      </c>
      <c r="AZ32" s="61">
        <v>7</v>
      </c>
      <c r="BA32" s="61">
        <v>8</v>
      </c>
      <c r="BB32" s="61">
        <v>9</v>
      </c>
      <c r="BC32" s="61">
        <v>4</v>
      </c>
      <c r="BD32" s="62">
        <v>36</v>
      </c>
      <c r="BE32" s="63">
        <v>54</v>
      </c>
      <c r="BF32" s="60">
        <v>8</v>
      </c>
      <c r="BG32" s="61">
        <v>7</v>
      </c>
      <c r="BH32" s="62">
        <v>15</v>
      </c>
      <c r="BI32" s="231"/>
      <c r="BJ32" s="61">
        <v>11</v>
      </c>
      <c r="BK32" s="61">
        <v>8</v>
      </c>
      <c r="BL32" s="61">
        <v>11</v>
      </c>
      <c r="BM32" s="61">
        <v>4</v>
      </c>
      <c r="BN32" s="61">
        <v>4</v>
      </c>
      <c r="BO32" s="62">
        <v>38</v>
      </c>
      <c r="BP32" s="63">
        <v>53</v>
      </c>
      <c r="BQ32" s="60">
        <v>3</v>
      </c>
      <c r="BR32" s="61">
        <v>4</v>
      </c>
      <c r="BS32" s="62">
        <v>7</v>
      </c>
      <c r="BT32" s="231"/>
      <c r="BU32" s="61">
        <v>6</v>
      </c>
      <c r="BV32" s="61">
        <v>14</v>
      </c>
      <c r="BW32" s="61">
        <v>8</v>
      </c>
      <c r="BX32" s="61">
        <v>5</v>
      </c>
      <c r="BY32" s="61">
        <v>6</v>
      </c>
      <c r="BZ32" s="62">
        <v>39</v>
      </c>
      <c r="CA32" s="63">
        <v>46</v>
      </c>
      <c r="CB32" s="60">
        <v>2</v>
      </c>
      <c r="CC32" s="61">
        <v>1</v>
      </c>
      <c r="CD32" s="62">
        <v>3</v>
      </c>
      <c r="CE32" s="231"/>
      <c r="CF32" s="61">
        <v>4</v>
      </c>
      <c r="CG32" s="61">
        <v>1</v>
      </c>
      <c r="CH32" s="61">
        <v>1</v>
      </c>
      <c r="CI32" s="61">
        <v>0</v>
      </c>
      <c r="CJ32" s="61">
        <v>3</v>
      </c>
      <c r="CK32" s="62">
        <v>9</v>
      </c>
      <c r="CL32" s="63">
        <v>12</v>
      </c>
      <c r="CM32" s="60">
        <v>27</v>
      </c>
      <c r="CN32" s="61">
        <v>28</v>
      </c>
      <c r="CO32" s="62">
        <v>55</v>
      </c>
      <c r="CP32" s="231"/>
      <c r="CQ32" s="61">
        <v>48</v>
      </c>
      <c r="CR32" s="61">
        <v>43</v>
      </c>
      <c r="CS32" s="61">
        <v>45</v>
      </c>
      <c r="CT32" s="61">
        <v>30</v>
      </c>
      <c r="CU32" s="61">
        <v>20</v>
      </c>
      <c r="CV32" s="62">
        <v>186</v>
      </c>
      <c r="CW32" s="63">
        <v>241</v>
      </c>
      <c r="CX32" s="113">
        <v>46</v>
      </c>
      <c r="CY32" s="72">
        <v>50</v>
      </c>
      <c r="CZ32" s="73">
        <v>96</v>
      </c>
      <c r="DA32" s="228"/>
      <c r="DB32" s="72">
        <v>95</v>
      </c>
      <c r="DC32" s="72">
        <v>83</v>
      </c>
      <c r="DD32" s="72">
        <v>76</v>
      </c>
      <c r="DE32" s="72">
        <v>75</v>
      </c>
      <c r="DF32" s="72">
        <v>51</v>
      </c>
      <c r="DG32" s="74">
        <v>380</v>
      </c>
      <c r="DH32" s="75">
        <v>476</v>
      </c>
      <c r="DI32" s="60">
        <v>3</v>
      </c>
      <c r="DJ32" s="61">
        <v>1</v>
      </c>
      <c r="DK32" s="62">
        <v>4</v>
      </c>
      <c r="DL32" s="231"/>
      <c r="DM32" s="61">
        <v>2</v>
      </c>
      <c r="DN32" s="61">
        <v>2</v>
      </c>
      <c r="DO32" s="61">
        <v>1</v>
      </c>
      <c r="DP32" s="61">
        <v>0</v>
      </c>
      <c r="DQ32" s="61">
        <v>2</v>
      </c>
      <c r="DR32" s="62">
        <v>7</v>
      </c>
      <c r="DS32" s="63">
        <v>11</v>
      </c>
      <c r="DT32" s="60">
        <v>2</v>
      </c>
      <c r="DU32" s="61">
        <v>5</v>
      </c>
      <c r="DV32" s="62">
        <v>7</v>
      </c>
      <c r="DW32" s="231"/>
      <c r="DX32" s="61">
        <v>6</v>
      </c>
      <c r="DY32" s="61">
        <v>7</v>
      </c>
      <c r="DZ32" s="61">
        <v>2</v>
      </c>
      <c r="EA32" s="61">
        <v>3</v>
      </c>
      <c r="EB32" s="61">
        <v>3</v>
      </c>
      <c r="EC32" s="62">
        <v>21</v>
      </c>
      <c r="ED32" s="63">
        <v>28</v>
      </c>
      <c r="EE32" s="60">
        <v>9</v>
      </c>
      <c r="EF32" s="61">
        <v>7</v>
      </c>
      <c r="EG32" s="62">
        <v>16</v>
      </c>
      <c r="EH32" s="231"/>
      <c r="EI32" s="61">
        <v>11</v>
      </c>
      <c r="EJ32" s="61">
        <v>8</v>
      </c>
      <c r="EK32" s="61">
        <v>6</v>
      </c>
      <c r="EL32" s="61">
        <v>6</v>
      </c>
      <c r="EM32" s="61">
        <v>2</v>
      </c>
      <c r="EN32" s="62">
        <v>33</v>
      </c>
      <c r="EO32" s="63">
        <v>49</v>
      </c>
      <c r="EP32" s="60">
        <v>15</v>
      </c>
      <c r="EQ32" s="61">
        <v>13</v>
      </c>
      <c r="ER32" s="62">
        <v>28</v>
      </c>
      <c r="ES32" s="231"/>
      <c r="ET32" s="61">
        <v>27</v>
      </c>
      <c r="EU32" s="61">
        <v>14</v>
      </c>
      <c r="EV32" s="61">
        <v>24</v>
      </c>
      <c r="EW32" s="61">
        <v>10</v>
      </c>
      <c r="EX32" s="61">
        <v>12</v>
      </c>
      <c r="EY32" s="62">
        <v>87</v>
      </c>
      <c r="EZ32" s="63">
        <v>115</v>
      </c>
      <c r="FA32" s="60">
        <v>13</v>
      </c>
      <c r="FB32" s="61">
        <v>12</v>
      </c>
      <c r="FC32" s="62">
        <v>25</v>
      </c>
      <c r="FD32" s="231"/>
      <c r="FE32" s="61">
        <v>28</v>
      </c>
      <c r="FF32" s="61">
        <v>28</v>
      </c>
      <c r="FG32" s="61">
        <v>17</v>
      </c>
      <c r="FH32" s="61">
        <v>22</v>
      </c>
      <c r="FI32" s="61">
        <v>14</v>
      </c>
      <c r="FJ32" s="62">
        <v>109</v>
      </c>
      <c r="FK32" s="63">
        <v>134</v>
      </c>
      <c r="FL32" s="60">
        <v>4</v>
      </c>
      <c r="FM32" s="61">
        <v>12</v>
      </c>
      <c r="FN32" s="62">
        <v>16</v>
      </c>
      <c r="FO32" s="231"/>
      <c r="FP32" s="61">
        <v>21</v>
      </c>
      <c r="FQ32" s="61">
        <v>24</v>
      </c>
      <c r="FR32" s="61">
        <v>26</v>
      </c>
      <c r="FS32" s="61">
        <v>34</v>
      </c>
      <c r="FT32" s="61">
        <v>18</v>
      </c>
      <c r="FU32" s="62">
        <v>123</v>
      </c>
      <c r="FV32" s="63">
        <v>139</v>
      </c>
      <c r="FW32" s="60">
        <v>0</v>
      </c>
      <c r="FX32" s="61">
        <v>2</v>
      </c>
      <c r="FY32" s="62">
        <v>2</v>
      </c>
      <c r="FZ32" s="231"/>
      <c r="GA32" s="61">
        <v>1</v>
      </c>
      <c r="GB32" s="61">
        <v>0</v>
      </c>
      <c r="GC32" s="61">
        <v>2</v>
      </c>
      <c r="GD32" s="61">
        <v>0</v>
      </c>
      <c r="GE32" s="61">
        <v>1</v>
      </c>
      <c r="GF32" s="62">
        <v>4</v>
      </c>
      <c r="GG32" s="63">
        <v>6</v>
      </c>
      <c r="GH32" s="60">
        <v>46</v>
      </c>
      <c r="GI32" s="61">
        <v>52</v>
      </c>
      <c r="GJ32" s="62">
        <v>98</v>
      </c>
      <c r="GK32" s="231"/>
      <c r="GL32" s="61">
        <v>96</v>
      </c>
      <c r="GM32" s="61">
        <v>83</v>
      </c>
      <c r="GN32" s="61">
        <v>78</v>
      </c>
      <c r="GO32" s="61">
        <v>75</v>
      </c>
      <c r="GP32" s="61">
        <v>52</v>
      </c>
      <c r="GQ32" s="62">
        <v>384</v>
      </c>
      <c r="GR32" s="63">
        <v>482</v>
      </c>
      <c r="GS32" s="113">
        <v>71</v>
      </c>
      <c r="GT32" s="72">
        <v>77</v>
      </c>
      <c r="GU32" s="73">
        <v>148</v>
      </c>
      <c r="GV32" s="228"/>
      <c r="GW32" s="72">
        <v>139</v>
      </c>
      <c r="GX32" s="72">
        <v>125</v>
      </c>
      <c r="GY32" s="72">
        <v>120</v>
      </c>
      <c r="GZ32" s="72">
        <v>105</v>
      </c>
      <c r="HA32" s="72">
        <v>68</v>
      </c>
      <c r="HB32" s="74">
        <v>557</v>
      </c>
      <c r="HC32" s="75">
        <v>705</v>
      </c>
      <c r="HD32" s="60">
        <v>6</v>
      </c>
      <c r="HE32" s="61">
        <v>2</v>
      </c>
      <c r="HF32" s="62">
        <v>8</v>
      </c>
      <c r="HG32" s="231"/>
      <c r="HH32" s="61">
        <v>5</v>
      </c>
      <c r="HI32" s="61">
        <v>3</v>
      </c>
      <c r="HJ32" s="61">
        <v>5</v>
      </c>
      <c r="HK32" s="61">
        <v>2</v>
      </c>
      <c r="HL32" s="61">
        <v>3</v>
      </c>
      <c r="HM32" s="62">
        <v>18</v>
      </c>
      <c r="HN32" s="63">
        <v>26</v>
      </c>
      <c r="HO32" s="60">
        <v>4</v>
      </c>
      <c r="HP32" s="61">
        <v>8</v>
      </c>
      <c r="HQ32" s="62">
        <v>12</v>
      </c>
      <c r="HR32" s="231"/>
      <c r="HS32" s="61">
        <v>11</v>
      </c>
      <c r="HT32" s="61">
        <v>9</v>
      </c>
      <c r="HU32" s="61">
        <v>9</v>
      </c>
      <c r="HV32" s="61">
        <v>5</v>
      </c>
      <c r="HW32" s="61">
        <v>4</v>
      </c>
      <c r="HX32" s="62">
        <v>38</v>
      </c>
      <c r="HY32" s="63">
        <v>50</v>
      </c>
      <c r="HZ32" s="60">
        <v>9</v>
      </c>
      <c r="IA32" s="61">
        <v>10</v>
      </c>
      <c r="IB32" s="62">
        <v>19</v>
      </c>
      <c r="IC32" s="231"/>
      <c r="ID32" s="61">
        <v>22</v>
      </c>
      <c r="IE32" s="61">
        <v>18</v>
      </c>
      <c r="IF32" s="61">
        <v>12</v>
      </c>
      <c r="IG32" s="61">
        <v>14</v>
      </c>
      <c r="IH32" s="61">
        <v>3</v>
      </c>
      <c r="II32" s="62">
        <v>69</v>
      </c>
      <c r="IJ32" s="63">
        <v>88</v>
      </c>
      <c r="IK32" s="60">
        <v>24</v>
      </c>
      <c r="IL32" s="61">
        <v>22</v>
      </c>
      <c r="IM32" s="62">
        <v>46</v>
      </c>
      <c r="IN32" s="231"/>
      <c r="IO32" s="61">
        <v>35</v>
      </c>
      <c r="IP32" s="61">
        <v>21</v>
      </c>
      <c r="IQ32" s="61">
        <v>32</v>
      </c>
      <c r="IR32" s="61">
        <v>19</v>
      </c>
      <c r="IS32" s="61">
        <v>16</v>
      </c>
      <c r="IT32" s="62">
        <v>123</v>
      </c>
      <c r="IU32" s="63">
        <v>169</v>
      </c>
      <c r="IV32" s="60">
        <v>21</v>
      </c>
      <c r="IW32" s="61">
        <v>19</v>
      </c>
      <c r="IX32" s="62">
        <v>40</v>
      </c>
      <c r="IY32" s="231"/>
      <c r="IZ32" s="61">
        <v>39</v>
      </c>
      <c r="JA32" s="61">
        <v>36</v>
      </c>
      <c r="JB32" s="61">
        <v>28</v>
      </c>
      <c r="JC32" s="61">
        <v>26</v>
      </c>
      <c r="JD32" s="61">
        <v>18</v>
      </c>
      <c r="JE32" s="62">
        <v>147</v>
      </c>
      <c r="JF32" s="63">
        <v>187</v>
      </c>
      <c r="JG32" s="60">
        <v>7</v>
      </c>
      <c r="JH32" s="61">
        <v>16</v>
      </c>
      <c r="JI32" s="62">
        <v>23</v>
      </c>
      <c r="JJ32" s="231"/>
      <c r="JK32" s="61">
        <v>27</v>
      </c>
      <c r="JL32" s="61">
        <v>38</v>
      </c>
      <c r="JM32" s="61">
        <v>34</v>
      </c>
      <c r="JN32" s="61">
        <v>39</v>
      </c>
      <c r="JO32" s="61">
        <v>24</v>
      </c>
      <c r="JP32" s="62">
        <v>162</v>
      </c>
      <c r="JQ32" s="63">
        <v>185</v>
      </c>
      <c r="JR32" s="60">
        <v>2</v>
      </c>
      <c r="JS32" s="61">
        <v>3</v>
      </c>
      <c r="JT32" s="62">
        <v>5</v>
      </c>
      <c r="JU32" s="231"/>
      <c r="JV32" s="61">
        <v>5</v>
      </c>
      <c r="JW32" s="61">
        <v>1</v>
      </c>
      <c r="JX32" s="61">
        <v>3</v>
      </c>
      <c r="JY32" s="61">
        <v>0</v>
      </c>
      <c r="JZ32" s="61">
        <v>4</v>
      </c>
      <c r="KA32" s="62">
        <v>13</v>
      </c>
      <c r="KB32" s="63">
        <v>18</v>
      </c>
      <c r="KC32" s="60">
        <v>73</v>
      </c>
      <c r="KD32" s="61">
        <v>80</v>
      </c>
      <c r="KE32" s="62">
        <v>153</v>
      </c>
      <c r="KF32" s="231"/>
      <c r="KG32" s="61">
        <v>144</v>
      </c>
      <c r="KH32" s="61">
        <v>126</v>
      </c>
      <c r="KI32" s="61">
        <v>123</v>
      </c>
      <c r="KJ32" s="61">
        <v>105</v>
      </c>
      <c r="KK32" s="61">
        <v>72</v>
      </c>
      <c r="KL32" s="62">
        <v>570</v>
      </c>
      <c r="KM32" s="63">
        <v>723</v>
      </c>
    </row>
    <row r="33" spans="2:299" ht="21" customHeight="1" x14ac:dyDescent="0.2">
      <c r="B33" s="468" t="s">
        <v>30</v>
      </c>
      <c r="C33" s="291">
        <v>26</v>
      </c>
      <c r="D33" s="72">
        <v>10</v>
      </c>
      <c r="E33" s="73">
        <v>36</v>
      </c>
      <c r="F33" s="228"/>
      <c r="G33" s="72">
        <v>30</v>
      </c>
      <c r="H33" s="72">
        <v>28</v>
      </c>
      <c r="I33" s="72">
        <v>22</v>
      </c>
      <c r="J33" s="72">
        <v>31</v>
      </c>
      <c r="K33" s="72">
        <v>12</v>
      </c>
      <c r="L33" s="74">
        <v>123</v>
      </c>
      <c r="M33" s="75">
        <v>159</v>
      </c>
      <c r="N33" s="60">
        <v>3</v>
      </c>
      <c r="O33" s="61">
        <v>2</v>
      </c>
      <c r="P33" s="62">
        <v>5</v>
      </c>
      <c r="Q33" s="231"/>
      <c r="R33" s="61">
        <v>1</v>
      </c>
      <c r="S33" s="61">
        <v>1</v>
      </c>
      <c r="T33" s="61">
        <v>0</v>
      </c>
      <c r="U33" s="61">
        <v>3</v>
      </c>
      <c r="V33" s="61">
        <v>1</v>
      </c>
      <c r="W33" s="62">
        <v>6</v>
      </c>
      <c r="X33" s="63">
        <v>11</v>
      </c>
      <c r="Y33" s="60">
        <v>7</v>
      </c>
      <c r="Z33" s="61">
        <v>1</v>
      </c>
      <c r="AA33" s="62">
        <v>8</v>
      </c>
      <c r="AB33" s="231"/>
      <c r="AC33" s="61">
        <v>1</v>
      </c>
      <c r="AD33" s="61">
        <v>7</v>
      </c>
      <c r="AE33" s="61">
        <v>3</v>
      </c>
      <c r="AF33" s="61">
        <v>1</v>
      </c>
      <c r="AG33" s="61">
        <v>1</v>
      </c>
      <c r="AH33" s="62">
        <v>13</v>
      </c>
      <c r="AI33" s="63">
        <v>21</v>
      </c>
      <c r="AJ33" s="60">
        <v>2</v>
      </c>
      <c r="AK33" s="61">
        <v>2</v>
      </c>
      <c r="AL33" s="62">
        <v>4</v>
      </c>
      <c r="AM33" s="231"/>
      <c r="AN33" s="61">
        <v>2</v>
      </c>
      <c r="AO33" s="61">
        <v>4</v>
      </c>
      <c r="AP33" s="61">
        <v>3</v>
      </c>
      <c r="AQ33" s="61">
        <v>8</v>
      </c>
      <c r="AR33" s="61">
        <v>2</v>
      </c>
      <c r="AS33" s="62">
        <v>19</v>
      </c>
      <c r="AT33" s="63">
        <v>23</v>
      </c>
      <c r="AU33" s="60">
        <v>7</v>
      </c>
      <c r="AV33" s="61">
        <v>0</v>
      </c>
      <c r="AW33" s="62">
        <v>7</v>
      </c>
      <c r="AX33" s="231"/>
      <c r="AY33" s="61">
        <v>12</v>
      </c>
      <c r="AZ33" s="61">
        <v>4</v>
      </c>
      <c r="BA33" s="61">
        <v>4</v>
      </c>
      <c r="BB33" s="61">
        <v>6</v>
      </c>
      <c r="BC33" s="61">
        <v>4</v>
      </c>
      <c r="BD33" s="62">
        <v>30</v>
      </c>
      <c r="BE33" s="63">
        <v>37</v>
      </c>
      <c r="BF33" s="60">
        <v>3</v>
      </c>
      <c r="BG33" s="61">
        <v>2</v>
      </c>
      <c r="BH33" s="62">
        <v>5</v>
      </c>
      <c r="BI33" s="231"/>
      <c r="BJ33" s="61">
        <v>7</v>
      </c>
      <c r="BK33" s="61">
        <v>7</v>
      </c>
      <c r="BL33" s="61">
        <v>8</v>
      </c>
      <c r="BM33" s="61">
        <v>7</v>
      </c>
      <c r="BN33" s="61">
        <v>0</v>
      </c>
      <c r="BO33" s="62">
        <v>29</v>
      </c>
      <c r="BP33" s="63">
        <v>34</v>
      </c>
      <c r="BQ33" s="60">
        <v>4</v>
      </c>
      <c r="BR33" s="61">
        <v>3</v>
      </c>
      <c r="BS33" s="62">
        <v>7</v>
      </c>
      <c r="BT33" s="231"/>
      <c r="BU33" s="61">
        <v>7</v>
      </c>
      <c r="BV33" s="61">
        <v>5</v>
      </c>
      <c r="BW33" s="61">
        <v>4</v>
      </c>
      <c r="BX33" s="61">
        <v>6</v>
      </c>
      <c r="BY33" s="61">
        <v>4</v>
      </c>
      <c r="BZ33" s="62">
        <v>26</v>
      </c>
      <c r="CA33" s="63">
        <v>33</v>
      </c>
      <c r="CB33" s="60">
        <v>1</v>
      </c>
      <c r="CC33" s="61">
        <v>0</v>
      </c>
      <c r="CD33" s="62">
        <v>1</v>
      </c>
      <c r="CE33" s="231"/>
      <c r="CF33" s="61">
        <v>2</v>
      </c>
      <c r="CG33" s="61">
        <v>2</v>
      </c>
      <c r="CH33" s="61">
        <v>3</v>
      </c>
      <c r="CI33" s="61">
        <v>1</v>
      </c>
      <c r="CJ33" s="61">
        <v>1</v>
      </c>
      <c r="CK33" s="62">
        <v>9</v>
      </c>
      <c r="CL33" s="63">
        <v>10</v>
      </c>
      <c r="CM33" s="60">
        <v>27</v>
      </c>
      <c r="CN33" s="61">
        <v>10</v>
      </c>
      <c r="CO33" s="62">
        <v>37</v>
      </c>
      <c r="CP33" s="231"/>
      <c r="CQ33" s="61">
        <v>32</v>
      </c>
      <c r="CR33" s="61">
        <v>30</v>
      </c>
      <c r="CS33" s="61">
        <v>25</v>
      </c>
      <c r="CT33" s="61">
        <v>32</v>
      </c>
      <c r="CU33" s="61">
        <v>13</v>
      </c>
      <c r="CV33" s="62">
        <v>132</v>
      </c>
      <c r="CW33" s="63">
        <v>169</v>
      </c>
      <c r="CX33" s="113">
        <v>43</v>
      </c>
      <c r="CY33" s="72">
        <v>38</v>
      </c>
      <c r="CZ33" s="73">
        <v>81</v>
      </c>
      <c r="DA33" s="228"/>
      <c r="DB33" s="72">
        <v>91</v>
      </c>
      <c r="DC33" s="72">
        <v>59</v>
      </c>
      <c r="DD33" s="72">
        <v>68</v>
      </c>
      <c r="DE33" s="72">
        <v>67</v>
      </c>
      <c r="DF33" s="72">
        <v>38</v>
      </c>
      <c r="DG33" s="74">
        <v>323</v>
      </c>
      <c r="DH33" s="75">
        <v>404</v>
      </c>
      <c r="DI33" s="60">
        <v>1</v>
      </c>
      <c r="DJ33" s="61">
        <v>0</v>
      </c>
      <c r="DK33" s="62">
        <v>1</v>
      </c>
      <c r="DL33" s="231"/>
      <c r="DM33" s="61">
        <v>1</v>
      </c>
      <c r="DN33" s="61">
        <v>0</v>
      </c>
      <c r="DO33" s="61">
        <v>1</v>
      </c>
      <c r="DP33" s="61">
        <v>0</v>
      </c>
      <c r="DQ33" s="61">
        <v>1</v>
      </c>
      <c r="DR33" s="62">
        <v>3</v>
      </c>
      <c r="DS33" s="63">
        <v>4</v>
      </c>
      <c r="DT33" s="60">
        <v>5</v>
      </c>
      <c r="DU33" s="61">
        <v>1</v>
      </c>
      <c r="DV33" s="62">
        <v>6</v>
      </c>
      <c r="DW33" s="231"/>
      <c r="DX33" s="61">
        <v>0</v>
      </c>
      <c r="DY33" s="61">
        <v>3</v>
      </c>
      <c r="DZ33" s="61">
        <v>3</v>
      </c>
      <c r="EA33" s="61">
        <v>3</v>
      </c>
      <c r="EB33" s="61">
        <v>2</v>
      </c>
      <c r="EC33" s="62">
        <v>11</v>
      </c>
      <c r="ED33" s="63">
        <v>17</v>
      </c>
      <c r="EE33" s="60">
        <v>8</v>
      </c>
      <c r="EF33" s="61">
        <v>5</v>
      </c>
      <c r="EG33" s="62">
        <v>13</v>
      </c>
      <c r="EH33" s="231"/>
      <c r="EI33" s="61">
        <v>11</v>
      </c>
      <c r="EJ33" s="61">
        <v>10</v>
      </c>
      <c r="EK33" s="61">
        <v>8</v>
      </c>
      <c r="EL33" s="61">
        <v>4</v>
      </c>
      <c r="EM33" s="61">
        <v>1</v>
      </c>
      <c r="EN33" s="62">
        <v>34</v>
      </c>
      <c r="EO33" s="63">
        <v>47</v>
      </c>
      <c r="EP33" s="60">
        <v>13</v>
      </c>
      <c r="EQ33" s="61">
        <v>10</v>
      </c>
      <c r="ER33" s="62">
        <v>23</v>
      </c>
      <c r="ES33" s="231"/>
      <c r="ET33" s="61">
        <v>26</v>
      </c>
      <c r="EU33" s="61">
        <v>10</v>
      </c>
      <c r="EV33" s="61">
        <v>10</v>
      </c>
      <c r="EW33" s="61">
        <v>9</v>
      </c>
      <c r="EX33" s="61">
        <v>9</v>
      </c>
      <c r="EY33" s="62">
        <v>64</v>
      </c>
      <c r="EZ33" s="63">
        <v>87</v>
      </c>
      <c r="FA33" s="60">
        <v>9</v>
      </c>
      <c r="FB33" s="61">
        <v>11</v>
      </c>
      <c r="FC33" s="62">
        <v>20</v>
      </c>
      <c r="FD33" s="231"/>
      <c r="FE33" s="61">
        <v>25</v>
      </c>
      <c r="FF33" s="61">
        <v>14</v>
      </c>
      <c r="FG33" s="61">
        <v>12</v>
      </c>
      <c r="FH33" s="61">
        <v>15</v>
      </c>
      <c r="FI33" s="61">
        <v>11</v>
      </c>
      <c r="FJ33" s="62">
        <v>77</v>
      </c>
      <c r="FK33" s="63">
        <v>97</v>
      </c>
      <c r="FL33" s="60">
        <v>7</v>
      </c>
      <c r="FM33" s="61">
        <v>11</v>
      </c>
      <c r="FN33" s="62">
        <v>18</v>
      </c>
      <c r="FO33" s="231"/>
      <c r="FP33" s="61">
        <v>28</v>
      </c>
      <c r="FQ33" s="61">
        <v>22</v>
      </c>
      <c r="FR33" s="61">
        <v>34</v>
      </c>
      <c r="FS33" s="61">
        <v>36</v>
      </c>
      <c r="FT33" s="61">
        <v>14</v>
      </c>
      <c r="FU33" s="62">
        <v>134</v>
      </c>
      <c r="FV33" s="63">
        <v>152</v>
      </c>
      <c r="FW33" s="60">
        <v>0</v>
      </c>
      <c r="FX33" s="61">
        <v>1</v>
      </c>
      <c r="FY33" s="62">
        <v>1</v>
      </c>
      <c r="FZ33" s="231"/>
      <c r="GA33" s="61">
        <v>2</v>
      </c>
      <c r="GB33" s="61">
        <v>0</v>
      </c>
      <c r="GC33" s="61">
        <v>1</v>
      </c>
      <c r="GD33" s="61">
        <v>2</v>
      </c>
      <c r="GE33" s="61">
        <v>0</v>
      </c>
      <c r="GF33" s="62">
        <v>5</v>
      </c>
      <c r="GG33" s="63">
        <v>6</v>
      </c>
      <c r="GH33" s="60">
        <v>43</v>
      </c>
      <c r="GI33" s="61">
        <v>39</v>
      </c>
      <c r="GJ33" s="62">
        <v>82</v>
      </c>
      <c r="GK33" s="231"/>
      <c r="GL33" s="61">
        <v>93</v>
      </c>
      <c r="GM33" s="61">
        <v>59</v>
      </c>
      <c r="GN33" s="61">
        <v>69</v>
      </c>
      <c r="GO33" s="61">
        <v>69</v>
      </c>
      <c r="GP33" s="61">
        <v>38</v>
      </c>
      <c r="GQ33" s="62">
        <v>328</v>
      </c>
      <c r="GR33" s="63">
        <v>410</v>
      </c>
      <c r="GS33" s="113">
        <v>69</v>
      </c>
      <c r="GT33" s="72">
        <v>48</v>
      </c>
      <c r="GU33" s="73">
        <v>117</v>
      </c>
      <c r="GV33" s="228"/>
      <c r="GW33" s="72">
        <v>121</v>
      </c>
      <c r="GX33" s="72">
        <v>87</v>
      </c>
      <c r="GY33" s="72">
        <v>90</v>
      </c>
      <c r="GZ33" s="72">
        <v>98</v>
      </c>
      <c r="HA33" s="72">
        <v>50</v>
      </c>
      <c r="HB33" s="74">
        <v>446</v>
      </c>
      <c r="HC33" s="75">
        <v>563</v>
      </c>
      <c r="HD33" s="60">
        <v>4</v>
      </c>
      <c r="HE33" s="61">
        <v>2</v>
      </c>
      <c r="HF33" s="62">
        <v>6</v>
      </c>
      <c r="HG33" s="231"/>
      <c r="HH33" s="61">
        <v>2</v>
      </c>
      <c r="HI33" s="61">
        <v>1</v>
      </c>
      <c r="HJ33" s="61">
        <v>1</v>
      </c>
      <c r="HK33" s="61">
        <v>3</v>
      </c>
      <c r="HL33" s="61">
        <v>2</v>
      </c>
      <c r="HM33" s="62">
        <v>9</v>
      </c>
      <c r="HN33" s="63">
        <v>15</v>
      </c>
      <c r="HO33" s="60">
        <v>12</v>
      </c>
      <c r="HP33" s="61">
        <v>2</v>
      </c>
      <c r="HQ33" s="62">
        <v>14</v>
      </c>
      <c r="HR33" s="231"/>
      <c r="HS33" s="61">
        <v>1</v>
      </c>
      <c r="HT33" s="61">
        <v>10</v>
      </c>
      <c r="HU33" s="61">
        <v>6</v>
      </c>
      <c r="HV33" s="61">
        <v>4</v>
      </c>
      <c r="HW33" s="61">
        <v>3</v>
      </c>
      <c r="HX33" s="62">
        <v>24</v>
      </c>
      <c r="HY33" s="63">
        <v>38</v>
      </c>
      <c r="HZ33" s="60">
        <v>10</v>
      </c>
      <c r="IA33" s="61">
        <v>7</v>
      </c>
      <c r="IB33" s="62">
        <v>17</v>
      </c>
      <c r="IC33" s="231"/>
      <c r="ID33" s="61">
        <v>13</v>
      </c>
      <c r="IE33" s="61">
        <v>14</v>
      </c>
      <c r="IF33" s="61">
        <v>11</v>
      </c>
      <c r="IG33" s="61">
        <v>12</v>
      </c>
      <c r="IH33" s="61">
        <v>3</v>
      </c>
      <c r="II33" s="62">
        <v>53</v>
      </c>
      <c r="IJ33" s="63">
        <v>70</v>
      </c>
      <c r="IK33" s="60">
        <v>20</v>
      </c>
      <c r="IL33" s="61">
        <v>10</v>
      </c>
      <c r="IM33" s="62">
        <v>30</v>
      </c>
      <c r="IN33" s="231"/>
      <c r="IO33" s="61">
        <v>38</v>
      </c>
      <c r="IP33" s="61">
        <v>14</v>
      </c>
      <c r="IQ33" s="61">
        <v>14</v>
      </c>
      <c r="IR33" s="61">
        <v>15</v>
      </c>
      <c r="IS33" s="61">
        <v>13</v>
      </c>
      <c r="IT33" s="62">
        <v>94</v>
      </c>
      <c r="IU33" s="63">
        <v>124</v>
      </c>
      <c r="IV33" s="60">
        <v>12</v>
      </c>
      <c r="IW33" s="61">
        <v>13</v>
      </c>
      <c r="IX33" s="62">
        <v>25</v>
      </c>
      <c r="IY33" s="231"/>
      <c r="IZ33" s="61">
        <v>32</v>
      </c>
      <c r="JA33" s="61">
        <v>21</v>
      </c>
      <c r="JB33" s="61">
        <v>20</v>
      </c>
      <c r="JC33" s="61">
        <v>22</v>
      </c>
      <c r="JD33" s="61">
        <v>11</v>
      </c>
      <c r="JE33" s="62">
        <v>106</v>
      </c>
      <c r="JF33" s="63">
        <v>131</v>
      </c>
      <c r="JG33" s="60">
        <v>11</v>
      </c>
      <c r="JH33" s="61">
        <v>14</v>
      </c>
      <c r="JI33" s="62">
        <v>25</v>
      </c>
      <c r="JJ33" s="231"/>
      <c r="JK33" s="61">
        <v>35</v>
      </c>
      <c r="JL33" s="61">
        <v>27</v>
      </c>
      <c r="JM33" s="61">
        <v>38</v>
      </c>
      <c r="JN33" s="61">
        <v>42</v>
      </c>
      <c r="JO33" s="61">
        <v>18</v>
      </c>
      <c r="JP33" s="62">
        <v>160</v>
      </c>
      <c r="JQ33" s="63">
        <v>185</v>
      </c>
      <c r="JR33" s="60">
        <v>1</v>
      </c>
      <c r="JS33" s="61">
        <v>1</v>
      </c>
      <c r="JT33" s="62">
        <v>2</v>
      </c>
      <c r="JU33" s="231"/>
      <c r="JV33" s="61">
        <v>4</v>
      </c>
      <c r="JW33" s="61">
        <v>2</v>
      </c>
      <c r="JX33" s="61">
        <v>4</v>
      </c>
      <c r="JY33" s="61">
        <v>3</v>
      </c>
      <c r="JZ33" s="61">
        <v>1</v>
      </c>
      <c r="KA33" s="62">
        <v>14</v>
      </c>
      <c r="KB33" s="63">
        <v>16</v>
      </c>
      <c r="KC33" s="60">
        <v>70</v>
      </c>
      <c r="KD33" s="61">
        <v>49</v>
      </c>
      <c r="KE33" s="62">
        <v>119</v>
      </c>
      <c r="KF33" s="231"/>
      <c r="KG33" s="61">
        <v>125</v>
      </c>
      <c r="KH33" s="61">
        <v>89</v>
      </c>
      <c r="KI33" s="61">
        <v>94</v>
      </c>
      <c r="KJ33" s="61">
        <v>101</v>
      </c>
      <c r="KK33" s="61">
        <v>51</v>
      </c>
      <c r="KL33" s="62">
        <v>460</v>
      </c>
      <c r="KM33" s="63">
        <v>579</v>
      </c>
    </row>
    <row r="34" spans="2:299" ht="21" customHeight="1" x14ac:dyDescent="0.2">
      <c r="B34" s="468" t="s">
        <v>31</v>
      </c>
      <c r="C34" s="291">
        <v>21</v>
      </c>
      <c r="D34" s="72">
        <v>41</v>
      </c>
      <c r="E34" s="73">
        <v>62</v>
      </c>
      <c r="F34" s="228"/>
      <c r="G34" s="72">
        <v>58</v>
      </c>
      <c r="H34" s="72">
        <v>38</v>
      </c>
      <c r="I34" s="72">
        <v>41</v>
      </c>
      <c r="J34" s="72">
        <v>30</v>
      </c>
      <c r="K34" s="72">
        <v>16</v>
      </c>
      <c r="L34" s="74">
        <v>183</v>
      </c>
      <c r="M34" s="75">
        <v>245</v>
      </c>
      <c r="N34" s="60">
        <v>0</v>
      </c>
      <c r="O34" s="61">
        <v>2</v>
      </c>
      <c r="P34" s="62">
        <v>2</v>
      </c>
      <c r="Q34" s="231"/>
      <c r="R34" s="61">
        <v>1</v>
      </c>
      <c r="S34" s="61">
        <v>4</v>
      </c>
      <c r="T34" s="61">
        <v>4</v>
      </c>
      <c r="U34" s="61">
        <v>2</v>
      </c>
      <c r="V34" s="61">
        <v>1</v>
      </c>
      <c r="W34" s="62">
        <v>12</v>
      </c>
      <c r="X34" s="63">
        <v>14</v>
      </c>
      <c r="Y34" s="60">
        <v>2</v>
      </c>
      <c r="Z34" s="61">
        <v>4</v>
      </c>
      <c r="AA34" s="62">
        <v>6</v>
      </c>
      <c r="AB34" s="231"/>
      <c r="AC34" s="61">
        <v>7</v>
      </c>
      <c r="AD34" s="61">
        <v>6</v>
      </c>
      <c r="AE34" s="61">
        <v>6</v>
      </c>
      <c r="AF34" s="61">
        <v>5</v>
      </c>
      <c r="AG34" s="61">
        <v>3</v>
      </c>
      <c r="AH34" s="62">
        <v>27</v>
      </c>
      <c r="AI34" s="63">
        <v>33</v>
      </c>
      <c r="AJ34" s="60">
        <v>4</v>
      </c>
      <c r="AK34" s="61">
        <v>8</v>
      </c>
      <c r="AL34" s="62">
        <v>12</v>
      </c>
      <c r="AM34" s="231"/>
      <c r="AN34" s="61">
        <v>6</v>
      </c>
      <c r="AO34" s="61">
        <v>3</v>
      </c>
      <c r="AP34" s="61">
        <v>7</v>
      </c>
      <c r="AQ34" s="61">
        <v>6</v>
      </c>
      <c r="AR34" s="61">
        <v>4</v>
      </c>
      <c r="AS34" s="62">
        <v>26</v>
      </c>
      <c r="AT34" s="63">
        <v>38</v>
      </c>
      <c r="AU34" s="60">
        <v>4</v>
      </c>
      <c r="AV34" s="61">
        <v>10</v>
      </c>
      <c r="AW34" s="62">
        <v>14</v>
      </c>
      <c r="AX34" s="231"/>
      <c r="AY34" s="61">
        <v>14</v>
      </c>
      <c r="AZ34" s="61">
        <v>9</v>
      </c>
      <c r="BA34" s="61">
        <v>5</v>
      </c>
      <c r="BB34" s="61">
        <v>5</v>
      </c>
      <c r="BC34" s="61">
        <v>0</v>
      </c>
      <c r="BD34" s="62">
        <v>33</v>
      </c>
      <c r="BE34" s="63">
        <v>47</v>
      </c>
      <c r="BF34" s="60">
        <v>5</v>
      </c>
      <c r="BG34" s="61">
        <v>9</v>
      </c>
      <c r="BH34" s="62">
        <v>14</v>
      </c>
      <c r="BI34" s="231"/>
      <c r="BJ34" s="61">
        <v>18</v>
      </c>
      <c r="BK34" s="61">
        <v>6</v>
      </c>
      <c r="BL34" s="61">
        <v>8</v>
      </c>
      <c r="BM34" s="61">
        <v>7</v>
      </c>
      <c r="BN34" s="61">
        <v>4</v>
      </c>
      <c r="BO34" s="62">
        <v>43</v>
      </c>
      <c r="BP34" s="63">
        <v>57</v>
      </c>
      <c r="BQ34" s="60">
        <v>6</v>
      </c>
      <c r="BR34" s="61">
        <v>8</v>
      </c>
      <c r="BS34" s="62">
        <v>14</v>
      </c>
      <c r="BT34" s="231"/>
      <c r="BU34" s="61">
        <v>12</v>
      </c>
      <c r="BV34" s="61">
        <v>10</v>
      </c>
      <c r="BW34" s="61">
        <v>11</v>
      </c>
      <c r="BX34" s="61">
        <v>5</v>
      </c>
      <c r="BY34" s="61">
        <v>4</v>
      </c>
      <c r="BZ34" s="62">
        <v>42</v>
      </c>
      <c r="CA34" s="63">
        <v>56</v>
      </c>
      <c r="CB34" s="60">
        <v>0</v>
      </c>
      <c r="CC34" s="61">
        <v>4</v>
      </c>
      <c r="CD34" s="62">
        <v>4</v>
      </c>
      <c r="CE34" s="231"/>
      <c r="CF34" s="61">
        <v>1</v>
      </c>
      <c r="CG34" s="61">
        <v>1</v>
      </c>
      <c r="CH34" s="61">
        <v>0</v>
      </c>
      <c r="CI34" s="61">
        <v>1</v>
      </c>
      <c r="CJ34" s="61">
        <v>0</v>
      </c>
      <c r="CK34" s="62">
        <v>3</v>
      </c>
      <c r="CL34" s="63">
        <v>7</v>
      </c>
      <c r="CM34" s="60">
        <v>21</v>
      </c>
      <c r="CN34" s="61">
        <v>45</v>
      </c>
      <c r="CO34" s="62">
        <v>66</v>
      </c>
      <c r="CP34" s="231"/>
      <c r="CQ34" s="61">
        <v>59</v>
      </c>
      <c r="CR34" s="61">
        <v>39</v>
      </c>
      <c r="CS34" s="61">
        <v>41</v>
      </c>
      <c r="CT34" s="61">
        <v>31</v>
      </c>
      <c r="CU34" s="61">
        <v>16</v>
      </c>
      <c r="CV34" s="62">
        <v>186</v>
      </c>
      <c r="CW34" s="63">
        <v>252</v>
      </c>
      <c r="CX34" s="113">
        <v>50</v>
      </c>
      <c r="CY34" s="72">
        <v>78</v>
      </c>
      <c r="CZ34" s="73">
        <v>128</v>
      </c>
      <c r="DA34" s="228"/>
      <c r="DB34" s="72">
        <v>104</v>
      </c>
      <c r="DC34" s="72">
        <v>100</v>
      </c>
      <c r="DD34" s="72">
        <v>70</v>
      </c>
      <c r="DE34" s="72">
        <v>70</v>
      </c>
      <c r="DF34" s="72">
        <v>42</v>
      </c>
      <c r="DG34" s="74">
        <v>386</v>
      </c>
      <c r="DH34" s="75">
        <v>514</v>
      </c>
      <c r="DI34" s="60">
        <v>0</v>
      </c>
      <c r="DJ34" s="61">
        <v>1</v>
      </c>
      <c r="DK34" s="62">
        <v>1</v>
      </c>
      <c r="DL34" s="231"/>
      <c r="DM34" s="61">
        <v>1</v>
      </c>
      <c r="DN34" s="61">
        <v>1</v>
      </c>
      <c r="DO34" s="61">
        <v>1</v>
      </c>
      <c r="DP34" s="61">
        <v>2</v>
      </c>
      <c r="DQ34" s="61">
        <v>2</v>
      </c>
      <c r="DR34" s="62">
        <v>7</v>
      </c>
      <c r="DS34" s="63">
        <v>8</v>
      </c>
      <c r="DT34" s="60">
        <v>1</v>
      </c>
      <c r="DU34" s="61">
        <v>3</v>
      </c>
      <c r="DV34" s="62">
        <v>4</v>
      </c>
      <c r="DW34" s="231"/>
      <c r="DX34" s="61">
        <v>11</v>
      </c>
      <c r="DY34" s="61">
        <v>7</v>
      </c>
      <c r="DZ34" s="61">
        <v>6</v>
      </c>
      <c r="EA34" s="61">
        <v>3</v>
      </c>
      <c r="EB34" s="61">
        <v>3</v>
      </c>
      <c r="EC34" s="62">
        <v>30</v>
      </c>
      <c r="ED34" s="63">
        <v>34</v>
      </c>
      <c r="EE34" s="60">
        <v>4</v>
      </c>
      <c r="EF34" s="61">
        <v>5</v>
      </c>
      <c r="EG34" s="62">
        <v>9</v>
      </c>
      <c r="EH34" s="231"/>
      <c r="EI34" s="61">
        <v>12</v>
      </c>
      <c r="EJ34" s="61">
        <v>8</v>
      </c>
      <c r="EK34" s="61">
        <v>5</v>
      </c>
      <c r="EL34" s="61">
        <v>8</v>
      </c>
      <c r="EM34" s="61">
        <v>1</v>
      </c>
      <c r="EN34" s="62">
        <v>34</v>
      </c>
      <c r="EO34" s="63">
        <v>43</v>
      </c>
      <c r="EP34" s="60">
        <v>13</v>
      </c>
      <c r="EQ34" s="61">
        <v>27</v>
      </c>
      <c r="ER34" s="62">
        <v>40</v>
      </c>
      <c r="ES34" s="231"/>
      <c r="ET34" s="61">
        <v>14</v>
      </c>
      <c r="EU34" s="61">
        <v>18</v>
      </c>
      <c r="EV34" s="61">
        <v>12</v>
      </c>
      <c r="EW34" s="61">
        <v>5</v>
      </c>
      <c r="EX34" s="61">
        <v>4</v>
      </c>
      <c r="EY34" s="62">
        <v>53</v>
      </c>
      <c r="EZ34" s="63">
        <v>93</v>
      </c>
      <c r="FA34" s="60">
        <v>24</v>
      </c>
      <c r="FB34" s="61">
        <v>23</v>
      </c>
      <c r="FC34" s="62">
        <v>47</v>
      </c>
      <c r="FD34" s="231"/>
      <c r="FE34" s="61">
        <v>30</v>
      </c>
      <c r="FF34" s="61">
        <v>28</v>
      </c>
      <c r="FG34" s="61">
        <v>20</v>
      </c>
      <c r="FH34" s="61">
        <v>15</v>
      </c>
      <c r="FI34" s="61">
        <v>13</v>
      </c>
      <c r="FJ34" s="62">
        <v>106</v>
      </c>
      <c r="FK34" s="63">
        <v>153</v>
      </c>
      <c r="FL34" s="60">
        <v>8</v>
      </c>
      <c r="FM34" s="61">
        <v>19</v>
      </c>
      <c r="FN34" s="62">
        <v>27</v>
      </c>
      <c r="FO34" s="231"/>
      <c r="FP34" s="61">
        <v>36</v>
      </c>
      <c r="FQ34" s="61">
        <v>38</v>
      </c>
      <c r="FR34" s="61">
        <v>26</v>
      </c>
      <c r="FS34" s="61">
        <v>37</v>
      </c>
      <c r="FT34" s="61">
        <v>19</v>
      </c>
      <c r="FU34" s="62">
        <v>156</v>
      </c>
      <c r="FV34" s="63">
        <v>183</v>
      </c>
      <c r="FW34" s="60">
        <v>0</v>
      </c>
      <c r="FX34" s="61">
        <v>0</v>
      </c>
      <c r="FY34" s="62">
        <v>0</v>
      </c>
      <c r="FZ34" s="231"/>
      <c r="GA34" s="61">
        <v>1</v>
      </c>
      <c r="GB34" s="61">
        <v>0</v>
      </c>
      <c r="GC34" s="61">
        <v>0</v>
      </c>
      <c r="GD34" s="61">
        <v>1</v>
      </c>
      <c r="GE34" s="61">
        <v>1</v>
      </c>
      <c r="GF34" s="62">
        <v>3</v>
      </c>
      <c r="GG34" s="63">
        <v>3</v>
      </c>
      <c r="GH34" s="60">
        <v>50</v>
      </c>
      <c r="GI34" s="61">
        <v>78</v>
      </c>
      <c r="GJ34" s="62">
        <v>128</v>
      </c>
      <c r="GK34" s="231"/>
      <c r="GL34" s="61">
        <v>105</v>
      </c>
      <c r="GM34" s="61">
        <v>100</v>
      </c>
      <c r="GN34" s="61">
        <v>70</v>
      </c>
      <c r="GO34" s="61">
        <v>71</v>
      </c>
      <c r="GP34" s="61">
        <v>43</v>
      </c>
      <c r="GQ34" s="62">
        <v>389</v>
      </c>
      <c r="GR34" s="63">
        <v>517</v>
      </c>
      <c r="GS34" s="113">
        <v>71</v>
      </c>
      <c r="GT34" s="72">
        <v>119</v>
      </c>
      <c r="GU34" s="73">
        <v>190</v>
      </c>
      <c r="GV34" s="228"/>
      <c r="GW34" s="72">
        <v>162</v>
      </c>
      <c r="GX34" s="72">
        <v>138</v>
      </c>
      <c r="GY34" s="72">
        <v>111</v>
      </c>
      <c r="GZ34" s="72">
        <v>100</v>
      </c>
      <c r="HA34" s="72">
        <v>58</v>
      </c>
      <c r="HB34" s="74">
        <v>569</v>
      </c>
      <c r="HC34" s="75">
        <v>759</v>
      </c>
      <c r="HD34" s="60">
        <v>0</v>
      </c>
      <c r="HE34" s="61">
        <v>3</v>
      </c>
      <c r="HF34" s="62">
        <v>3</v>
      </c>
      <c r="HG34" s="231"/>
      <c r="HH34" s="61">
        <v>2</v>
      </c>
      <c r="HI34" s="61">
        <v>5</v>
      </c>
      <c r="HJ34" s="61">
        <v>5</v>
      </c>
      <c r="HK34" s="61">
        <v>4</v>
      </c>
      <c r="HL34" s="61">
        <v>3</v>
      </c>
      <c r="HM34" s="62">
        <v>19</v>
      </c>
      <c r="HN34" s="63">
        <v>22</v>
      </c>
      <c r="HO34" s="60">
        <v>3</v>
      </c>
      <c r="HP34" s="61">
        <v>7</v>
      </c>
      <c r="HQ34" s="62">
        <v>10</v>
      </c>
      <c r="HR34" s="231"/>
      <c r="HS34" s="61">
        <v>18</v>
      </c>
      <c r="HT34" s="61">
        <v>13</v>
      </c>
      <c r="HU34" s="61">
        <v>12</v>
      </c>
      <c r="HV34" s="61">
        <v>8</v>
      </c>
      <c r="HW34" s="61">
        <v>6</v>
      </c>
      <c r="HX34" s="62">
        <v>57</v>
      </c>
      <c r="HY34" s="63">
        <v>67</v>
      </c>
      <c r="HZ34" s="60">
        <v>8</v>
      </c>
      <c r="IA34" s="61">
        <v>13</v>
      </c>
      <c r="IB34" s="62">
        <v>21</v>
      </c>
      <c r="IC34" s="231"/>
      <c r="ID34" s="61">
        <v>18</v>
      </c>
      <c r="IE34" s="61">
        <v>11</v>
      </c>
      <c r="IF34" s="61">
        <v>12</v>
      </c>
      <c r="IG34" s="61">
        <v>14</v>
      </c>
      <c r="IH34" s="61">
        <v>5</v>
      </c>
      <c r="II34" s="62">
        <v>60</v>
      </c>
      <c r="IJ34" s="63">
        <v>81</v>
      </c>
      <c r="IK34" s="60">
        <v>17</v>
      </c>
      <c r="IL34" s="61">
        <v>37</v>
      </c>
      <c r="IM34" s="62">
        <v>54</v>
      </c>
      <c r="IN34" s="231"/>
      <c r="IO34" s="61">
        <v>28</v>
      </c>
      <c r="IP34" s="61">
        <v>27</v>
      </c>
      <c r="IQ34" s="61">
        <v>17</v>
      </c>
      <c r="IR34" s="61">
        <v>10</v>
      </c>
      <c r="IS34" s="61">
        <v>4</v>
      </c>
      <c r="IT34" s="62">
        <v>86</v>
      </c>
      <c r="IU34" s="63">
        <v>140</v>
      </c>
      <c r="IV34" s="60">
        <v>29</v>
      </c>
      <c r="IW34" s="61">
        <v>32</v>
      </c>
      <c r="IX34" s="62">
        <v>61</v>
      </c>
      <c r="IY34" s="231"/>
      <c r="IZ34" s="61">
        <v>48</v>
      </c>
      <c r="JA34" s="61">
        <v>34</v>
      </c>
      <c r="JB34" s="61">
        <v>28</v>
      </c>
      <c r="JC34" s="61">
        <v>22</v>
      </c>
      <c r="JD34" s="61">
        <v>17</v>
      </c>
      <c r="JE34" s="62">
        <v>149</v>
      </c>
      <c r="JF34" s="63">
        <v>210</v>
      </c>
      <c r="JG34" s="60">
        <v>14</v>
      </c>
      <c r="JH34" s="61">
        <v>27</v>
      </c>
      <c r="JI34" s="62">
        <v>41</v>
      </c>
      <c r="JJ34" s="231"/>
      <c r="JK34" s="61">
        <v>48</v>
      </c>
      <c r="JL34" s="61">
        <v>48</v>
      </c>
      <c r="JM34" s="61">
        <v>37</v>
      </c>
      <c r="JN34" s="61">
        <v>42</v>
      </c>
      <c r="JO34" s="61">
        <v>23</v>
      </c>
      <c r="JP34" s="62">
        <v>198</v>
      </c>
      <c r="JQ34" s="63">
        <v>239</v>
      </c>
      <c r="JR34" s="60">
        <v>0</v>
      </c>
      <c r="JS34" s="61">
        <v>4</v>
      </c>
      <c r="JT34" s="62">
        <v>4</v>
      </c>
      <c r="JU34" s="231"/>
      <c r="JV34" s="61">
        <v>2</v>
      </c>
      <c r="JW34" s="61">
        <v>1</v>
      </c>
      <c r="JX34" s="61">
        <v>0</v>
      </c>
      <c r="JY34" s="61">
        <v>2</v>
      </c>
      <c r="JZ34" s="61">
        <v>1</v>
      </c>
      <c r="KA34" s="62">
        <v>6</v>
      </c>
      <c r="KB34" s="63">
        <v>10</v>
      </c>
      <c r="KC34" s="60">
        <v>71</v>
      </c>
      <c r="KD34" s="61">
        <v>123</v>
      </c>
      <c r="KE34" s="62">
        <v>194</v>
      </c>
      <c r="KF34" s="231"/>
      <c r="KG34" s="61">
        <v>164</v>
      </c>
      <c r="KH34" s="61">
        <v>139</v>
      </c>
      <c r="KI34" s="61">
        <v>111</v>
      </c>
      <c r="KJ34" s="61">
        <v>102</v>
      </c>
      <c r="KK34" s="61">
        <v>59</v>
      </c>
      <c r="KL34" s="62">
        <v>575</v>
      </c>
      <c r="KM34" s="63">
        <v>769</v>
      </c>
    </row>
    <row r="35" spans="2:299" ht="21" customHeight="1" x14ac:dyDescent="0.2">
      <c r="B35" s="468" t="s">
        <v>32</v>
      </c>
      <c r="C35" s="291">
        <v>22</v>
      </c>
      <c r="D35" s="72">
        <v>28</v>
      </c>
      <c r="E35" s="73">
        <v>50</v>
      </c>
      <c r="F35" s="228"/>
      <c r="G35" s="72">
        <v>76</v>
      </c>
      <c r="H35" s="72">
        <v>56</v>
      </c>
      <c r="I35" s="72">
        <v>34</v>
      </c>
      <c r="J35" s="72">
        <v>30</v>
      </c>
      <c r="K35" s="72">
        <v>28</v>
      </c>
      <c r="L35" s="74">
        <v>224</v>
      </c>
      <c r="M35" s="75">
        <v>274</v>
      </c>
      <c r="N35" s="60">
        <v>3</v>
      </c>
      <c r="O35" s="61">
        <v>1</v>
      </c>
      <c r="P35" s="62">
        <v>4</v>
      </c>
      <c r="Q35" s="231"/>
      <c r="R35" s="61">
        <v>4</v>
      </c>
      <c r="S35" s="61">
        <v>2</v>
      </c>
      <c r="T35" s="61">
        <v>3</v>
      </c>
      <c r="U35" s="61">
        <v>2</v>
      </c>
      <c r="V35" s="61">
        <v>0</v>
      </c>
      <c r="W35" s="62">
        <v>11</v>
      </c>
      <c r="X35" s="63">
        <v>15</v>
      </c>
      <c r="Y35" s="60">
        <v>3</v>
      </c>
      <c r="Z35" s="61">
        <v>1</v>
      </c>
      <c r="AA35" s="62">
        <v>4</v>
      </c>
      <c r="AB35" s="231"/>
      <c r="AC35" s="61">
        <v>6</v>
      </c>
      <c r="AD35" s="61">
        <v>7</v>
      </c>
      <c r="AE35" s="61">
        <v>3</v>
      </c>
      <c r="AF35" s="61">
        <v>6</v>
      </c>
      <c r="AG35" s="61">
        <v>5</v>
      </c>
      <c r="AH35" s="62">
        <v>27</v>
      </c>
      <c r="AI35" s="63">
        <v>31</v>
      </c>
      <c r="AJ35" s="60">
        <v>2</v>
      </c>
      <c r="AK35" s="61">
        <v>1</v>
      </c>
      <c r="AL35" s="62">
        <v>3</v>
      </c>
      <c r="AM35" s="231"/>
      <c r="AN35" s="61">
        <v>10</v>
      </c>
      <c r="AO35" s="61">
        <v>7</v>
      </c>
      <c r="AP35" s="61">
        <v>4</v>
      </c>
      <c r="AQ35" s="61">
        <v>1</v>
      </c>
      <c r="AR35" s="61">
        <v>6</v>
      </c>
      <c r="AS35" s="62">
        <v>28</v>
      </c>
      <c r="AT35" s="63">
        <v>31</v>
      </c>
      <c r="AU35" s="60">
        <v>9</v>
      </c>
      <c r="AV35" s="61">
        <v>9</v>
      </c>
      <c r="AW35" s="62">
        <v>18</v>
      </c>
      <c r="AX35" s="231"/>
      <c r="AY35" s="61">
        <v>21</v>
      </c>
      <c r="AZ35" s="61">
        <v>18</v>
      </c>
      <c r="BA35" s="61">
        <v>6</v>
      </c>
      <c r="BB35" s="61">
        <v>8</v>
      </c>
      <c r="BC35" s="61">
        <v>7</v>
      </c>
      <c r="BD35" s="62">
        <v>60</v>
      </c>
      <c r="BE35" s="63">
        <v>78</v>
      </c>
      <c r="BF35" s="60">
        <v>1</v>
      </c>
      <c r="BG35" s="61">
        <v>10</v>
      </c>
      <c r="BH35" s="62">
        <v>11</v>
      </c>
      <c r="BI35" s="231"/>
      <c r="BJ35" s="61">
        <v>24</v>
      </c>
      <c r="BK35" s="61">
        <v>11</v>
      </c>
      <c r="BL35" s="61">
        <v>15</v>
      </c>
      <c r="BM35" s="61">
        <v>12</v>
      </c>
      <c r="BN35" s="61">
        <v>6</v>
      </c>
      <c r="BO35" s="62">
        <v>68</v>
      </c>
      <c r="BP35" s="63">
        <v>79</v>
      </c>
      <c r="BQ35" s="60">
        <v>4</v>
      </c>
      <c r="BR35" s="61">
        <v>6</v>
      </c>
      <c r="BS35" s="62">
        <v>10</v>
      </c>
      <c r="BT35" s="231"/>
      <c r="BU35" s="61">
        <v>11</v>
      </c>
      <c r="BV35" s="61">
        <v>11</v>
      </c>
      <c r="BW35" s="61">
        <v>3</v>
      </c>
      <c r="BX35" s="61">
        <v>1</v>
      </c>
      <c r="BY35" s="61">
        <v>4</v>
      </c>
      <c r="BZ35" s="62">
        <v>30</v>
      </c>
      <c r="CA35" s="63">
        <v>40</v>
      </c>
      <c r="CB35" s="60">
        <v>1</v>
      </c>
      <c r="CC35" s="61">
        <v>2</v>
      </c>
      <c r="CD35" s="62">
        <v>3</v>
      </c>
      <c r="CE35" s="231"/>
      <c r="CF35" s="61">
        <v>2</v>
      </c>
      <c r="CG35" s="61">
        <v>4</v>
      </c>
      <c r="CH35" s="61">
        <v>1</v>
      </c>
      <c r="CI35" s="61">
        <v>3</v>
      </c>
      <c r="CJ35" s="61">
        <v>5</v>
      </c>
      <c r="CK35" s="62">
        <v>15</v>
      </c>
      <c r="CL35" s="63">
        <v>18</v>
      </c>
      <c r="CM35" s="60">
        <v>23</v>
      </c>
      <c r="CN35" s="61">
        <v>30</v>
      </c>
      <c r="CO35" s="62">
        <v>53</v>
      </c>
      <c r="CP35" s="231"/>
      <c r="CQ35" s="61">
        <v>78</v>
      </c>
      <c r="CR35" s="61">
        <v>60</v>
      </c>
      <c r="CS35" s="61">
        <v>35</v>
      </c>
      <c r="CT35" s="61">
        <v>33</v>
      </c>
      <c r="CU35" s="61">
        <v>33</v>
      </c>
      <c r="CV35" s="62">
        <v>239</v>
      </c>
      <c r="CW35" s="63">
        <v>292</v>
      </c>
      <c r="CX35" s="113">
        <v>47</v>
      </c>
      <c r="CY35" s="72">
        <v>74</v>
      </c>
      <c r="CZ35" s="73">
        <v>121</v>
      </c>
      <c r="DA35" s="228"/>
      <c r="DB35" s="72">
        <v>133</v>
      </c>
      <c r="DC35" s="72">
        <v>84</v>
      </c>
      <c r="DD35" s="72">
        <v>81</v>
      </c>
      <c r="DE35" s="72">
        <v>82</v>
      </c>
      <c r="DF35" s="72">
        <v>40</v>
      </c>
      <c r="DG35" s="74">
        <v>420</v>
      </c>
      <c r="DH35" s="75">
        <v>541</v>
      </c>
      <c r="DI35" s="60">
        <v>2</v>
      </c>
      <c r="DJ35" s="61">
        <v>0</v>
      </c>
      <c r="DK35" s="62">
        <v>2</v>
      </c>
      <c r="DL35" s="231"/>
      <c r="DM35" s="61">
        <v>5</v>
      </c>
      <c r="DN35" s="61">
        <v>5</v>
      </c>
      <c r="DO35" s="61">
        <v>2</v>
      </c>
      <c r="DP35" s="61">
        <v>0</v>
      </c>
      <c r="DQ35" s="61">
        <v>0</v>
      </c>
      <c r="DR35" s="62">
        <v>12</v>
      </c>
      <c r="DS35" s="63">
        <v>14</v>
      </c>
      <c r="DT35" s="60">
        <v>3</v>
      </c>
      <c r="DU35" s="61">
        <v>2</v>
      </c>
      <c r="DV35" s="62">
        <v>5</v>
      </c>
      <c r="DW35" s="231"/>
      <c r="DX35" s="61">
        <v>8</v>
      </c>
      <c r="DY35" s="61">
        <v>3</v>
      </c>
      <c r="DZ35" s="61">
        <v>3</v>
      </c>
      <c r="EA35" s="61">
        <v>4</v>
      </c>
      <c r="EB35" s="61">
        <v>4</v>
      </c>
      <c r="EC35" s="62">
        <v>22</v>
      </c>
      <c r="ED35" s="63">
        <v>27</v>
      </c>
      <c r="EE35" s="60">
        <v>3</v>
      </c>
      <c r="EF35" s="61">
        <v>7</v>
      </c>
      <c r="EG35" s="62">
        <v>10</v>
      </c>
      <c r="EH35" s="231"/>
      <c r="EI35" s="61">
        <v>22</v>
      </c>
      <c r="EJ35" s="61">
        <v>4</v>
      </c>
      <c r="EK35" s="61">
        <v>8</v>
      </c>
      <c r="EL35" s="61">
        <v>5</v>
      </c>
      <c r="EM35" s="61">
        <v>5</v>
      </c>
      <c r="EN35" s="62">
        <v>44</v>
      </c>
      <c r="EO35" s="63">
        <v>54</v>
      </c>
      <c r="EP35" s="60">
        <v>20</v>
      </c>
      <c r="EQ35" s="61">
        <v>20</v>
      </c>
      <c r="ER35" s="62">
        <v>40</v>
      </c>
      <c r="ES35" s="231"/>
      <c r="ET35" s="61">
        <v>30</v>
      </c>
      <c r="EU35" s="61">
        <v>21</v>
      </c>
      <c r="EV35" s="61">
        <v>17</v>
      </c>
      <c r="EW35" s="61">
        <v>11</v>
      </c>
      <c r="EX35" s="61">
        <v>7</v>
      </c>
      <c r="EY35" s="62">
        <v>86</v>
      </c>
      <c r="EZ35" s="63">
        <v>126</v>
      </c>
      <c r="FA35" s="60">
        <v>12</v>
      </c>
      <c r="FB35" s="61">
        <v>22</v>
      </c>
      <c r="FC35" s="62">
        <v>34</v>
      </c>
      <c r="FD35" s="231"/>
      <c r="FE35" s="61">
        <v>33</v>
      </c>
      <c r="FF35" s="61">
        <v>22</v>
      </c>
      <c r="FG35" s="61">
        <v>17</v>
      </c>
      <c r="FH35" s="61">
        <v>19</v>
      </c>
      <c r="FI35" s="61">
        <v>11</v>
      </c>
      <c r="FJ35" s="62">
        <v>102</v>
      </c>
      <c r="FK35" s="63">
        <v>136</v>
      </c>
      <c r="FL35" s="60">
        <v>7</v>
      </c>
      <c r="FM35" s="61">
        <v>23</v>
      </c>
      <c r="FN35" s="62">
        <v>30</v>
      </c>
      <c r="FO35" s="231"/>
      <c r="FP35" s="61">
        <v>35</v>
      </c>
      <c r="FQ35" s="61">
        <v>29</v>
      </c>
      <c r="FR35" s="61">
        <v>34</v>
      </c>
      <c r="FS35" s="61">
        <v>43</v>
      </c>
      <c r="FT35" s="61">
        <v>13</v>
      </c>
      <c r="FU35" s="62">
        <v>154</v>
      </c>
      <c r="FV35" s="63">
        <v>184</v>
      </c>
      <c r="FW35" s="60">
        <v>0</v>
      </c>
      <c r="FX35" s="61">
        <v>2</v>
      </c>
      <c r="FY35" s="62">
        <v>2</v>
      </c>
      <c r="FZ35" s="231"/>
      <c r="GA35" s="61">
        <v>2</v>
      </c>
      <c r="GB35" s="61">
        <v>4</v>
      </c>
      <c r="GC35" s="61">
        <v>0</v>
      </c>
      <c r="GD35" s="61">
        <v>0</v>
      </c>
      <c r="GE35" s="61">
        <v>1</v>
      </c>
      <c r="GF35" s="62">
        <v>7</v>
      </c>
      <c r="GG35" s="63">
        <v>9</v>
      </c>
      <c r="GH35" s="60">
        <v>47</v>
      </c>
      <c r="GI35" s="61">
        <v>76</v>
      </c>
      <c r="GJ35" s="62">
        <v>123</v>
      </c>
      <c r="GK35" s="231"/>
      <c r="GL35" s="61">
        <v>135</v>
      </c>
      <c r="GM35" s="61">
        <v>88</v>
      </c>
      <c r="GN35" s="61">
        <v>81</v>
      </c>
      <c r="GO35" s="61">
        <v>82</v>
      </c>
      <c r="GP35" s="61">
        <v>41</v>
      </c>
      <c r="GQ35" s="62">
        <v>427</v>
      </c>
      <c r="GR35" s="63">
        <v>550</v>
      </c>
      <c r="GS35" s="113">
        <v>69</v>
      </c>
      <c r="GT35" s="72">
        <v>102</v>
      </c>
      <c r="GU35" s="73">
        <v>171</v>
      </c>
      <c r="GV35" s="228"/>
      <c r="GW35" s="72">
        <v>209</v>
      </c>
      <c r="GX35" s="72">
        <v>140</v>
      </c>
      <c r="GY35" s="72">
        <v>115</v>
      </c>
      <c r="GZ35" s="72">
        <v>112</v>
      </c>
      <c r="HA35" s="72">
        <v>68</v>
      </c>
      <c r="HB35" s="74">
        <v>644</v>
      </c>
      <c r="HC35" s="75">
        <v>815</v>
      </c>
      <c r="HD35" s="60">
        <v>5</v>
      </c>
      <c r="HE35" s="61">
        <v>1</v>
      </c>
      <c r="HF35" s="62">
        <v>6</v>
      </c>
      <c r="HG35" s="231"/>
      <c r="HH35" s="61">
        <v>9</v>
      </c>
      <c r="HI35" s="61">
        <v>7</v>
      </c>
      <c r="HJ35" s="61">
        <v>5</v>
      </c>
      <c r="HK35" s="61">
        <v>2</v>
      </c>
      <c r="HL35" s="61">
        <v>0</v>
      </c>
      <c r="HM35" s="62">
        <v>23</v>
      </c>
      <c r="HN35" s="63">
        <v>29</v>
      </c>
      <c r="HO35" s="60">
        <v>6</v>
      </c>
      <c r="HP35" s="61">
        <v>3</v>
      </c>
      <c r="HQ35" s="62">
        <v>9</v>
      </c>
      <c r="HR35" s="231"/>
      <c r="HS35" s="61">
        <v>14</v>
      </c>
      <c r="HT35" s="61">
        <v>10</v>
      </c>
      <c r="HU35" s="61">
        <v>6</v>
      </c>
      <c r="HV35" s="61">
        <v>10</v>
      </c>
      <c r="HW35" s="61">
        <v>9</v>
      </c>
      <c r="HX35" s="62">
        <v>49</v>
      </c>
      <c r="HY35" s="63">
        <v>58</v>
      </c>
      <c r="HZ35" s="60">
        <v>5</v>
      </c>
      <c r="IA35" s="61">
        <v>8</v>
      </c>
      <c r="IB35" s="62">
        <v>13</v>
      </c>
      <c r="IC35" s="231"/>
      <c r="ID35" s="61">
        <v>32</v>
      </c>
      <c r="IE35" s="61">
        <v>11</v>
      </c>
      <c r="IF35" s="61">
        <v>12</v>
      </c>
      <c r="IG35" s="61">
        <v>6</v>
      </c>
      <c r="IH35" s="61">
        <v>11</v>
      </c>
      <c r="II35" s="62">
        <v>72</v>
      </c>
      <c r="IJ35" s="63">
        <v>85</v>
      </c>
      <c r="IK35" s="60">
        <v>29</v>
      </c>
      <c r="IL35" s="61">
        <v>29</v>
      </c>
      <c r="IM35" s="62">
        <v>58</v>
      </c>
      <c r="IN35" s="231"/>
      <c r="IO35" s="61">
        <v>51</v>
      </c>
      <c r="IP35" s="61">
        <v>39</v>
      </c>
      <c r="IQ35" s="61">
        <v>23</v>
      </c>
      <c r="IR35" s="61">
        <v>19</v>
      </c>
      <c r="IS35" s="61">
        <v>14</v>
      </c>
      <c r="IT35" s="62">
        <v>146</v>
      </c>
      <c r="IU35" s="63">
        <v>204</v>
      </c>
      <c r="IV35" s="60">
        <v>13</v>
      </c>
      <c r="IW35" s="61">
        <v>32</v>
      </c>
      <c r="IX35" s="62">
        <v>45</v>
      </c>
      <c r="IY35" s="231"/>
      <c r="IZ35" s="61">
        <v>57</v>
      </c>
      <c r="JA35" s="61">
        <v>33</v>
      </c>
      <c r="JB35" s="61">
        <v>32</v>
      </c>
      <c r="JC35" s="61">
        <v>31</v>
      </c>
      <c r="JD35" s="61">
        <v>17</v>
      </c>
      <c r="JE35" s="62">
        <v>170</v>
      </c>
      <c r="JF35" s="63">
        <v>215</v>
      </c>
      <c r="JG35" s="60">
        <v>11</v>
      </c>
      <c r="JH35" s="61">
        <v>29</v>
      </c>
      <c r="JI35" s="62">
        <v>40</v>
      </c>
      <c r="JJ35" s="231"/>
      <c r="JK35" s="61">
        <v>46</v>
      </c>
      <c r="JL35" s="61">
        <v>40</v>
      </c>
      <c r="JM35" s="61">
        <v>37</v>
      </c>
      <c r="JN35" s="61">
        <v>44</v>
      </c>
      <c r="JO35" s="61">
        <v>17</v>
      </c>
      <c r="JP35" s="62">
        <v>184</v>
      </c>
      <c r="JQ35" s="63">
        <v>224</v>
      </c>
      <c r="JR35" s="60">
        <v>1</v>
      </c>
      <c r="JS35" s="61">
        <v>4</v>
      </c>
      <c r="JT35" s="62">
        <v>5</v>
      </c>
      <c r="JU35" s="231"/>
      <c r="JV35" s="61">
        <v>4</v>
      </c>
      <c r="JW35" s="61">
        <v>8</v>
      </c>
      <c r="JX35" s="61">
        <v>1</v>
      </c>
      <c r="JY35" s="61">
        <v>3</v>
      </c>
      <c r="JZ35" s="61">
        <v>6</v>
      </c>
      <c r="KA35" s="62">
        <v>22</v>
      </c>
      <c r="KB35" s="63">
        <v>27</v>
      </c>
      <c r="KC35" s="60">
        <v>70</v>
      </c>
      <c r="KD35" s="61">
        <v>106</v>
      </c>
      <c r="KE35" s="62">
        <v>176</v>
      </c>
      <c r="KF35" s="231"/>
      <c r="KG35" s="61">
        <v>213</v>
      </c>
      <c r="KH35" s="61">
        <v>148</v>
      </c>
      <c r="KI35" s="61">
        <v>116</v>
      </c>
      <c r="KJ35" s="61">
        <v>115</v>
      </c>
      <c r="KK35" s="61">
        <v>74</v>
      </c>
      <c r="KL35" s="62">
        <v>666</v>
      </c>
      <c r="KM35" s="63">
        <v>842</v>
      </c>
    </row>
    <row r="36" spans="2:299" ht="21" customHeight="1" x14ac:dyDescent="0.2">
      <c r="B36" s="468" t="s">
        <v>33</v>
      </c>
      <c r="C36" s="291">
        <v>34</v>
      </c>
      <c r="D36" s="72">
        <v>32</v>
      </c>
      <c r="E36" s="73">
        <v>66</v>
      </c>
      <c r="F36" s="228"/>
      <c r="G36" s="72">
        <v>58</v>
      </c>
      <c r="H36" s="72">
        <v>45</v>
      </c>
      <c r="I36" s="72">
        <v>46</v>
      </c>
      <c r="J36" s="72">
        <v>26</v>
      </c>
      <c r="K36" s="72">
        <v>19</v>
      </c>
      <c r="L36" s="74">
        <v>194</v>
      </c>
      <c r="M36" s="75">
        <v>260</v>
      </c>
      <c r="N36" s="60">
        <v>1</v>
      </c>
      <c r="O36" s="61">
        <v>0</v>
      </c>
      <c r="P36" s="62">
        <v>1</v>
      </c>
      <c r="Q36" s="231"/>
      <c r="R36" s="61">
        <v>4</v>
      </c>
      <c r="S36" s="61">
        <v>1</v>
      </c>
      <c r="T36" s="61">
        <v>4</v>
      </c>
      <c r="U36" s="61">
        <v>1</v>
      </c>
      <c r="V36" s="61">
        <v>0</v>
      </c>
      <c r="W36" s="62">
        <v>10</v>
      </c>
      <c r="X36" s="63">
        <v>11</v>
      </c>
      <c r="Y36" s="60">
        <v>4</v>
      </c>
      <c r="Z36" s="61">
        <v>6</v>
      </c>
      <c r="AA36" s="62">
        <v>10</v>
      </c>
      <c r="AB36" s="231"/>
      <c r="AC36" s="61">
        <v>7</v>
      </c>
      <c r="AD36" s="61">
        <v>6</v>
      </c>
      <c r="AE36" s="61">
        <v>7</v>
      </c>
      <c r="AF36" s="61">
        <v>7</v>
      </c>
      <c r="AG36" s="61">
        <v>3</v>
      </c>
      <c r="AH36" s="62">
        <v>30</v>
      </c>
      <c r="AI36" s="63">
        <v>40</v>
      </c>
      <c r="AJ36" s="60">
        <v>6</v>
      </c>
      <c r="AK36" s="61">
        <v>5</v>
      </c>
      <c r="AL36" s="62">
        <v>11</v>
      </c>
      <c r="AM36" s="231"/>
      <c r="AN36" s="61">
        <v>12</v>
      </c>
      <c r="AO36" s="61">
        <v>9</v>
      </c>
      <c r="AP36" s="61">
        <v>7</v>
      </c>
      <c r="AQ36" s="61">
        <v>1</v>
      </c>
      <c r="AR36" s="61">
        <v>5</v>
      </c>
      <c r="AS36" s="62">
        <v>34</v>
      </c>
      <c r="AT36" s="63">
        <v>45</v>
      </c>
      <c r="AU36" s="60">
        <v>13</v>
      </c>
      <c r="AV36" s="61">
        <v>13</v>
      </c>
      <c r="AW36" s="62">
        <v>26</v>
      </c>
      <c r="AX36" s="231"/>
      <c r="AY36" s="61">
        <v>14</v>
      </c>
      <c r="AZ36" s="61">
        <v>10</v>
      </c>
      <c r="BA36" s="61">
        <v>10</v>
      </c>
      <c r="BB36" s="61">
        <v>9</v>
      </c>
      <c r="BC36" s="61">
        <v>5</v>
      </c>
      <c r="BD36" s="62">
        <v>48</v>
      </c>
      <c r="BE36" s="63">
        <v>74</v>
      </c>
      <c r="BF36" s="60">
        <v>6</v>
      </c>
      <c r="BG36" s="61">
        <v>5</v>
      </c>
      <c r="BH36" s="62">
        <v>11</v>
      </c>
      <c r="BI36" s="231"/>
      <c r="BJ36" s="61">
        <v>12</v>
      </c>
      <c r="BK36" s="61">
        <v>9</v>
      </c>
      <c r="BL36" s="61">
        <v>13</v>
      </c>
      <c r="BM36" s="61">
        <v>6</v>
      </c>
      <c r="BN36" s="61">
        <v>3</v>
      </c>
      <c r="BO36" s="62">
        <v>43</v>
      </c>
      <c r="BP36" s="63">
        <v>54</v>
      </c>
      <c r="BQ36" s="60">
        <v>4</v>
      </c>
      <c r="BR36" s="61">
        <v>3</v>
      </c>
      <c r="BS36" s="62">
        <v>7</v>
      </c>
      <c r="BT36" s="231"/>
      <c r="BU36" s="61">
        <v>9</v>
      </c>
      <c r="BV36" s="61">
        <v>10</v>
      </c>
      <c r="BW36" s="61">
        <v>5</v>
      </c>
      <c r="BX36" s="61">
        <v>2</v>
      </c>
      <c r="BY36" s="61">
        <v>3</v>
      </c>
      <c r="BZ36" s="62">
        <v>29</v>
      </c>
      <c r="CA36" s="63">
        <v>36</v>
      </c>
      <c r="CB36" s="60">
        <v>1</v>
      </c>
      <c r="CC36" s="61">
        <v>0</v>
      </c>
      <c r="CD36" s="62">
        <v>1</v>
      </c>
      <c r="CE36" s="231"/>
      <c r="CF36" s="61">
        <v>1</v>
      </c>
      <c r="CG36" s="61">
        <v>1</v>
      </c>
      <c r="CH36" s="61">
        <v>0</v>
      </c>
      <c r="CI36" s="61">
        <v>0</v>
      </c>
      <c r="CJ36" s="61">
        <v>0</v>
      </c>
      <c r="CK36" s="62">
        <v>2</v>
      </c>
      <c r="CL36" s="63">
        <v>3</v>
      </c>
      <c r="CM36" s="60">
        <v>35</v>
      </c>
      <c r="CN36" s="61">
        <v>32</v>
      </c>
      <c r="CO36" s="62">
        <v>67</v>
      </c>
      <c r="CP36" s="231"/>
      <c r="CQ36" s="61">
        <v>59</v>
      </c>
      <c r="CR36" s="61">
        <v>46</v>
      </c>
      <c r="CS36" s="61">
        <v>46</v>
      </c>
      <c r="CT36" s="61">
        <v>26</v>
      </c>
      <c r="CU36" s="61">
        <v>19</v>
      </c>
      <c r="CV36" s="62">
        <v>196</v>
      </c>
      <c r="CW36" s="63">
        <v>263</v>
      </c>
      <c r="CX36" s="113">
        <v>42</v>
      </c>
      <c r="CY36" s="72">
        <v>71</v>
      </c>
      <c r="CZ36" s="73">
        <v>113</v>
      </c>
      <c r="DA36" s="228"/>
      <c r="DB36" s="72">
        <v>135</v>
      </c>
      <c r="DC36" s="72">
        <v>82</v>
      </c>
      <c r="DD36" s="72">
        <v>74</v>
      </c>
      <c r="DE36" s="72">
        <v>73</v>
      </c>
      <c r="DF36" s="72">
        <v>63</v>
      </c>
      <c r="DG36" s="74">
        <v>427</v>
      </c>
      <c r="DH36" s="75">
        <v>540</v>
      </c>
      <c r="DI36" s="60">
        <v>1</v>
      </c>
      <c r="DJ36" s="61">
        <v>2</v>
      </c>
      <c r="DK36" s="62">
        <v>3</v>
      </c>
      <c r="DL36" s="231"/>
      <c r="DM36" s="61">
        <v>2</v>
      </c>
      <c r="DN36" s="61">
        <v>1</v>
      </c>
      <c r="DO36" s="61">
        <v>0</v>
      </c>
      <c r="DP36" s="61">
        <v>3</v>
      </c>
      <c r="DQ36" s="61">
        <v>1</v>
      </c>
      <c r="DR36" s="62">
        <v>7</v>
      </c>
      <c r="DS36" s="63">
        <v>10</v>
      </c>
      <c r="DT36" s="60">
        <v>4</v>
      </c>
      <c r="DU36" s="61">
        <v>5</v>
      </c>
      <c r="DV36" s="62">
        <v>9</v>
      </c>
      <c r="DW36" s="231"/>
      <c r="DX36" s="61">
        <v>3</v>
      </c>
      <c r="DY36" s="61">
        <v>3</v>
      </c>
      <c r="DZ36" s="61">
        <v>2</v>
      </c>
      <c r="EA36" s="61">
        <v>4</v>
      </c>
      <c r="EB36" s="61">
        <v>4</v>
      </c>
      <c r="EC36" s="62">
        <v>16</v>
      </c>
      <c r="ED36" s="63">
        <v>25</v>
      </c>
      <c r="EE36" s="60">
        <v>4</v>
      </c>
      <c r="EF36" s="61">
        <v>10</v>
      </c>
      <c r="EG36" s="62">
        <v>14</v>
      </c>
      <c r="EH36" s="231"/>
      <c r="EI36" s="61">
        <v>15</v>
      </c>
      <c r="EJ36" s="61">
        <v>5</v>
      </c>
      <c r="EK36" s="61">
        <v>6</v>
      </c>
      <c r="EL36" s="61">
        <v>7</v>
      </c>
      <c r="EM36" s="61">
        <v>9</v>
      </c>
      <c r="EN36" s="62">
        <v>42</v>
      </c>
      <c r="EO36" s="63">
        <v>56</v>
      </c>
      <c r="EP36" s="60">
        <v>8</v>
      </c>
      <c r="EQ36" s="61">
        <v>15</v>
      </c>
      <c r="ER36" s="62">
        <v>23</v>
      </c>
      <c r="ES36" s="231"/>
      <c r="ET36" s="61">
        <v>31</v>
      </c>
      <c r="EU36" s="61">
        <v>17</v>
      </c>
      <c r="EV36" s="61">
        <v>13</v>
      </c>
      <c r="EW36" s="61">
        <v>11</v>
      </c>
      <c r="EX36" s="61">
        <v>11</v>
      </c>
      <c r="EY36" s="62">
        <v>83</v>
      </c>
      <c r="EZ36" s="63">
        <v>106</v>
      </c>
      <c r="FA36" s="60">
        <v>19</v>
      </c>
      <c r="FB36" s="61">
        <v>20</v>
      </c>
      <c r="FC36" s="62">
        <v>39</v>
      </c>
      <c r="FD36" s="231"/>
      <c r="FE36" s="61">
        <v>46</v>
      </c>
      <c r="FF36" s="61">
        <v>18</v>
      </c>
      <c r="FG36" s="61">
        <v>19</v>
      </c>
      <c r="FH36" s="61">
        <v>19</v>
      </c>
      <c r="FI36" s="61">
        <v>12</v>
      </c>
      <c r="FJ36" s="62">
        <v>114</v>
      </c>
      <c r="FK36" s="63">
        <v>153</v>
      </c>
      <c r="FL36" s="60">
        <v>6</v>
      </c>
      <c r="FM36" s="61">
        <v>19</v>
      </c>
      <c r="FN36" s="62">
        <v>25</v>
      </c>
      <c r="FO36" s="231"/>
      <c r="FP36" s="61">
        <v>38</v>
      </c>
      <c r="FQ36" s="61">
        <v>38</v>
      </c>
      <c r="FR36" s="61">
        <v>34</v>
      </c>
      <c r="FS36" s="61">
        <v>29</v>
      </c>
      <c r="FT36" s="61">
        <v>26</v>
      </c>
      <c r="FU36" s="62">
        <v>165</v>
      </c>
      <c r="FV36" s="63">
        <v>190</v>
      </c>
      <c r="FW36" s="60">
        <v>0</v>
      </c>
      <c r="FX36" s="61">
        <v>0</v>
      </c>
      <c r="FY36" s="62">
        <v>0</v>
      </c>
      <c r="FZ36" s="231"/>
      <c r="GA36" s="61">
        <v>1</v>
      </c>
      <c r="GB36" s="61">
        <v>0</v>
      </c>
      <c r="GC36" s="61">
        <v>1</v>
      </c>
      <c r="GD36" s="61">
        <v>0</v>
      </c>
      <c r="GE36" s="61">
        <v>1</v>
      </c>
      <c r="GF36" s="62">
        <v>3</v>
      </c>
      <c r="GG36" s="63">
        <v>3</v>
      </c>
      <c r="GH36" s="60">
        <v>42</v>
      </c>
      <c r="GI36" s="61">
        <v>71</v>
      </c>
      <c r="GJ36" s="62">
        <v>113</v>
      </c>
      <c r="GK36" s="231"/>
      <c r="GL36" s="61">
        <v>136</v>
      </c>
      <c r="GM36" s="61">
        <v>82</v>
      </c>
      <c r="GN36" s="61">
        <v>75</v>
      </c>
      <c r="GO36" s="61">
        <v>73</v>
      </c>
      <c r="GP36" s="61">
        <v>64</v>
      </c>
      <c r="GQ36" s="62">
        <v>430</v>
      </c>
      <c r="GR36" s="63">
        <v>543</v>
      </c>
      <c r="GS36" s="113">
        <v>76</v>
      </c>
      <c r="GT36" s="72">
        <v>103</v>
      </c>
      <c r="GU36" s="73">
        <v>179</v>
      </c>
      <c r="GV36" s="228"/>
      <c r="GW36" s="72">
        <v>193</v>
      </c>
      <c r="GX36" s="72">
        <v>127</v>
      </c>
      <c r="GY36" s="72">
        <v>120</v>
      </c>
      <c r="GZ36" s="72">
        <v>99</v>
      </c>
      <c r="HA36" s="72">
        <v>82</v>
      </c>
      <c r="HB36" s="74">
        <v>621</v>
      </c>
      <c r="HC36" s="75">
        <v>800</v>
      </c>
      <c r="HD36" s="60">
        <v>2</v>
      </c>
      <c r="HE36" s="61">
        <v>2</v>
      </c>
      <c r="HF36" s="62">
        <v>4</v>
      </c>
      <c r="HG36" s="231"/>
      <c r="HH36" s="61">
        <v>6</v>
      </c>
      <c r="HI36" s="61">
        <v>2</v>
      </c>
      <c r="HJ36" s="61">
        <v>4</v>
      </c>
      <c r="HK36" s="61">
        <v>4</v>
      </c>
      <c r="HL36" s="61">
        <v>1</v>
      </c>
      <c r="HM36" s="62">
        <v>17</v>
      </c>
      <c r="HN36" s="63">
        <v>21</v>
      </c>
      <c r="HO36" s="60">
        <v>8</v>
      </c>
      <c r="HP36" s="61">
        <v>11</v>
      </c>
      <c r="HQ36" s="62">
        <v>19</v>
      </c>
      <c r="HR36" s="231"/>
      <c r="HS36" s="61">
        <v>10</v>
      </c>
      <c r="HT36" s="61">
        <v>9</v>
      </c>
      <c r="HU36" s="61">
        <v>9</v>
      </c>
      <c r="HV36" s="61">
        <v>11</v>
      </c>
      <c r="HW36" s="61">
        <v>7</v>
      </c>
      <c r="HX36" s="62">
        <v>46</v>
      </c>
      <c r="HY36" s="63">
        <v>65</v>
      </c>
      <c r="HZ36" s="60">
        <v>10</v>
      </c>
      <c r="IA36" s="61">
        <v>15</v>
      </c>
      <c r="IB36" s="62">
        <v>25</v>
      </c>
      <c r="IC36" s="231"/>
      <c r="ID36" s="61">
        <v>27</v>
      </c>
      <c r="IE36" s="61">
        <v>14</v>
      </c>
      <c r="IF36" s="61">
        <v>13</v>
      </c>
      <c r="IG36" s="61">
        <v>8</v>
      </c>
      <c r="IH36" s="61">
        <v>14</v>
      </c>
      <c r="II36" s="62">
        <v>76</v>
      </c>
      <c r="IJ36" s="63">
        <v>101</v>
      </c>
      <c r="IK36" s="60">
        <v>21</v>
      </c>
      <c r="IL36" s="61">
        <v>28</v>
      </c>
      <c r="IM36" s="62">
        <v>49</v>
      </c>
      <c r="IN36" s="231"/>
      <c r="IO36" s="61">
        <v>45</v>
      </c>
      <c r="IP36" s="61">
        <v>27</v>
      </c>
      <c r="IQ36" s="61">
        <v>23</v>
      </c>
      <c r="IR36" s="61">
        <v>20</v>
      </c>
      <c r="IS36" s="61">
        <v>16</v>
      </c>
      <c r="IT36" s="62">
        <v>131</v>
      </c>
      <c r="IU36" s="63">
        <v>180</v>
      </c>
      <c r="IV36" s="60">
        <v>25</v>
      </c>
      <c r="IW36" s="61">
        <v>25</v>
      </c>
      <c r="IX36" s="62">
        <v>50</v>
      </c>
      <c r="IY36" s="231"/>
      <c r="IZ36" s="61">
        <v>58</v>
      </c>
      <c r="JA36" s="61">
        <v>27</v>
      </c>
      <c r="JB36" s="61">
        <v>32</v>
      </c>
      <c r="JC36" s="61">
        <v>25</v>
      </c>
      <c r="JD36" s="61">
        <v>15</v>
      </c>
      <c r="JE36" s="62">
        <v>157</v>
      </c>
      <c r="JF36" s="63">
        <v>207</v>
      </c>
      <c r="JG36" s="60">
        <v>10</v>
      </c>
      <c r="JH36" s="61">
        <v>22</v>
      </c>
      <c r="JI36" s="62">
        <v>32</v>
      </c>
      <c r="JJ36" s="231"/>
      <c r="JK36" s="61">
        <v>47</v>
      </c>
      <c r="JL36" s="61">
        <v>48</v>
      </c>
      <c r="JM36" s="61">
        <v>39</v>
      </c>
      <c r="JN36" s="61">
        <v>31</v>
      </c>
      <c r="JO36" s="61">
        <v>29</v>
      </c>
      <c r="JP36" s="62">
        <v>194</v>
      </c>
      <c r="JQ36" s="63">
        <v>226</v>
      </c>
      <c r="JR36" s="60">
        <v>1</v>
      </c>
      <c r="JS36" s="61">
        <v>0</v>
      </c>
      <c r="JT36" s="62">
        <v>1</v>
      </c>
      <c r="JU36" s="231"/>
      <c r="JV36" s="61">
        <v>2</v>
      </c>
      <c r="JW36" s="61">
        <v>1</v>
      </c>
      <c r="JX36" s="61">
        <v>1</v>
      </c>
      <c r="JY36" s="61">
        <v>0</v>
      </c>
      <c r="JZ36" s="61">
        <v>1</v>
      </c>
      <c r="KA36" s="62">
        <v>5</v>
      </c>
      <c r="KB36" s="63">
        <v>6</v>
      </c>
      <c r="KC36" s="60">
        <v>77</v>
      </c>
      <c r="KD36" s="61">
        <v>103</v>
      </c>
      <c r="KE36" s="62">
        <v>180</v>
      </c>
      <c r="KF36" s="231"/>
      <c r="KG36" s="61">
        <v>195</v>
      </c>
      <c r="KH36" s="61">
        <v>128</v>
      </c>
      <c r="KI36" s="61">
        <v>121</v>
      </c>
      <c r="KJ36" s="61">
        <v>99</v>
      </c>
      <c r="KK36" s="61">
        <v>83</v>
      </c>
      <c r="KL36" s="62">
        <v>626</v>
      </c>
      <c r="KM36" s="63">
        <v>806</v>
      </c>
    </row>
    <row r="37" spans="2:299" ht="21" customHeight="1" x14ac:dyDescent="0.2">
      <c r="B37" s="468" t="s">
        <v>34</v>
      </c>
      <c r="C37" s="291">
        <v>15</v>
      </c>
      <c r="D37" s="72">
        <v>15</v>
      </c>
      <c r="E37" s="73">
        <v>30</v>
      </c>
      <c r="F37" s="228"/>
      <c r="G37" s="72">
        <v>39</v>
      </c>
      <c r="H37" s="72">
        <v>38</v>
      </c>
      <c r="I37" s="72">
        <v>17</v>
      </c>
      <c r="J37" s="72">
        <v>21</v>
      </c>
      <c r="K37" s="72">
        <v>8</v>
      </c>
      <c r="L37" s="74">
        <v>123</v>
      </c>
      <c r="M37" s="75">
        <v>153</v>
      </c>
      <c r="N37" s="60">
        <v>0</v>
      </c>
      <c r="O37" s="61">
        <v>2</v>
      </c>
      <c r="P37" s="62">
        <v>2</v>
      </c>
      <c r="Q37" s="231"/>
      <c r="R37" s="61">
        <v>3</v>
      </c>
      <c r="S37" s="61">
        <v>1</v>
      </c>
      <c r="T37" s="61">
        <v>2</v>
      </c>
      <c r="U37" s="61">
        <v>1</v>
      </c>
      <c r="V37" s="61">
        <v>0</v>
      </c>
      <c r="W37" s="62">
        <v>7</v>
      </c>
      <c r="X37" s="63">
        <v>9</v>
      </c>
      <c r="Y37" s="60">
        <v>2</v>
      </c>
      <c r="Z37" s="61">
        <v>2</v>
      </c>
      <c r="AA37" s="62">
        <v>4</v>
      </c>
      <c r="AB37" s="231"/>
      <c r="AC37" s="61">
        <v>3</v>
      </c>
      <c r="AD37" s="61">
        <v>2</v>
      </c>
      <c r="AE37" s="61">
        <v>1</v>
      </c>
      <c r="AF37" s="61">
        <v>0</v>
      </c>
      <c r="AG37" s="61">
        <v>0</v>
      </c>
      <c r="AH37" s="62">
        <v>6</v>
      </c>
      <c r="AI37" s="63">
        <v>10</v>
      </c>
      <c r="AJ37" s="60">
        <v>1</v>
      </c>
      <c r="AK37" s="61">
        <v>2</v>
      </c>
      <c r="AL37" s="62">
        <v>3</v>
      </c>
      <c r="AM37" s="231"/>
      <c r="AN37" s="61">
        <v>3</v>
      </c>
      <c r="AO37" s="61">
        <v>6</v>
      </c>
      <c r="AP37" s="61">
        <v>2</v>
      </c>
      <c r="AQ37" s="61">
        <v>7</v>
      </c>
      <c r="AR37" s="61">
        <v>3</v>
      </c>
      <c r="AS37" s="62">
        <v>21</v>
      </c>
      <c r="AT37" s="63">
        <v>24</v>
      </c>
      <c r="AU37" s="60">
        <v>7</v>
      </c>
      <c r="AV37" s="61">
        <v>2</v>
      </c>
      <c r="AW37" s="62">
        <v>9</v>
      </c>
      <c r="AX37" s="231"/>
      <c r="AY37" s="61">
        <v>11</v>
      </c>
      <c r="AZ37" s="61">
        <v>10</v>
      </c>
      <c r="BA37" s="61">
        <v>2</v>
      </c>
      <c r="BB37" s="61">
        <v>5</v>
      </c>
      <c r="BC37" s="61">
        <v>2</v>
      </c>
      <c r="BD37" s="62">
        <v>30</v>
      </c>
      <c r="BE37" s="63">
        <v>39</v>
      </c>
      <c r="BF37" s="60">
        <v>4</v>
      </c>
      <c r="BG37" s="61">
        <v>5</v>
      </c>
      <c r="BH37" s="62">
        <v>9</v>
      </c>
      <c r="BI37" s="231"/>
      <c r="BJ37" s="61">
        <v>11</v>
      </c>
      <c r="BK37" s="61">
        <v>9</v>
      </c>
      <c r="BL37" s="61">
        <v>5</v>
      </c>
      <c r="BM37" s="61">
        <v>5</v>
      </c>
      <c r="BN37" s="61">
        <v>2</v>
      </c>
      <c r="BO37" s="62">
        <v>32</v>
      </c>
      <c r="BP37" s="63">
        <v>41</v>
      </c>
      <c r="BQ37" s="60">
        <v>1</v>
      </c>
      <c r="BR37" s="61">
        <v>2</v>
      </c>
      <c r="BS37" s="62">
        <v>3</v>
      </c>
      <c r="BT37" s="231"/>
      <c r="BU37" s="61">
        <v>8</v>
      </c>
      <c r="BV37" s="61">
        <v>10</v>
      </c>
      <c r="BW37" s="61">
        <v>5</v>
      </c>
      <c r="BX37" s="61">
        <v>3</v>
      </c>
      <c r="BY37" s="61">
        <v>1</v>
      </c>
      <c r="BZ37" s="62">
        <v>27</v>
      </c>
      <c r="CA37" s="63">
        <v>30</v>
      </c>
      <c r="CB37" s="60">
        <v>0</v>
      </c>
      <c r="CC37" s="61">
        <v>0</v>
      </c>
      <c r="CD37" s="62">
        <v>0</v>
      </c>
      <c r="CE37" s="231"/>
      <c r="CF37" s="61">
        <v>2</v>
      </c>
      <c r="CG37" s="61">
        <v>2</v>
      </c>
      <c r="CH37" s="61">
        <v>0</v>
      </c>
      <c r="CI37" s="61">
        <v>1</v>
      </c>
      <c r="CJ37" s="61">
        <v>1</v>
      </c>
      <c r="CK37" s="62">
        <v>6</v>
      </c>
      <c r="CL37" s="63">
        <v>6</v>
      </c>
      <c r="CM37" s="60">
        <v>15</v>
      </c>
      <c r="CN37" s="61">
        <v>15</v>
      </c>
      <c r="CO37" s="62">
        <v>30</v>
      </c>
      <c r="CP37" s="231"/>
      <c r="CQ37" s="61">
        <v>41</v>
      </c>
      <c r="CR37" s="61">
        <v>40</v>
      </c>
      <c r="CS37" s="61">
        <v>17</v>
      </c>
      <c r="CT37" s="61">
        <v>22</v>
      </c>
      <c r="CU37" s="61">
        <v>9</v>
      </c>
      <c r="CV37" s="62">
        <v>129</v>
      </c>
      <c r="CW37" s="63">
        <v>159</v>
      </c>
      <c r="CX37" s="113">
        <v>41</v>
      </c>
      <c r="CY37" s="72">
        <v>39</v>
      </c>
      <c r="CZ37" s="73">
        <v>80</v>
      </c>
      <c r="DA37" s="228"/>
      <c r="DB37" s="72">
        <v>99</v>
      </c>
      <c r="DC37" s="72">
        <v>50</v>
      </c>
      <c r="DD37" s="72">
        <v>44</v>
      </c>
      <c r="DE37" s="72">
        <v>46</v>
      </c>
      <c r="DF37" s="72">
        <v>23</v>
      </c>
      <c r="DG37" s="74">
        <v>262</v>
      </c>
      <c r="DH37" s="75">
        <v>342</v>
      </c>
      <c r="DI37" s="60">
        <v>0</v>
      </c>
      <c r="DJ37" s="61">
        <v>2</v>
      </c>
      <c r="DK37" s="62">
        <v>2</v>
      </c>
      <c r="DL37" s="231"/>
      <c r="DM37" s="61">
        <v>1</v>
      </c>
      <c r="DN37" s="61">
        <v>0</v>
      </c>
      <c r="DO37" s="61">
        <v>1</v>
      </c>
      <c r="DP37" s="61">
        <v>0</v>
      </c>
      <c r="DQ37" s="61">
        <v>2</v>
      </c>
      <c r="DR37" s="62">
        <v>4</v>
      </c>
      <c r="DS37" s="63">
        <v>6</v>
      </c>
      <c r="DT37" s="60">
        <v>2</v>
      </c>
      <c r="DU37" s="61">
        <v>0</v>
      </c>
      <c r="DV37" s="62">
        <v>2</v>
      </c>
      <c r="DW37" s="231"/>
      <c r="DX37" s="61">
        <v>5</v>
      </c>
      <c r="DY37" s="61">
        <v>2</v>
      </c>
      <c r="DZ37" s="61">
        <v>2</v>
      </c>
      <c r="EA37" s="61">
        <v>2</v>
      </c>
      <c r="EB37" s="61">
        <v>4</v>
      </c>
      <c r="EC37" s="62">
        <v>15</v>
      </c>
      <c r="ED37" s="63">
        <v>17</v>
      </c>
      <c r="EE37" s="60">
        <v>6</v>
      </c>
      <c r="EF37" s="61">
        <v>4</v>
      </c>
      <c r="EG37" s="62">
        <v>10</v>
      </c>
      <c r="EH37" s="231"/>
      <c r="EI37" s="61">
        <v>7</v>
      </c>
      <c r="EJ37" s="61">
        <v>0</v>
      </c>
      <c r="EK37" s="61">
        <v>7</v>
      </c>
      <c r="EL37" s="61">
        <v>3</v>
      </c>
      <c r="EM37" s="61">
        <v>0</v>
      </c>
      <c r="EN37" s="62">
        <v>17</v>
      </c>
      <c r="EO37" s="63">
        <v>27</v>
      </c>
      <c r="EP37" s="60">
        <v>6</v>
      </c>
      <c r="EQ37" s="61">
        <v>7</v>
      </c>
      <c r="ER37" s="62">
        <v>13</v>
      </c>
      <c r="ES37" s="231"/>
      <c r="ET37" s="61">
        <v>21</v>
      </c>
      <c r="EU37" s="61">
        <v>12</v>
      </c>
      <c r="EV37" s="61">
        <v>10</v>
      </c>
      <c r="EW37" s="61">
        <v>5</v>
      </c>
      <c r="EX37" s="61">
        <v>4</v>
      </c>
      <c r="EY37" s="62">
        <v>52</v>
      </c>
      <c r="EZ37" s="63">
        <v>65</v>
      </c>
      <c r="FA37" s="60">
        <v>18</v>
      </c>
      <c r="FB37" s="61">
        <v>20</v>
      </c>
      <c r="FC37" s="62">
        <v>38</v>
      </c>
      <c r="FD37" s="231"/>
      <c r="FE37" s="61">
        <v>33</v>
      </c>
      <c r="FF37" s="61">
        <v>14</v>
      </c>
      <c r="FG37" s="61">
        <v>11</v>
      </c>
      <c r="FH37" s="61">
        <v>12</v>
      </c>
      <c r="FI37" s="61">
        <v>1</v>
      </c>
      <c r="FJ37" s="62">
        <v>71</v>
      </c>
      <c r="FK37" s="63">
        <v>109</v>
      </c>
      <c r="FL37" s="60">
        <v>9</v>
      </c>
      <c r="FM37" s="61">
        <v>6</v>
      </c>
      <c r="FN37" s="62">
        <v>15</v>
      </c>
      <c r="FO37" s="231"/>
      <c r="FP37" s="61">
        <v>32</v>
      </c>
      <c r="FQ37" s="61">
        <v>22</v>
      </c>
      <c r="FR37" s="61">
        <v>13</v>
      </c>
      <c r="FS37" s="61">
        <v>24</v>
      </c>
      <c r="FT37" s="61">
        <v>12</v>
      </c>
      <c r="FU37" s="62">
        <v>103</v>
      </c>
      <c r="FV37" s="63">
        <v>118</v>
      </c>
      <c r="FW37" s="60">
        <v>0</v>
      </c>
      <c r="FX37" s="61">
        <v>0</v>
      </c>
      <c r="FY37" s="62">
        <v>0</v>
      </c>
      <c r="FZ37" s="231"/>
      <c r="GA37" s="61">
        <v>1</v>
      </c>
      <c r="GB37" s="61">
        <v>1</v>
      </c>
      <c r="GC37" s="61">
        <v>1</v>
      </c>
      <c r="GD37" s="61">
        <v>0</v>
      </c>
      <c r="GE37" s="61">
        <v>1</v>
      </c>
      <c r="GF37" s="62">
        <v>4</v>
      </c>
      <c r="GG37" s="63">
        <v>4</v>
      </c>
      <c r="GH37" s="60">
        <v>41</v>
      </c>
      <c r="GI37" s="61">
        <v>39</v>
      </c>
      <c r="GJ37" s="62">
        <v>80</v>
      </c>
      <c r="GK37" s="231"/>
      <c r="GL37" s="61">
        <v>100</v>
      </c>
      <c r="GM37" s="61">
        <v>51</v>
      </c>
      <c r="GN37" s="61">
        <v>45</v>
      </c>
      <c r="GO37" s="61">
        <v>46</v>
      </c>
      <c r="GP37" s="61">
        <v>24</v>
      </c>
      <c r="GQ37" s="62">
        <v>266</v>
      </c>
      <c r="GR37" s="63">
        <v>346</v>
      </c>
      <c r="GS37" s="113">
        <v>56</v>
      </c>
      <c r="GT37" s="72">
        <v>54</v>
      </c>
      <c r="GU37" s="73">
        <v>110</v>
      </c>
      <c r="GV37" s="228"/>
      <c r="GW37" s="72">
        <v>138</v>
      </c>
      <c r="GX37" s="72">
        <v>88</v>
      </c>
      <c r="GY37" s="72">
        <v>61</v>
      </c>
      <c r="GZ37" s="72">
        <v>67</v>
      </c>
      <c r="HA37" s="72">
        <v>31</v>
      </c>
      <c r="HB37" s="74">
        <v>385</v>
      </c>
      <c r="HC37" s="75">
        <v>495</v>
      </c>
      <c r="HD37" s="60">
        <v>0</v>
      </c>
      <c r="HE37" s="61">
        <v>4</v>
      </c>
      <c r="HF37" s="62">
        <v>4</v>
      </c>
      <c r="HG37" s="231"/>
      <c r="HH37" s="61">
        <v>4</v>
      </c>
      <c r="HI37" s="61">
        <v>1</v>
      </c>
      <c r="HJ37" s="61">
        <v>3</v>
      </c>
      <c r="HK37" s="61">
        <v>1</v>
      </c>
      <c r="HL37" s="61">
        <v>2</v>
      </c>
      <c r="HM37" s="62">
        <v>11</v>
      </c>
      <c r="HN37" s="63">
        <v>15</v>
      </c>
      <c r="HO37" s="60">
        <v>4</v>
      </c>
      <c r="HP37" s="61">
        <v>2</v>
      </c>
      <c r="HQ37" s="62">
        <v>6</v>
      </c>
      <c r="HR37" s="231"/>
      <c r="HS37" s="61">
        <v>8</v>
      </c>
      <c r="HT37" s="61">
        <v>4</v>
      </c>
      <c r="HU37" s="61">
        <v>3</v>
      </c>
      <c r="HV37" s="61">
        <v>2</v>
      </c>
      <c r="HW37" s="61">
        <v>4</v>
      </c>
      <c r="HX37" s="62">
        <v>21</v>
      </c>
      <c r="HY37" s="63">
        <v>27</v>
      </c>
      <c r="HZ37" s="60">
        <v>7</v>
      </c>
      <c r="IA37" s="61">
        <v>6</v>
      </c>
      <c r="IB37" s="62">
        <v>13</v>
      </c>
      <c r="IC37" s="231"/>
      <c r="ID37" s="61">
        <v>10</v>
      </c>
      <c r="IE37" s="61">
        <v>6</v>
      </c>
      <c r="IF37" s="61">
        <v>9</v>
      </c>
      <c r="IG37" s="61">
        <v>10</v>
      </c>
      <c r="IH37" s="61">
        <v>3</v>
      </c>
      <c r="II37" s="62">
        <v>38</v>
      </c>
      <c r="IJ37" s="63">
        <v>51</v>
      </c>
      <c r="IK37" s="60">
        <v>13</v>
      </c>
      <c r="IL37" s="61">
        <v>9</v>
      </c>
      <c r="IM37" s="62">
        <v>22</v>
      </c>
      <c r="IN37" s="231"/>
      <c r="IO37" s="61">
        <v>32</v>
      </c>
      <c r="IP37" s="61">
        <v>22</v>
      </c>
      <c r="IQ37" s="61">
        <v>12</v>
      </c>
      <c r="IR37" s="61">
        <v>10</v>
      </c>
      <c r="IS37" s="61">
        <v>6</v>
      </c>
      <c r="IT37" s="62">
        <v>82</v>
      </c>
      <c r="IU37" s="63">
        <v>104</v>
      </c>
      <c r="IV37" s="60">
        <v>22</v>
      </c>
      <c r="IW37" s="61">
        <v>25</v>
      </c>
      <c r="IX37" s="62">
        <v>47</v>
      </c>
      <c r="IY37" s="231"/>
      <c r="IZ37" s="61">
        <v>44</v>
      </c>
      <c r="JA37" s="61">
        <v>23</v>
      </c>
      <c r="JB37" s="61">
        <v>16</v>
      </c>
      <c r="JC37" s="61">
        <v>17</v>
      </c>
      <c r="JD37" s="61">
        <v>3</v>
      </c>
      <c r="JE37" s="62">
        <v>103</v>
      </c>
      <c r="JF37" s="63">
        <v>150</v>
      </c>
      <c r="JG37" s="60">
        <v>10</v>
      </c>
      <c r="JH37" s="61">
        <v>8</v>
      </c>
      <c r="JI37" s="62">
        <v>18</v>
      </c>
      <c r="JJ37" s="231"/>
      <c r="JK37" s="61">
        <v>40</v>
      </c>
      <c r="JL37" s="61">
        <v>32</v>
      </c>
      <c r="JM37" s="61">
        <v>18</v>
      </c>
      <c r="JN37" s="61">
        <v>27</v>
      </c>
      <c r="JO37" s="61">
        <v>13</v>
      </c>
      <c r="JP37" s="62">
        <v>130</v>
      </c>
      <c r="JQ37" s="63">
        <v>148</v>
      </c>
      <c r="JR37" s="60">
        <v>0</v>
      </c>
      <c r="JS37" s="61">
        <v>0</v>
      </c>
      <c r="JT37" s="62">
        <v>0</v>
      </c>
      <c r="JU37" s="231"/>
      <c r="JV37" s="61">
        <v>3</v>
      </c>
      <c r="JW37" s="61">
        <v>3</v>
      </c>
      <c r="JX37" s="61">
        <v>1</v>
      </c>
      <c r="JY37" s="61">
        <v>1</v>
      </c>
      <c r="JZ37" s="61">
        <v>2</v>
      </c>
      <c r="KA37" s="62">
        <v>10</v>
      </c>
      <c r="KB37" s="63">
        <v>10</v>
      </c>
      <c r="KC37" s="60">
        <v>56</v>
      </c>
      <c r="KD37" s="61">
        <v>54</v>
      </c>
      <c r="KE37" s="62">
        <v>110</v>
      </c>
      <c r="KF37" s="231"/>
      <c r="KG37" s="61">
        <v>141</v>
      </c>
      <c r="KH37" s="61">
        <v>91</v>
      </c>
      <c r="KI37" s="61">
        <v>62</v>
      </c>
      <c r="KJ37" s="61">
        <v>68</v>
      </c>
      <c r="KK37" s="61">
        <v>33</v>
      </c>
      <c r="KL37" s="62">
        <v>395</v>
      </c>
      <c r="KM37" s="63">
        <v>505</v>
      </c>
    </row>
    <row r="38" spans="2:299" ht="21" customHeight="1" x14ac:dyDescent="0.2">
      <c r="B38" s="468" t="s">
        <v>35</v>
      </c>
      <c r="C38" s="291">
        <v>66</v>
      </c>
      <c r="D38" s="72">
        <v>54</v>
      </c>
      <c r="E38" s="73">
        <v>120</v>
      </c>
      <c r="F38" s="228"/>
      <c r="G38" s="72">
        <v>158</v>
      </c>
      <c r="H38" s="72">
        <v>75</v>
      </c>
      <c r="I38" s="72">
        <v>70</v>
      </c>
      <c r="J38" s="72">
        <v>52</v>
      </c>
      <c r="K38" s="72">
        <v>29</v>
      </c>
      <c r="L38" s="74">
        <v>384</v>
      </c>
      <c r="M38" s="75">
        <v>504</v>
      </c>
      <c r="N38" s="60">
        <v>2</v>
      </c>
      <c r="O38" s="61">
        <v>4</v>
      </c>
      <c r="P38" s="62">
        <v>6</v>
      </c>
      <c r="Q38" s="231"/>
      <c r="R38" s="61">
        <v>12</v>
      </c>
      <c r="S38" s="61">
        <v>3</v>
      </c>
      <c r="T38" s="61">
        <v>8</v>
      </c>
      <c r="U38" s="61">
        <v>4</v>
      </c>
      <c r="V38" s="61">
        <v>4</v>
      </c>
      <c r="W38" s="62">
        <v>31</v>
      </c>
      <c r="X38" s="63">
        <v>37</v>
      </c>
      <c r="Y38" s="60">
        <v>6</v>
      </c>
      <c r="Z38" s="61">
        <v>4</v>
      </c>
      <c r="AA38" s="62">
        <v>10</v>
      </c>
      <c r="AB38" s="231"/>
      <c r="AC38" s="61">
        <v>12</v>
      </c>
      <c r="AD38" s="61">
        <v>7</v>
      </c>
      <c r="AE38" s="61">
        <v>6</v>
      </c>
      <c r="AF38" s="61">
        <v>3</v>
      </c>
      <c r="AG38" s="61">
        <v>2</v>
      </c>
      <c r="AH38" s="62">
        <v>30</v>
      </c>
      <c r="AI38" s="63">
        <v>40</v>
      </c>
      <c r="AJ38" s="60">
        <v>13</v>
      </c>
      <c r="AK38" s="61">
        <v>11</v>
      </c>
      <c r="AL38" s="62">
        <v>24</v>
      </c>
      <c r="AM38" s="231"/>
      <c r="AN38" s="61">
        <v>23</v>
      </c>
      <c r="AO38" s="61">
        <v>7</v>
      </c>
      <c r="AP38" s="61">
        <v>9</v>
      </c>
      <c r="AQ38" s="61">
        <v>10</v>
      </c>
      <c r="AR38" s="61">
        <v>9</v>
      </c>
      <c r="AS38" s="62">
        <v>58</v>
      </c>
      <c r="AT38" s="63">
        <v>82</v>
      </c>
      <c r="AU38" s="60">
        <v>21</v>
      </c>
      <c r="AV38" s="61">
        <v>20</v>
      </c>
      <c r="AW38" s="62">
        <v>41</v>
      </c>
      <c r="AX38" s="231"/>
      <c r="AY38" s="61">
        <v>50</v>
      </c>
      <c r="AZ38" s="61">
        <v>19</v>
      </c>
      <c r="BA38" s="61">
        <v>15</v>
      </c>
      <c r="BB38" s="61">
        <v>10</v>
      </c>
      <c r="BC38" s="61">
        <v>5</v>
      </c>
      <c r="BD38" s="62">
        <v>99</v>
      </c>
      <c r="BE38" s="63">
        <v>140</v>
      </c>
      <c r="BF38" s="60">
        <v>13</v>
      </c>
      <c r="BG38" s="61">
        <v>9</v>
      </c>
      <c r="BH38" s="62">
        <v>22</v>
      </c>
      <c r="BI38" s="231"/>
      <c r="BJ38" s="61">
        <v>43</v>
      </c>
      <c r="BK38" s="61">
        <v>17</v>
      </c>
      <c r="BL38" s="61">
        <v>16</v>
      </c>
      <c r="BM38" s="61">
        <v>12</v>
      </c>
      <c r="BN38" s="61">
        <v>3</v>
      </c>
      <c r="BO38" s="62">
        <v>91</v>
      </c>
      <c r="BP38" s="63">
        <v>113</v>
      </c>
      <c r="BQ38" s="60">
        <v>11</v>
      </c>
      <c r="BR38" s="61">
        <v>6</v>
      </c>
      <c r="BS38" s="62">
        <v>17</v>
      </c>
      <c r="BT38" s="231"/>
      <c r="BU38" s="61">
        <v>18</v>
      </c>
      <c r="BV38" s="61">
        <v>22</v>
      </c>
      <c r="BW38" s="61">
        <v>16</v>
      </c>
      <c r="BX38" s="61">
        <v>13</v>
      </c>
      <c r="BY38" s="61">
        <v>6</v>
      </c>
      <c r="BZ38" s="62">
        <v>75</v>
      </c>
      <c r="CA38" s="63">
        <v>92</v>
      </c>
      <c r="CB38" s="60">
        <v>1</v>
      </c>
      <c r="CC38" s="61">
        <v>2</v>
      </c>
      <c r="CD38" s="62">
        <v>3</v>
      </c>
      <c r="CE38" s="231"/>
      <c r="CF38" s="61">
        <v>5</v>
      </c>
      <c r="CG38" s="61">
        <v>3</v>
      </c>
      <c r="CH38" s="61">
        <v>1</v>
      </c>
      <c r="CI38" s="61">
        <v>2</v>
      </c>
      <c r="CJ38" s="61">
        <v>2</v>
      </c>
      <c r="CK38" s="62">
        <v>13</v>
      </c>
      <c r="CL38" s="63">
        <v>16</v>
      </c>
      <c r="CM38" s="60">
        <v>67</v>
      </c>
      <c r="CN38" s="61">
        <v>56</v>
      </c>
      <c r="CO38" s="62">
        <v>123</v>
      </c>
      <c r="CP38" s="231"/>
      <c r="CQ38" s="61">
        <v>163</v>
      </c>
      <c r="CR38" s="61">
        <v>78</v>
      </c>
      <c r="CS38" s="61">
        <v>71</v>
      </c>
      <c r="CT38" s="61">
        <v>54</v>
      </c>
      <c r="CU38" s="61">
        <v>31</v>
      </c>
      <c r="CV38" s="62">
        <v>397</v>
      </c>
      <c r="CW38" s="63">
        <v>520</v>
      </c>
      <c r="CX38" s="113">
        <v>143</v>
      </c>
      <c r="CY38" s="72">
        <v>163</v>
      </c>
      <c r="CZ38" s="73">
        <v>306</v>
      </c>
      <c r="DA38" s="228"/>
      <c r="DB38" s="72">
        <v>307</v>
      </c>
      <c r="DC38" s="72">
        <v>169</v>
      </c>
      <c r="DD38" s="72">
        <v>165</v>
      </c>
      <c r="DE38" s="72">
        <v>148</v>
      </c>
      <c r="DF38" s="72">
        <v>97</v>
      </c>
      <c r="DG38" s="74">
        <v>886</v>
      </c>
      <c r="DH38" s="75">
        <v>1192</v>
      </c>
      <c r="DI38" s="60">
        <v>2</v>
      </c>
      <c r="DJ38" s="61">
        <v>3</v>
      </c>
      <c r="DK38" s="62">
        <v>5</v>
      </c>
      <c r="DL38" s="231"/>
      <c r="DM38" s="61">
        <v>5</v>
      </c>
      <c r="DN38" s="61">
        <v>5</v>
      </c>
      <c r="DO38" s="61">
        <v>4</v>
      </c>
      <c r="DP38" s="61">
        <v>3</v>
      </c>
      <c r="DQ38" s="61">
        <v>2</v>
      </c>
      <c r="DR38" s="62">
        <v>19</v>
      </c>
      <c r="DS38" s="63">
        <v>24</v>
      </c>
      <c r="DT38" s="60">
        <v>9</v>
      </c>
      <c r="DU38" s="61">
        <v>11</v>
      </c>
      <c r="DV38" s="62">
        <v>20</v>
      </c>
      <c r="DW38" s="231"/>
      <c r="DX38" s="61">
        <v>12</v>
      </c>
      <c r="DY38" s="61">
        <v>8</v>
      </c>
      <c r="DZ38" s="61">
        <v>8</v>
      </c>
      <c r="EA38" s="61">
        <v>10</v>
      </c>
      <c r="EB38" s="61">
        <v>4</v>
      </c>
      <c r="EC38" s="62">
        <v>42</v>
      </c>
      <c r="ED38" s="63">
        <v>62</v>
      </c>
      <c r="EE38" s="60">
        <v>19</v>
      </c>
      <c r="EF38" s="61">
        <v>28</v>
      </c>
      <c r="EG38" s="62">
        <v>47</v>
      </c>
      <c r="EH38" s="231"/>
      <c r="EI38" s="61">
        <v>26</v>
      </c>
      <c r="EJ38" s="61">
        <v>17</v>
      </c>
      <c r="EK38" s="61">
        <v>8</v>
      </c>
      <c r="EL38" s="61">
        <v>10</v>
      </c>
      <c r="EM38" s="61">
        <v>15</v>
      </c>
      <c r="EN38" s="62">
        <v>76</v>
      </c>
      <c r="EO38" s="63">
        <v>123</v>
      </c>
      <c r="EP38" s="60">
        <v>45</v>
      </c>
      <c r="EQ38" s="61">
        <v>33</v>
      </c>
      <c r="ER38" s="62">
        <v>78</v>
      </c>
      <c r="ES38" s="231"/>
      <c r="ET38" s="61">
        <v>63</v>
      </c>
      <c r="EU38" s="61">
        <v>38</v>
      </c>
      <c r="EV38" s="61">
        <v>33</v>
      </c>
      <c r="EW38" s="61">
        <v>25</v>
      </c>
      <c r="EX38" s="61">
        <v>15</v>
      </c>
      <c r="EY38" s="62">
        <v>174</v>
      </c>
      <c r="EZ38" s="63">
        <v>252</v>
      </c>
      <c r="FA38" s="60">
        <v>43</v>
      </c>
      <c r="FB38" s="61">
        <v>53</v>
      </c>
      <c r="FC38" s="62">
        <v>96</v>
      </c>
      <c r="FD38" s="231"/>
      <c r="FE38" s="61">
        <v>109</v>
      </c>
      <c r="FF38" s="61">
        <v>37</v>
      </c>
      <c r="FG38" s="61">
        <v>50</v>
      </c>
      <c r="FH38" s="61">
        <v>35</v>
      </c>
      <c r="FI38" s="61">
        <v>27</v>
      </c>
      <c r="FJ38" s="62">
        <v>258</v>
      </c>
      <c r="FK38" s="63">
        <v>354</v>
      </c>
      <c r="FL38" s="60">
        <v>25</v>
      </c>
      <c r="FM38" s="61">
        <v>35</v>
      </c>
      <c r="FN38" s="62">
        <v>60</v>
      </c>
      <c r="FO38" s="231"/>
      <c r="FP38" s="61">
        <v>92</v>
      </c>
      <c r="FQ38" s="61">
        <v>64</v>
      </c>
      <c r="FR38" s="61">
        <v>62</v>
      </c>
      <c r="FS38" s="61">
        <v>65</v>
      </c>
      <c r="FT38" s="61">
        <v>34</v>
      </c>
      <c r="FU38" s="62">
        <v>317</v>
      </c>
      <c r="FV38" s="63">
        <v>377</v>
      </c>
      <c r="FW38" s="60">
        <v>0</v>
      </c>
      <c r="FX38" s="61">
        <v>1</v>
      </c>
      <c r="FY38" s="62">
        <v>1</v>
      </c>
      <c r="FZ38" s="231"/>
      <c r="GA38" s="61">
        <v>1</v>
      </c>
      <c r="GB38" s="61">
        <v>4</v>
      </c>
      <c r="GC38" s="61">
        <v>1</v>
      </c>
      <c r="GD38" s="61">
        <v>0</v>
      </c>
      <c r="GE38" s="61">
        <v>1</v>
      </c>
      <c r="GF38" s="62">
        <v>7</v>
      </c>
      <c r="GG38" s="63">
        <v>8</v>
      </c>
      <c r="GH38" s="60">
        <v>143</v>
      </c>
      <c r="GI38" s="61">
        <v>164</v>
      </c>
      <c r="GJ38" s="62">
        <v>307</v>
      </c>
      <c r="GK38" s="231"/>
      <c r="GL38" s="61">
        <v>308</v>
      </c>
      <c r="GM38" s="61">
        <v>173</v>
      </c>
      <c r="GN38" s="61">
        <v>166</v>
      </c>
      <c r="GO38" s="61">
        <v>148</v>
      </c>
      <c r="GP38" s="61">
        <v>98</v>
      </c>
      <c r="GQ38" s="62">
        <v>893</v>
      </c>
      <c r="GR38" s="63">
        <v>1200</v>
      </c>
      <c r="GS38" s="113">
        <v>209</v>
      </c>
      <c r="GT38" s="72">
        <v>217</v>
      </c>
      <c r="GU38" s="73">
        <v>426</v>
      </c>
      <c r="GV38" s="228"/>
      <c r="GW38" s="72">
        <v>465</v>
      </c>
      <c r="GX38" s="72">
        <v>244</v>
      </c>
      <c r="GY38" s="72">
        <v>235</v>
      </c>
      <c r="GZ38" s="72">
        <v>200</v>
      </c>
      <c r="HA38" s="72">
        <v>126</v>
      </c>
      <c r="HB38" s="74">
        <v>1270</v>
      </c>
      <c r="HC38" s="75">
        <v>1696</v>
      </c>
      <c r="HD38" s="60">
        <v>4</v>
      </c>
      <c r="HE38" s="61">
        <v>7</v>
      </c>
      <c r="HF38" s="62">
        <v>11</v>
      </c>
      <c r="HG38" s="231"/>
      <c r="HH38" s="61">
        <v>17</v>
      </c>
      <c r="HI38" s="61">
        <v>8</v>
      </c>
      <c r="HJ38" s="61">
        <v>12</v>
      </c>
      <c r="HK38" s="61">
        <v>7</v>
      </c>
      <c r="HL38" s="61">
        <v>6</v>
      </c>
      <c r="HM38" s="62">
        <v>50</v>
      </c>
      <c r="HN38" s="63">
        <v>61</v>
      </c>
      <c r="HO38" s="60">
        <v>15</v>
      </c>
      <c r="HP38" s="61">
        <v>15</v>
      </c>
      <c r="HQ38" s="62">
        <v>30</v>
      </c>
      <c r="HR38" s="231"/>
      <c r="HS38" s="61">
        <v>24</v>
      </c>
      <c r="HT38" s="61">
        <v>15</v>
      </c>
      <c r="HU38" s="61">
        <v>14</v>
      </c>
      <c r="HV38" s="61">
        <v>13</v>
      </c>
      <c r="HW38" s="61">
        <v>6</v>
      </c>
      <c r="HX38" s="62">
        <v>72</v>
      </c>
      <c r="HY38" s="63">
        <v>102</v>
      </c>
      <c r="HZ38" s="60">
        <v>32</v>
      </c>
      <c r="IA38" s="61">
        <v>39</v>
      </c>
      <c r="IB38" s="62">
        <v>71</v>
      </c>
      <c r="IC38" s="231"/>
      <c r="ID38" s="61">
        <v>49</v>
      </c>
      <c r="IE38" s="61">
        <v>24</v>
      </c>
      <c r="IF38" s="61">
        <v>17</v>
      </c>
      <c r="IG38" s="61">
        <v>20</v>
      </c>
      <c r="IH38" s="61">
        <v>24</v>
      </c>
      <c r="II38" s="62">
        <v>134</v>
      </c>
      <c r="IJ38" s="63">
        <v>205</v>
      </c>
      <c r="IK38" s="60">
        <v>66</v>
      </c>
      <c r="IL38" s="61">
        <v>53</v>
      </c>
      <c r="IM38" s="62">
        <v>119</v>
      </c>
      <c r="IN38" s="231"/>
      <c r="IO38" s="61">
        <v>113</v>
      </c>
      <c r="IP38" s="61">
        <v>57</v>
      </c>
      <c r="IQ38" s="61">
        <v>48</v>
      </c>
      <c r="IR38" s="61">
        <v>35</v>
      </c>
      <c r="IS38" s="61">
        <v>20</v>
      </c>
      <c r="IT38" s="62">
        <v>273</v>
      </c>
      <c r="IU38" s="63">
        <v>392</v>
      </c>
      <c r="IV38" s="60">
        <v>56</v>
      </c>
      <c r="IW38" s="61">
        <v>62</v>
      </c>
      <c r="IX38" s="62">
        <v>118</v>
      </c>
      <c r="IY38" s="231"/>
      <c r="IZ38" s="61">
        <v>152</v>
      </c>
      <c r="JA38" s="61">
        <v>54</v>
      </c>
      <c r="JB38" s="61">
        <v>66</v>
      </c>
      <c r="JC38" s="61">
        <v>47</v>
      </c>
      <c r="JD38" s="61">
        <v>30</v>
      </c>
      <c r="JE38" s="62">
        <v>349</v>
      </c>
      <c r="JF38" s="63">
        <v>467</v>
      </c>
      <c r="JG38" s="60">
        <v>36</v>
      </c>
      <c r="JH38" s="61">
        <v>41</v>
      </c>
      <c r="JI38" s="62">
        <v>77</v>
      </c>
      <c r="JJ38" s="231"/>
      <c r="JK38" s="61">
        <v>110</v>
      </c>
      <c r="JL38" s="61">
        <v>86</v>
      </c>
      <c r="JM38" s="61">
        <v>78</v>
      </c>
      <c r="JN38" s="61">
        <v>78</v>
      </c>
      <c r="JO38" s="61">
        <v>40</v>
      </c>
      <c r="JP38" s="62">
        <v>392</v>
      </c>
      <c r="JQ38" s="63">
        <v>469</v>
      </c>
      <c r="JR38" s="60">
        <v>1</v>
      </c>
      <c r="JS38" s="61">
        <v>3</v>
      </c>
      <c r="JT38" s="62">
        <v>4</v>
      </c>
      <c r="JU38" s="231"/>
      <c r="JV38" s="61">
        <v>6</v>
      </c>
      <c r="JW38" s="61">
        <v>7</v>
      </c>
      <c r="JX38" s="61">
        <v>2</v>
      </c>
      <c r="JY38" s="61">
        <v>2</v>
      </c>
      <c r="JZ38" s="61">
        <v>3</v>
      </c>
      <c r="KA38" s="62">
        <v>20</v>
      </c>
      <c r="KB38" s="63">
        <v>24</v>
      </c>
      <c r="KC38" s="60">
        <v>210</v>
      </c>
      <c r="KD38" s="61">
        <v>220</v>
      </c>
      <c r="KE38" s="62">
        <v>430</v>
      </c>
      <c r="KF38" s="231"/>
      <c r="KG38" s="61">
        <v>471</v>
      </c>
      <c r="KH38" s="61">
        <v>251</v>
      </c>
      <c r="KI38" s="61">
        <v>237</v>
      </c>
      <c r="KJ38" s="61">
        <v>202</v>
      </c>
      <c r="KK38" s="61">
        <v>129</v>
      </c>
      <c r="KL38" s="62">
        <v>1290</v>
      </c>
      <c r="KM38" s="63">
        <v>1720</v>
      </c>
    </row>
    <row r="39" spans="2:299" ht="21" customHeight="1" x14ac:dyDescent="0.2">
      <c r="B39" s="468" t="s">
        <v>36</v>
      </c>
      <c r="C39" s="291">
        <v>60</v>
      </c>
      <c r="D39" s="72">
        <v>86</v>
      </c>
      <c r="E39" s="73">
        <v>146</v>
      </c>
      <c r="F39" s="228"/>
      <c r="G39" s="72">
        <v>167</v>
      </c>
      <c r="H39" s="72">
        <v>148</v>
      </c>
      <c r="I39" s="72">
        <v>101</v>
      </c>
      <c r="J39" s="72">
        <v>94</v>
      </c>
      <c r="K39" s="72">
        <v>53</v>
      </c>
      <c r="L39" s="74">
        <v>563</v>
      </c>
      <c r="M39" s="75">
        <v>709</v>
      </c>
      <c r="N39" s="60">
        <v>4</v>
      </c>
      <c r="O39" s="61">
        <v>5</v>
      </c>
      <c r="P39" s="62">
        <v>9</v>
      </c>
      <c r="Q39" s="231"/>
      <c r="R39" s="61">
        <v>10</v>
      </c>
      <c r="S39" s="61">
        <v>14</v>
      </c>
      <c r="T39" s="61">
        <v>6</v>
      </c>
      <c r="U39" s="61">
        <v>6</v>
      </c>
      <c r="V39" s="61">
        <v>6</v>
      </c>
      <c r="W39" s="62">
        <v>42</v>
      </c>
      <c r="X39" s="63">
        <v>51</v>
      </c>
      <c r="Y39" s="60">
        <v>6</v>
      </c>
      <c r="Z39" s="61">
        <v>13</v>
      </c>
      <c r="AA39" s="62">
        <v>19</v>
      </c>
      <c r="AB39" s="231"/>
      <c r="AC39" s="61">
        <v>17</v>
      </c>
      <c r="AD39" s="61">
        <v>28</v>
      </c>
      <c r="AE39" s="61">
        <v>14</v>
      </c>
      <c r="AF39" s="61">
        <v>11</v>
      </c>
      <c r="AG39" s="61">
        <v>8</v>
      </c>
      <c r="AH39" s="62">
        <v>78</v>
      </c>
      <c r="AI39" s="63">
        <v>97</v>
      </c>
      <c r="AJ39" s="60">
        <v>17</v>
      </c>
      <c r="AK39" s="61">
        <v>14</v>
      </c>
      <c r="AL39" s="62">
        <v>31</v>
      </c>
      <c r="AM39" s="231"/>
      <c r="AN39" s="61">
        <v>35</v>
      </c>
      <c r="AO39" s="61">
        <v>24</v>
      </c>
      <c r="AP39" s="61">
        <v>20</v>
      </c>
      <c r="AQ39" s="61">
        <v>15</v>
      </c>
      <c r="AR39" s="61">
        <v>10</v>
      </c>
      <c r="AS39" s="62">
        <v>104</v>
      </c>
      <c r="AT39" s="63">
        <v>135</v>
      </c>
      <c r="AU39" s="60">
        <v>15</v>
      </c>
      <c r="AV39" s="61">
        <v>24</v>
      </c>
      <c r="AW39" s="62">
        <v>39</v>
      </c>
      <c r="AX39" s="231"/>
      <c r="AY39" s="61">
        <v>51</v>
      </c>
      <c r="AZ39" s="61">
        <v>32</v>
      </c>
      <c r="BA39" s="61">
        <v>26</v>
      </c>
      <c r="BB39" s="61">
        <v>28</v>
      </c>
      <c r="BC39" s="61">
        <v>12</v>
      </c>
      <c r="BD39" s="62">
        <v>149</v>
      </c>
      <c r="BE39" s="63">
        <v>188</v>
      </c>
      <c r="BF39" s="60">
        <v>15</v>
      </c>
      <c r="BG39" s="61">
        <v>14</v>
      </c>
      <c r="BH39" s="62">
        <v>29</v>
      </c>
      <c r="BI39" s="231"/>
      <c r="BJ39" s="61">
        <v>38</v>
      </c>
      <c r="BK39" s="61">
        <v>30</v>
      </c>
      <c r="BL39" s="61">
        <v>20</v>
      </c>
      <c r="BM39" s="61">
        <v>20</v>
      </c>
      <c r="BN39" s="61">
        <v>11</v>
      </c>
      <c r="BO39" s="62">
        <v>119</v>
      </c>
      <c r="BP39" s="63">
        <v>148</v>
      </c>
      <c r="BQ39" s="60">
        <v>3</v>
      </c>
      <c r="BR39" s="61">
        <v>16</v>
      </c>
      <c r="BS39" s="62">
        <v>19</v>
      </c>
      <c r="BT39" s="231"/>
      <c r="BU39" s="61">
        <v>16</v>
      </c>
      <c r="BV39" s="61">
        <v>20</v>
      </c>
      <c r="BW39" s="61">
        <v>15</v>
      </c>
      <c r="BX39" s="61">
        <v>14</v>
      </c>
      <c r="BY39" s="61">
        <v>6</v>
      </c>
      <c r="BZ39" s="62">
        <v>71</v>
      </c>
      <c r="CA39" s="63">
        <v>90</v>
      </c>
      <c r="CB39" s="60">
        <v>2</v>
      </c>
      <c r="CC39" s="61">
        <v>1</v>
      </c>
      <c r="CD39" s="62">
        <v>3</v>
      </c>
      <c r="CE39" s="231"/>
      <c r="CF39" s="61">
        <v>7</v>
      </c>
      <c r="CG39" s="61">
        <v>4</v>
      </c>
      <c r="CH39" s="61">
        <v>5</v>
      </c>
      <c r="CI39" s="61">
        <v>7</v>
      </c>
      <c r="CJ39" s="61">
        <v>3</v>
      </c>
      <c r="CK39" s="62">
        <v>26</v>
      </c>
      <c r="CL39" s="63">
        <v>29</v>
      </c>
      <c r="CM39" s="60">
        <v>62</v>
      </c>
      <c r="CN39" s="61">
        <v>87</v>
      </c>
      <c r="CO39" s="62">
        <v>149</v>
      </c>
      <c r="CP39" s="231"/>
      <c r="CQ39" s="61">
        <v>174</v>
      </c>
      <c r="CR39" s="61">
        <v>152</v>
      </c>
      <c r="CS39" s="61">
        <v>106</v>
      </c>
      <c r="CT39" s="61">
        <v>101</v>
      </c>
      <c r="CU39" s="61">
        <v>56</v>
      </c>
      <c r="CV39" s="62">
        <v>589</v>
      </c>
      <c r="CW39" s="63">
        <v>738</v>
      </c>
      <c r="CX39" s="113">
        <v>100</v>
      </c>
      <c r="CY39" s="72">
        <v>191</v>
      </c>
      <c r="CZ39" s="73">
        <v>291</v>
      </c>
      <c r="DA39" s="228"/>
      <c r="DB39" s="72">
        <v>262</v>
      </c>
      <c r="DC39" s="72">
        <v>228</v>
      </c>
      <c r="DD39" s="72">
        <v>177</v>
      </c>
      <c r="DE39" s="72">
        <v>167</v>
      </c>
      <c r="DF39" s="72">
        <v>135</v>
      </c>
      <c r="DG39" s="74">
        <v>969</v>
      </c>
      <c r="DH39" s="75">
        <v>1260</v>
      </c>
      <c r="DI39" s="60">
        <v>1</v>
      </c>
      <c r="DJ39" s="61">
        <v>4</v>
      </c>
      <c r="DK39" s="62">
        <v>5</v>
      </c>
      <c r="DL39" s="231"/>
      <c r="DM39" s="61">
        <v>6</v>
      </c>
      <c r="DN39" s="61">
        <v>8</v>
      </c>
      <c r="DO39" s="61">
        <v>4</v>
      </c>
      <c r="DP39" s="61">
        <v>3</v>
      </c>
      <c r="DQ39" s="61">
        <v>3</v>
      </c>
      <c r="DR39" s="62">
        <v>24</v>
      </c>
      <c r="DS39" s="63">
        <v>29</v>
      </c>
      <c r="DT39" s="60">
        <v>7</v>
      </c>
      <c r="DU39" s="61">
        <v>19</v>
      </c>
      <c r="DV39" s="62">
        <v>26</v>
      </c>
      <c r="DW39" s="231"/>
      <c r="DX39" s="61">
        <v>23</v>
      </c>
      <c r="DY39" s="61">
        <v>16</v>
      </c>
      <c r="DZ39" s="61">
        <v>12</v>
      </c>
      <c r="EA39" s="61">
        <v>10</v>
      </c>
      <c r="EB39" s="61">
        <v>13</v>
      </c>
      <c r="EC39" s="62">
        <v>74</v>
      </c>
      <c r="ED39" s="63">
        <v>100</v>
      </c>
      <c r="EE39" s="60">
        <v>14</v>
      </c>
      <c r="EF39" s="61">
        <v>36</v>
      </c>
      <c r="EG39" s="62">
        <v>50</v>
      </c>
      <c r="EH39" s="231"/>
      <c r="EI39" s="61">
        <v>38</v>
      </c>
      <c r="EJ39" s="61">
        <v>37</v>
      </c>
      <c r="EK39" s="61">
        <v>16</v>
      </c>
      <c r="EL39" s="61">
        <v>25</v>
      </c>
      <c r="EM39" s="61">
        <v>17</v>
      </c>
      <c r="EN39" s="62">
        <v>133</v>
      </c>
      <c r="EO39" s="63">
        <v>183</v>
      </c>
      <c r="EP39" s="60">
        <v>41</v>
      </c>
      <c r="EQ39" s="61">
        <v>60</v>
      </c>
      <c r="ER39" s="62">
        <v>101</v>
      </c>
      <c r="ES39" s="231"/>
      <c r="ET39" s="61">
        <v>78</v>
      </c>
      <c r="EU39" s="61">
        <v>57</v>
      </c>
      <c r="EV39" s="61">
        <v>31</v>
      </c>
      <c r="EW39" s="61">
        <v>33</v>
      </c>
      <c r="EX39" s="61">
        <v>24</v>
      </c>
      <c r="EY39" s="62">
        <v>223</v>
      </c>
      <c r="EZ39" s="63">
        <v>324</v>
      </c>
      <c r="FA39" s="60">
        <v>22</v>
      </c>
      <c r="FB39" s="61">
        <v>49</v>
      </c>
      <c r="FC39" s="62">
        <v>71</v>
      </c>
      <c r="FD39" s="231"/>
      <c r="FE39" s="61">
        <v>70</v>
      </c>
      <c r="FF39" s="61">
        <v>51</v>
      </c>
      <c r="FG39" s="61">
        <v>54</v>
      </c>
      <c r="FH39" s="61">
        <v>38</v>
      </c>
      <c r="FI39" s="61">
        <v>37</v>
      </c>
      <c r="FJ39" s="62">
        <v>250</v>
      </c>
      <c r="FK39" s="63">
        <v>321</v>
      </c>
      <c r="FL39" s="60">
        <v>15</v>
      </c>
      <c r="FM39" s="61">
        <v>23</v>
      </c>
      <c r="FN39" s="62">
        <v>38</v>
      </c>
      <c r="FO39" s="231"/>
      <c r="FP39" s="61">
        <v>47</v>
      </c>
      <c r="FQ39" s="61">
        <v>59</v>
      </c>
      <c r="FR39" s="61">
        <v>60</v>
      </c>
      <c r="FS39" s="61">
        <v>58</v>
      </c>
      <c r="FT39" s="61">
        <v>41</v>
      </c>
      <c r="FU39" s="62">
        <v>265</v>
      </c>
      <c r="FV39" s="63">
        <v>303</v>
      </c>
      <c r="FW39" s="60">
        <v>1</v>
      </c>
      <c r="FX39" s="61">
        <v>3</v>
      </c>
      <c r="FY39" s="62">
        <v>4</v>
      </c>
      <c r="FZ39" s="231"/>
      <c r="GA39" s="61">
        <v>2</v>
      </c>
      <c r="GB39" s="61">
        <v>3</v>
      </c>
      <c r="GC39" s="61">
        <v>1</v>
      </c>
      <c r="GD39" s="61">
        <v>5</v>
      </c>
      <c r="GE39" s="61">
        <v>2</v>
      </c>
      <c r="GF39" s="62">
        <v>13</v>
      </c>
      <c r="GG39" s="63">
        <v>17</v>
      </c>
      <c r="GH39" s="60">
        <v>101</v>
      </c>
      <c r="GI39" s="61">
        <v>194</v>
      </c>
      <c r="GJ39" s="62">
        <v>295</v>
      </c>
      <c r="GK39" s="231"/>
      <c r="GL39" s="61">
        <v>264</v>
      </c>
      <c r="GM39" s="61">
        <v>231</v>
      </c>
      <c r="GN39" s="61">
        <v>178</v>
      </c>
      <c r="GO39" s="61">
        <v>172</v>
      </c>
      <c r="GP39" s="61">
        <v>137</v>
      </c>
      <c r="GQ39" s="62">
        <v>982</v>
      </c>
      <c r="GR39" s="63">
        <v>1277</v>
      </c>
      <c r="GS39" s="113">
        <v>160</v>
      </c>
      <c r="GT39" s="72">
        <v>277</v>
      </c>
      <c r="GU39" s="73">
        <v>437</v>
      </c>
      <c r="GV39" s="228"/>
      <c r="GW39" s="72">
        <v>429</v>
      </c>
      <c r="GX39" s="72">
        <v>376</v>
      </c>
      <c r="GY39" s="72">
        <v>278</v>
      </c>
      <c r="GZ39" s="72">
        <v>261</v>
      </c>
      <c r="HA39" s="72">
        <v>188</v>
      </c>
      <c r="HB39" s="74">
        <v>1532</v>
      </c>
      <c r="HC39" s="75">
        <v>1969</v>
      </c>
      <c r="HD39" s="60">
        <v>5</v>
      </c>
      <c r="HE39" s="61">
        <v>9</v>
      </c>
      <c r="HF39" s="62">
        <v>14</v>
      </c>
      <c r="HG39" s="231"/>
      <c r="HH39" s="61">
        <v>16</v>
      </c>
      <c r="HI39" s="61">
        <v>22</v>
      </c>
      <c r="HJ39" s="61">
        <v>10</v>
      </c>
      <c r="HK39" s="61">
        <v>9</v>
      </c>
      <c r="HL39" s="61">
        <v>9</v>
      </c>
      <c r="HM39" s="62">
        <v>66</v>
      </c>
      <c r="HN39" s="63">
        <v>80</v>
      </c>
      <c r="HO39" s="60">
        <v>13</v>
      </c>
      <c r="HP39" s="61">
        <v>32</v>
      </c>
      <c r="HQ39" s="62">
        <v>45</v>
      </c>
      <c r="HR39" s="231"/>
      <c r="HS39" s="61">
        <v>40</v>
      </c>
      <c r="HT39" s="61">
        <v>44</v>
      </c>
      <c r="HU39" s="61">
        <v>26</v>
      </c>
      <c r="HV39" s="61">
        <v>21</v>
      </c>
      <c r="HW39" s="61">
        <v>21</v>
      </c>
      <c r="HX39" s="62">
        <v>152</v>
      </c>
      <c r="HY39" s="63">
        <v>197</v>
      </c>
      <c r="HZ39" s="60">
        <v>31</v>
      </c>
      <c r="IA39" s="61">
        <v>50</v>
      </c>
      <c r="IB39" s="62">
        <v>81</v>
      </c>
      <c r="IC39" s="231"/>
      <c r="ID39" s="61">
        <v>73</v>
      </c>
      <c r="IE39" s="61">
        <v>61</v>
      </c>
      <c r="IF39" s="61">
        <v>36</v>
      </c>
      <c r="IG39" s="61">
        <v>40</v>
      </c>
      <c r="IH39" s="61">
        <v>27</v>
      </c>
      <c r="II39" s="62">
        <v>237</v>
      </c>
      <c r="IJ39" s="63">
        <v>318</v>
      </c>
      <c r="IK39" s="60">
        <v>56</v>
      </c>
      <c r="IL39" s="61">
        <v>84</v>
      </c>
      <c r="IM39" s="62">
        <v>140</v>
      </c>
      <c r="IN39" s="231"/>
      <c r="IO39" s="61">
        <v>129</v>
      </c>
      <c r="IP39" s="61">
        <v>89</v>
      </c>
      <c r="IQ39" s="61">
        <v>57</v>
      </c>
      <c r="IR39" s="61">
        <v>61</v>
      </c>
      <c r="IS39" s="61">
        <v>36</v>
      </c>
      <c r="IT39" s="62">
        <v>372</v>
      </c>
      <c r="IU39" s="63">
        <v>512</v>
      </c>
      <c r="IV39" s="60">
        <v>37</v>
      </c>
      <c r="IW39" s="61">
        <v>63</v>
      </c>
      <c r="IX39" s="62">
        <v>100</v>
      </c>
      <c r="IY39" s="231"/>
      <c r="IZ39" s="61">
        <v>108</v>
      </c>
      <c r="JA39" s="61">
        <v>81</v>
      </c>
      <c r="JB39" s="61">
        <v>74</v>
      </c>
      <c r="JC39" s="61">
        <v>58</v>
      </c>
      <c r="JD39" s="61">
        <v>48</v>
      </c>
      <c r="JE39" s="62">
        <v>369</v>
      </c>
      <c r="JF39" s="63">
        <v>469</v>
      </c>
      <c r="JG39" s="60">
        <v>18</v>
      </c>
      <c r="JH39" s="61">
        <v>39</v>
      </c>
      <c r="JI39" s="62">
        <v>57</v>
      </c>
      <c r="JJ39" s="231"/>
      <c r="JK39" s="61">
        <v>63</v>
      </c>
      <c r="JL39" s="61">
        <v>79</v>
      </c>
      <c r="JM39" s="61">
        <v>75</v>
      </c>
      <c r="JN39" s="61">
        <v>72</v>
      </c>
      <c r="JO39" s="61">
        <v>47</v>
      </c>
      <c r="JP39" s="62">
        <v>336</v>
      </c>
      <c r="JQ39" s="63">
        <v>393</v>
      </c>
      <c r="JR39" s="60">
        <v>3</v>
      </c>
      <c r="JS39" s="61">
        <v>4</v>
      </c>
      <c r="JT39" s="62">
        <v>7</v>
      </c>
      <c r="JU39" s="231"/>
      <c r="JV39" s="61">
        <v>9</v>
      </c>
      <c r="JW39" s="61">
        <v>7</v>
      </c>
      <c r="JX39" s="61">
        <v>6</v>
      </c>
      <c r="JY39" s="61">
        <v>12</v>
      </c>
      <c r="JZ39" s="61">
        <v>5</v>
      </c>
      <c r="KA39" s="62">
        <v>39</v>
      </c>
      <c r="KB39" s="63">
        <v>46</v>
      </c>
      <c r="KC39" s="60">
        <v>163</v>
      </c>
      <c r="KD39" s="61">
        <v>281</v>
      </c>
      <c r="KE39" s="62">
        <v>444</v>
      </c>
      <c r="KF39" s="231"/>
      <c r="KG39" s="61">
        <v>438</v>
      </c>
      <c r="KH39" s="61">
        <v>383</v>
      </c>
      <c r="KI39" s="61">
        <v>284</v>
      </c>
      <c r="KJ39" s="61">
        <v>273</v>
      </c>
      <c r="KK39" s="61">
        <v>193</v>
      </c>
      <c r="KL39" s="62">
        <v>1571</v>
      </c>
      <c r="KM39" s="63">
        <v>2015</v>
      </c>
    </row>
    <row r="40" spans="2:299" ht="21" customHeight="1" thickBot="1" x14ac:dyDescent="0.25">
      <c r="B40" s="469" t="s">
        <v>37</v>
      </c>
      <c r="C40" s="292">
        <v>4</v>
      </c>
      <c r="D40" s="77">
        <v>0</v>
      </c>
      <c r="E40" s="78">
        <v>4</v>
      </c>
      <c r="F40" s="229"/>
      <c r="G40" s="77">
        <v>10</v>
      </c>
      <c r="H40" s="77">
        <v>6</v>
      </c>
      <c r="I40" s="77">
        <v>8</v>
      </c>
      <c r="J40" s="77">
        <v>8</v>
      </c>
      <c r="K40" s="77">
        <v>1</v>
      </c>
      <c r="L40" s="79">
        <v>33</v>
      </c>
      <c r="M40" s="80">
        <v>37</v>
      </c>
      <c r="N40" s="64">
        <v>1</v>
      </c>
      <c r="O40" s="65">
        <v>0</v>
      </c>
      <c r="P40" s="66">
        <v>1</v>
      </c>
      <c r="Q40" s="232"/>
      <c r="R40" s="65">
        <v>0</v>
      </c>
      <c r="S40" s="65">
        <v>1</v>
      </c>
      <c r="T40" s="65">
        <v>0</v>
      </c>
      <c r="U40" s="65">
        <v>1</v>
      </c>
      <c r="V40" s="65">
        <v>0</v>
      </c>
      <c r="W40" s="66">
        <v>2</v>
      </c>
      <c r="X40" s="67">
        <v>3</v>
      </c>
      <c r="Y40" s="64">
        <v>1</v>
      </c>
      <c r="Z40" s="65">
        <v>0</v>
      </c>
      <c r="AA40" s="66">
        <v>1</v>
      </c>
      <c r="AB40" s="232"/>
      <c r="AC40" s="65">
        <v>0</v>
      </c>
      <c r="AD40" s="65">
        <v>1</v>
      </c>
      <c r="AE40" s="65">
        <v>1</v>
      </c>
      <c r="AF40" s="65">
        <v>2</v>
      </c>
      <c r="AG40" s="65">
        <v>0</v>
      </c>
      <c r="AH40" s="66">
        <v>4</v>
      </c>
      <c r="AI40" s="67">
        <v>5</v>
      </c>
      <c r="AJ40" s="64">
        <v>0</v>
      </c>
      <c r="AK40" s="65">
        <v>0</v>
      </c>
      <c r="AL40" s="66">
        <v>0</v>
      </c>
      <c r="AM40" s="232"/>
      <c r="AN40" s="65">
        <v>2</v>
      </c>
      <c r="AO40" s="65">
        <v>1</v>
      </c>
      <c r="AP40" s="65">
        <v>3</v>
      </c>
      <c r="AQ40" s="65">
        <v>0</v>
      </c>
      <c r="AR40" s="65">
        <v>0</v>
      </c>
      <c r="AS40" s="66">
        <v>6</v>
      </c>
      <c r="AT40" s="67">
        <v>6</v>
      </c>
      <c r="AU40" s="64">
        <v>1</v>
      </c>
      <c r="AV40" s="65">
        <v>0</v>
      </c>
      <c r="AW40" s="66">
        <v>1</v>
      </c>
      <c r="AX40" s="232"/>
      <c r="AY40" s="65">
        <v>4</v>
      </c>
      <c r="AZ40" s="65">
        <v>1</v>
      </c>
      <c r="BA40" s="65">
        <v>1</v>
      </c>
      <c r="BB40" s="65">
        <v>2</v>
      </c>
      <c r="BC40" s="65">
        <v>0</v>
      </c>
      <c r="BD40" s="66">
        <v>8</v>
      </c>
      <c r="BE40" s="67">
        <v>9</v>
      </c>
      <c r="BF40" s="64">
        <v>0</v>
      </c>
      <c r="BG40" s="65">
        <v>0</v>
      </c>
      <c r="BH40" s="66">
        <v>0</v>
      </c>
      <c r="BI40" s="232"/>
      <c r="BJ40" s="65">
        <v>1</v>
      </c>
      <c r="BK40" s="65">
        <v>1</v>
      </c>
      <c r="BL40" s="65">
        <v>3</v>
      </c>
      <c r="BM40" s="65">
        <v>2</v>
      </c>
      <c r="BN40" s="65">
        <v>0</v>
      </c>
      <c r="BO40" s="66">
        <v>7</v>
      </c>
      <c r="BP40" s="67">
        <v>7</v>
      </c>
      <c r="BQ40" s="64">
        <v>1</v>
      </c>
      <c r="BR40" s="65">
        <v>0</v>
      </c>
      <c r="BS40" s="66">
        <v>1</v>
      </c>
      <c r="BT40" s="232"/>
      <c r="BU40" s="65">
        <v>3</v>
      </c>
      <c r="BV40" s="65">
        <v>1</v>
      </c>
      <c r="BW40" s="65">
        <v>0</v>
      </c>
      <c r="BX40" s="65">
        <v>1</v>
      </c>
      <c r="BY40" s="65">
        <v>1</v>
      </c>
      <c r="BZ40" s="66">
        <v>6</v>
      </c>
      <c r="CA40" s="67">
        <v>7</v>
      </c>
      <c r="CB40" s="64">
        <v>0</v>
      </c>
      <c r="CC40" s="65">
        <v>0</v>
      </c>
      <c r="CD40" s="66">
        <v>0</v>
      </c>
      <c r="CE40" s="232"/>
      <c r="CF40" s="65">
        <v>0</v>
      </c>
      <c r="CG40" s="65">
        <v>1</v>
      </c>
      <c r="CH40" s="65">
        <v>0</v>
      </c>
      <c r="CI40" s="65">
        <v>1</v>
      </c>
      <c r="CJ40" s="65">
        <v>0</v>
      </c>
      <c r="CK40" s="66">
        <v>2</v>
      </c>
      <c r="CL40" s="67">
        <v>2</v>
      </c>
      <c r="CM40" s="64">
        <v>4</v>
      </c>
      <c r="CN40" s="65">
        <v>0</v>
      </c>
      <c r="CO40" s="66">
        <v>4</v>
      </c>
      <c r="CP40" s="232"/>
      <c r="CQ40" s="65">
        <v>10</v>
      </c>
      <c r="CR40" s="65">
        <v>7</v>
      </c>
      <c r="CS40" s="65">
        <v>8</v>
      </c>
      <c r="CT40" s="65">
        <v>9</v>
      </c>
      <c r="CU40" s="65">
        <v>1</v>
      </c>
      <c r="CV40" s="66">
        <v>35</v>
      </c>
      <c r="CW40" s="67">
        <v>39</v>
      </c>
      <c r="CX40" s="114">
        <v>18</v>
      </c>
      <c r="CY40" s="77">
        <v>2</v>
      </c>
      <c r="CZ40" s="78">
        <v>20</v>
      </c>
      <c r="DA40" s="229"/>
      <c r="DB40" s="77">
        <v>24</v>
      </c>
      <c r="DC40" s="77">
        <v>16</v>
      </c>
      <c r="DD40" s="77">
        <v>22</v>
      </c>
      <c r="DE40" s="77">
        <v>17</v>
      </c>
      <c r="DF40" s="77">
        <v>18</v>
      </c>
      <c r="DG40" s="79">
        <v>97</v>
      </c>
      <c r="DH40" s="80">
        <v>117</v>
      </c>
      <c r="DI40" s="64">
        <v>0</v>
      </c>
      <c r="DJ40" s="65">
        <v>0</v>
      </c>
      <c r="DK40" s="66">
        <v>0</v>
      </c>
      <c r="DL40" s="232"/>
      <c r="DM40" s="65">
        <v>0</v>
      </c>
      <c r="DN40" s="65">
        <v>0</v>
      </c>
      <c r="DO40" s="65">
        <v>1</v>
      </c>
      <c r="DP40" s="65">
        <v>0</v>
      </c>
      <c r="DQ40" s="65">
        <v>1</v>
      </c>
      <c r="DR40" s="66">
        <v>2</v>
      </c>
      <c r="DS40" s="67">
        <v>2</v>
      </c>
      <c r="DT40" s="64">
        <v>2</v>
      </c>
      <c r="DU40" s="65">
        <v>0</v>
      </c>
      <c r="DV40" s="66">
        <v>2</v>
      </c>
      <c r="DW40" s="232"/>
      <c r="DX40" s="65">
        <v>0</v>
      </c>
      <c r="DY40" s="65">
        <v>0</v>
      </c>
      <c r="DZ40" s="65">
        <v>0</v>
      </c>
      <c r="EA40" s="65">
        <v>2</v>
      </c>
      <c r="EB40" s="65">
        <v>1</v>
      </c>
      <c r="EC40" s="66">
        <v>3</v>
      </c>
      <c r="ED40" s="67">
        <v>5</v>
      </c>
      <c r="EE40" s="64">
        <v>1</v>
      </c>
      <c r="EF40" s="65">
        <v>0</v>
      </c>
      <c r="EG40" s="66">
        <v>1</v>
      </c>
      <c r="EH40" s="232"/>
      <c r="EI40" s="65">
        <v>0</v>
      </c>
      <c r="EJ40" s="65">
        <v>3</v>
      </c>
      <c r="EK40" s="65">
        <v>3</v>
      </c>
      <c r="EL40" s="65">
        <v>2</v>
      </c>
      <c r="EM40" s="65">
        <v>0</v>
      </c>
      <c r="EN40" s="66">
        <v>8</v>
      </c>
      <c r="EO40" s="67">
        <v>9</v>
      </c>
      <c r="EP40" s="64">
        <v>6</v>
      </c>
      <c r="EQ40" s="65">
        <v>1</v>
      </c>
      <c r="ER40" s="66">
        <v>7</v>
      </c>
      <c r="ES40" s="232"/>
      <c r="ET40" s="65">
        <v>6</v>
      </c>
      <c r="EU40" s="65">
        <v>3</v>
      </c>
      <c r="EV40" s="65">
        <v>4</v>
      </c>
      <c r="EW40" s="65">
        <v>3</v>
      </c>
      <c r="EX40" s="65">
        <v>4</v>
      </c>
      <c r="EY40" s="66">
        <v>20</v>
      </c>
      <c r="EZ40" s="67">
        <v>27</v>
      </c>
      <c r="FA40" s="64">
        <v>7</v>
      </c>
      <c r="FB40" s="65">
        <v>1</v>
      </c>
      <c r="FC40" s="66">
        <v>8</v>
      </c>
      <c r="FD40" s="232"/>
      <c r="FE40" s="65">
        <v>9</v>
      </c>
      <c r="FF40" s="65">
        <v>4</v>
      </c>
      <c r="FG40" s="65">
        <v>7</v>
      </c>
      <c r="FH40" s="65">
        <v>5</v>
      </c>
      <c r="FI40" s="65">
        <v>6</v>
      </c>
      <c r="FJ40" s="66">
        <v>31</v>
      </c>
      <c r="FK40" s="67">
        <v>39</v>
      </c>
      <c r="FL40" s="64">
        <v>2</v>
      </c>
      <c r="FM40" s="65">
        <v>0</v>
      </c>
      <c r="FN40" s="66">
        <v>2</v>
      </c>
      <c r="FO40" s="232"/>
      <c r="FP40" s="65">
        <v>9</v>
      </c>
      <c r="FQ40" s="65">
        <v>6</v>
      </c>
      <c r="FR40" s="65">
        <v>7</v>
      </c>
      <c r="FS40" s="65">
        <v>5</v>
      </c>
      <c r="FT40" s="65">
        <v>6</v>
      </c>
      <c r="FU40" s="66">
        <v>33</v>
      </c>
      <c r="FV40" s="67">
        <v>35</v>
      </c>
      <c r="FW40" s="64">
        <v>0</v>
      </c>
      <c r="FX40" s="65">
        <v>0</v>
      </c>
      <c r="FY40" s="66">
        <v>0</v>
      </c>
      <c r="FZ40" s="232"/>
      <c r="GA40" s="65">
        <v>0</v>
      </c>
      <c r="GB40" s="65">
        <v>2</v>
      </c>
      <c r="GC40" s="65">
        <v>0</v>
      </c>
      <c r="GD40" s="65">
        <v>0</v>
      </c>
      <c r="GE40" s="65">
        <v>0</v>
      </c>
      <c r="GF40" s="66">
        <v>2</v>
      </c>
      <c r="GG40" s="67">
        <v>2</v>
      </c>
      <c r="GH40" s="64">
        <v>18</v>
      </c>
      <c r="GI40" s="65">
        <v>2</v>
      </c>
      <c r="GJ40" s="66">
        <v>20</v>
      </c>
      <c r="GK40" s="232"/>
      <c r="GL40" s="65">
        <v>24</v>
      </c>
      <c r="GM40" s="65">
        <v>18</v>
      </c>
      <c r="GN40" s="65">
        <v>22</v>
      </c>
      <c r="GO40" s="65">
        <v>17</v>
      </c>
      <c r="GP40" s="65">
        <v>18</v>
      </c>
      <c r="GQ40" s="66">
        <v>99</v>
      </c>
      <c r="GR40" s="67">
        <v>119</v>
      </c>
      <c r="GS40" s="114">
        <v>22</v>
      </c>
      <c r="GT40" s="77">
        <v>2</v>
      </c>
      <c r="GU40" s="78">
        <v>24</v>
      </c>
      <c r="GV40" s="229"/>
      <c r="GW40" s="77">
        <v>34</v>
      </c>
      <c r="GX40" s="77">
        <v>22</v>
      </c>
      <c r="GY40" s="77">
        <v>30</v>
      </c>
      <c r="GZ40" s="77">
        <v>25</v>
      </c>
      <c r="HA40" s="77">
        <v>19</v>
      </c>
      <c r="HB40" s="79">
        <v>130</v>
      </c>
      <c r="HC40" s="80">
        <v>154</v>
      </c>
      <c r="HD40" s="64">
        <v>1</v>
      </c>
      <c r="HE40" s="65">
        <v>0</v>
      </c>
      <c r="HF40" s="66">
        <v>1</v>
      </c>
      <c r="HG40" s="232"/>
      <c r="HH40" s="65">
        <v>0</v>
      </c>
      <c r="HI40" s="65">
        <v>1</v>
      </c>
      <c r="HJ40" s="65">
        <v>1</v>
      </c>
      <c r="HK40" s="65">
        <v>1</v>
      </c>
      <c r="HL40" s="65">
        <v>1</v>
      </c>
      <c r="HM40" s="66">
        <v>4</v>
      </c>
      <c r="HN40" s="67">
        <v>5</v>
      </c>
      <c r="HO40" s="64">
        <v>3</v>
      </c>
      <c r="HP40" s="65">
        <v>0</v>
      </c>
      <c r="HQ40" s="66">
        <v>3</v>
      </c>
      <c r="HR40" s="232"/>
      <c r="HS40" s="65">
        <v>0</v>
      </c>
      <c r="HT40" s="65">
        <v>1</v>
      </c>
      <c r="HU40" s="65">
        <v>1</v>
      </c>
      <c r="HV40" s="65">
        <v>4</v>
      </c>
      <c r="HW40" s="65">
        <v>1</v>
      </c>
      <c r="HX40" s="66">
        <v>7</v>
      </c>
      <c r="HY40" s="67">
        <v>10</v>
      </c>
      <c r="HZ40" s="64">
        <v>1</v>
      </c>
      <c r="IA40" s="65">
        <v>0</v>
      </c>
      <c r="IB40" s="66">
        <v>1</v>
      </c>
      <c r="IC40" s="232"/>
      <c r="ID40" s="65">
        <v>2</v>
      </c>
      <c r="IE40" s="65">
        <v>4</v>
      </c>
      <c r="IF40" s="65">
        <v>6</v>
      </c>
      <c r="IG40" s="65">
        <v>2</v>
      </c>
      <c r="IH40" s="65">
        <v>0</v>
      </c>
      <c r="II40" s="66">
        <v>14</v>
      </c>
      <c r="IJ40" s="67">
        <v>15</v>
      </c>
      <c r="IK40" s="64">
        <v>7</v>
      </c>
      <c r="IL40" s="65">
        <v>1</v>
      </c>
      <c r="IM40" s="66">
        <v>8</v>
      </c>
      <c r="IN40" s="232"/>
      <c r="IO40" s="65">
        <v>10</v>
      </c>
      <c r="IP40" s="65">
        <v>4</v>
      </c>
      <c r="IQ40" s="65">
        <v>5</v>
      </c>
      <c r="IR40" s="65">
        <v>5</v>
      </c>
      <c r="IS40" s="65">
        <v>4</v>
      </c>
      <c r="IT40" s="66">
        <v>28</v>
      </c>
      <c r="IU40" s="67">
        <v>36</v>
      </c>
      <c r="IV40" s="64">
        <v>7</v>
      </c>
      <c r="IW40" s="65">
        <v>1</v>
      </c>
      <c r="IX40" s="66">
        <v>8</v>
      </c>
      <c r="IY40" s="232"/>
      <c r="IZ40" s="65">
        <v>10</v>
      </c>
      <c r="JA40" s="65">
        <v>5</v>
      </c>
      <c r="JB40" s="65">
        <v>10</v>
      </c>
      <c r="JC40" s="65">
        <v>7</v>
      </c>
      <c r="JD40" s="65">
        <v>6</v>
      </c>
      <c r="JE40" s="66">
        <v>38</v>
      </c>
      <c r="JF40" s="67">
        <v>46</v>
      </c>
      <c r="JG40" s="64">
        <v>3</v>
      </c>
      <c r="JH40" s="65">
        <v>0</v>
      </c>
      <c r="JI40" s="66">
        <v>3</v>
      </c>
      <c r="JJ40" s="232"/>
      <c r="JK40" s="65">
        <v>12</v>
      </c>
      <c r="JL40" s="65">
        <v>7</v>
      </c>
      <c r="JM40" s="65">
        <v>7</v>
      </c>
      <c r="JN40" s="65">
        <v>6</v>
      </c>
      <c r="JO40" s="65">
        <v>7</v>
      </c>
      <c r="JP40" s="66">
        <v>39</v>
      </c>
      <c r="JQ40" s="67">
        <v>42</v>
      </c>
      <c r="JR40" s="64">
        <v>0</v>
      </c>
      <c r="JS40" s="65">
        <v>0</v>
      </c>
      <c r="JT40" s="66">
        <v>0</v>
      </c>
      <c r="JU40" s="232"/>
      <c r="JV40" s="65">
        <v>0</v>
      </c>
      <c r="JW40" s="65">
        <v>3</v>
      </c>
      <c r="JX40" s="65">
        <v>0</v>
      </c>
      <c r="JY40" s="65">
        <v>1</v>
      </c>
      <c r="JZ40" s="65">
        <v>0</v>
      </c>
      <c r="KA40" s="66">
        <v>4</v>
      </c>
      <c r="KB40" s="67">
        <v>4</v>
      </c>
      <c r="KC40" s="64">
        <v>22</v>
      </c>
      <c r="KD40" s="65">
        <v>2</v>
      </c>
      <c r="KE40" s="66">
        <v>24</v>
      </c>
      <c r="KF40" s="232"/>
      <c r="KG40" s="65">
        <v>34</v>
      </c>
      <c r="KH40" s="65">
        <v>25</v>
      </c>
      <c r="KI40" s="65">
        <v>30</v>
      </c>
      <c r="KJ40" s="65">
        <v>26</v>
      </c>
      <c r="KK40" s="65">
        <v>19</v>
      </c>
      <c r="KL40" s="66">
        <v>134</v>
      </c>
      <c r="KM40" s="67">
        <v>158</v>
      </c>
    </row>
    <row r="41" spans="2:299" ht="32.25" customHeight="1" x14ac:dyDescent="0.2">
      <c r="C41" s="287"/>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4">
        <f>第１表!F2</f>
        <v>6</v>
      </c>
      <c r="G1" s="233">
        <f>第１表!G2</f>
        <v>1</v>
      </c>
      <c r="H1" s="569">
        <f>IF(G1&lt;3,G1-2+12,G1-2)</f>
        <v>11</v>
      </c>
      <c r="I1" s="569"/>
    </row>
    <row r="2" spans="2:43" ht="24" customHeight="1" thickBot="1" x14ac:dyDescent="0.25">
      <c r="B2" s="15" t="s">
        <v>156</v>
      </c>
      <c r="F2" s="15" t="s">
        <v>138</v>
      </c>
    </row>
    <row r="3" spans="2:43" ht="21" customHeight="1" x14ac:dyDescent="0.2">
      <c r="B3" s="615"/>
      <c r="C3" s="605" t="s">
        <v>57</v>
      </c>
      <c r="D3" s="606"/>
      <c r="E3" s="606"/>
      <c r="F3" s="606"/>
      <c r="G3" s="606"/>
      <c r="H3" s="606"/>
      <c r="I3" s="606"/>
      <c r="J3" s="606"/>
      <c r="K3" s="606"/>
      <c r="L3" s="606"/>
      <c r="M3" s="605" t="s">
        <v>58</v>
      </c>
      <c r="N3" s="618"/>
      <c r="O3" s="618"/>
      <c r="P3" s="618"/>
      <c r="Q3" s="618"/>
      <c r="R3" s="618"/>
      <c r="S3" s="618"/>
      <c r="T3" s="618"/>
      <c r="U3" s="618"/>
      <c r="V3" s="618"/>
      <c r="W3" s="605" t="s">
        <v>59</v>
      </c>
      <c r="X3" s="606"/>
      <c r="Y3" s="606"/>
      <c r="Z3" s="606"/>
      <c r="AA3" s="606"/>
      <c r="AB3" s="606"/>
      <c r="AC3" s="606"/>
      <c r="AD3" s="606"/>
      <c r="AE3" s="606"/>
      <c r="AF3" s="606"/>
      <c r="AG3" s="614" t="s">
        <v>149</v>
      </c>
      <c r="AH3" s="606"/>
      <c r="AI3" s="606"/>
      <c r="AJ3" s="606"/>
      <c r="AK3" s="606"/>
      <c r="AL3" s="606"/>
      <c r="AM3" s="606"/>
      <c r="AN3" s="606"/>
      <c r="AO3" s="606"/>
      <c r="AP3" s="607"/>
    </row>
    <row r="4" spans="2:43" ht="21" customHeight="1" x14ac:dyDescent="0.2">
      <c r="B4" s="617"/>
      <c r="C4" s="587" t="s">
        <v>61</v>
      </c>
      <c r="D4" s="588"/>
      <c r="E4" s="589"/>
      <c r="F4" s="590" t="s">
        <v>62</v>
      </c>
      <c r="G4" s="591"/>
      <c r="H4" s="591"/>
      <c r="I4" s="591"/>
      <c r="J4" s="591"/>
      <c r="K4" s="592"/>
      <c r="L4" s="602" t="s">
        <v>52</v>
      </c>
      <c r="M4" s="587" t="s">
        <v>61</v>
      </c>
      <c r="N4" s="588"/>
      <c r="O4" s="589"/>
      <c r="P4" s="590" t="s">
        <v>62</v>
      </c>
      <c r="Q4" s="591"/>
      <c r="R4" s="591"/>
      <c r="S4" s="591"/>
      <c r="T4" s="591"/>
      <c r="U4" s="592"/>
      <c r="V4" s="593" t="s">
        <v>52</v>
      </c>
      <c r="W4" s="587" t="s">
        <v>61</v>
      </c>
      <c r="X4" s="588"/>
      <c r="Y4" s="589"/>
      <c r="Z4" s="590" t="s">
        <v>62</v>
      </c>
      <c r="AA4" s="591"/>
      <c r="AB4" s="591"/>
      <c r="AC4" s="591"/>
      <c r="AD4" s="591"/>
      <c r="AE4" s="592"/>
      <c r="AF4" s="602" t="s">
        <v>52</v>
      </c>
      <c r="AG4" s="587" t="s">
        <v>61</v>
      </c>
      <c r="AH4" s="588"/>
      <c r="AI4" s="589"/>
      <c r="AJ4" s="590" t="s">
        <v>62</v>
      </c>
      <c r="AK4" s="591"/>
      <c r="AL4" s="591"/>
      <c r="AM4" s="591"/>
      <c r="AN4" s="591"/>
      <c r="AO4" s="592"/>
      <c r="AP4" s="593" t="s">
        <v>52</v>
      </c>
    </row>
    <row r="5" spans="2:43" ht="30" customHeight="1" thickBot="1" x14ac:dyDescent="0.25">
      <c r="B5" s="335" t="s">
        <v>42</v>
      </c>
      <c r="C5" s="26" t="s">
        <v>43</v>
      </c>
      <c r="D5" s="27" t="s">
        <v>44</v>
      </c>
      <c r="E5" s="27" t="s">
        <v>45</v>
      </c>
      <c r="F5" s="28" t="s">
        <v>47</v>
      </c>
      <c r="G5" s="29" t="s">
        <v>48</v>
      </c>
      <c r="H5" s="29" t="s">
        <v>49</v>
      </c>
      <c r="I5" s="30" t="s">
        <v>50</v>
      </c>
      <c r="J5" s="27" t="s">
        <v>51</v>
      </c>
      <c r="K5" s="31" t="s">
        <v>95</v>
      </c>
      <c r="L5" s="603"/>
      <c r="M5" s="26" t="s">
        <v>43</v>
      </c>
      <c r="N5" s="27" t="s">
        <v>44</v>
      </c>
      <c r="O5" s="31" t="s">
        <v>45</v>
      </c>
      <c r="P5" s="12" t="s">
        <v>47</v>
      </c>
      <c r="Q5" s="29" t="s">
        <v>48</v>
      </c>
      <c r="R5" s="29" t="s">
        <v>49</v>
      </c>
      <c r="S5" s="30" t="s">
        <v>50</v>
      </c>
      <c r="T5" s="27" t="s">
        <v>51</v>
      </c>
      <c r="U5" s="31" t="s">
        <v>45</v>
      </c>
      <c r="V5" s="594"/>
      <c r="W5" s="26" t="s">
        <v>43</v>
      </c>
      <c r="X5" s="27" t="s">
        <v>44</v>
      </c>
      <c r="Y5" s="27" t="s">
        <v>45</v>
      </c>
      <c r="Z5" s="28" t="s">
        <v>47</v>
      </c>
      <c r="AA5" s="29" t="s">
        <v>48</v>
      </c>
      <c r="AB5" s="29" t="s">
        <v>49</v>
      </c>
      <c r="AC5" s="30" t="s">
        <v>50</v>
      </c>
      <c r="AD5" s="27" t="s">
        <v>51</v>
      </c>
      <c r="AE5" s="31" t="s">
        <v>45</v>
      </c>
      <c r="AF5" s="603"/>
      <c r="AG5" s="26" t="s">
        <v>43</v>
      </c>
      <c r="AH5" s="27" t="s">
        <v>44</v>
      </c>
      <c r="AI5" s="27" t="s">
        <v>45</v>
      </c>
      <c r="AJ5" s="28" t="s">
        <v>47</v>
      </c>
      <c r="AK5" s="29" t="s">
        <v>48</v>
      </c>
      <c r="AL5" s="29" t="s">
        <v>49</v>
      </c>
      <c r="AM5" s="30" t="s">
        <v>50</v>
      </c>
      <c r="AN5" s="27" t="s">
        <v>51</v>
      </c>
      <c r="AO5" s="31" t="s">
        <v>45</v>
      </c>
      <c r="AP5" s="594"/>
    </row>
    <row r="6" spans="2:43" ht="21" customHeight="1" x14ac:dyDescent="0.2">
      <c r="B6" s="466" t="s">
        <v>4</v>
      </c>
      <c r="C6" s="172">
        <v>0</v>
      </c>
      <c r="D6" s="173">
        <v>0</v>
      </c>
      <c r="E6" s="173">
        <v>0</v>
      </c>
      <c r="F6" s="174">
        <v>13</v>
      </c>
      <c r="G6" s="175">
        <v>67</v>
      </c>
      <c r="H6" s="175">
        <v>456</v>
      </c>
      <c r="I6" s="175">
        <v>708</v>
      </c>
      <c r="J6" s="173">
        <v>345</v>
      </c>
      <c r="K6" s="176">
        <v>1589</v>
      </c>
      <c r="L6" s="177">
        <v>1589</v>
      </c>
      <c r="M6" s="172">
        <v>0</v>
      </c>
      <c r="N6" s="173">
        <v>0</v>
      </c>
      <c r="O6" s="176">
        <v>0</v>
      </c>
      <c r="P6" s="179">
        <v>83</v>
      </c>
      <c r="Q6" s="175">
        <v>183</v>
      </c>
      <c r="R6" s="175">
        <v>257</v>
      </c>
      <c r="S6" s="175">
        <v>305</v>
      </c>
      <c r="T6" s="173">
        <v>154</v>
      </c>
      <c r="U6" s="176">
        <v>982</v>
      </c>
      <c r="V6" s="180">
        <v>982</v>
      </c>
      <c r="W6" s="179">
        <v>0</v>
      </c>
      <c r="X6" s="173">
        <v>0</v>
      </c>
      <c r="Y6" s="173">
        <v>0</v>
      </c>
      <c r="Z6" s="174">
        <v>0</v>
      </c>
      <c r="AA6" s="175">
        <v>0</v>
      </c>
      <c r="AB6" s="175">
        <v>0</v>
      </c>
      <c r="AC6" s="175">
        <v>7</v>
      </c>
      <c r="AD6" s="173">
        <v>4</v>
      </c>
      <c r="AE6" s="176">
        <v>11</v>
      </c>
      <c r="AF6" s="177">
        <v>11</v>
      </c>
      <c r="AG6" s="172">
        <v>0</v>
      </c>
      <c r="AH6" s="173">
        <v>0</v>
      </c>
      <c r="AI6" s="173">
        <v>0</v>
      </c>
      <c r="AJ6" s="174">
        <v>0</v>
      </c>
      <c r="AK6" s="175">
        <v>3</v>
      </c>
      <c r="AL6" s="175">
        <v>2</v>
      </c>
      <c r="AM6" s="175">
        <v>11</v>
      </c>
      <c r="AN6" s="173">
        <v>19</v>
      </c>
      <c r="AO6" s="176">
        <v>35</v>
      </c>
      <c r="AP6" s="178">
        <v>35</v>
      </c>
      <c r="AQ6" s="32"/>
    </row>
    <row r="7" spans="2:43" ht="21" customHeight="1" x14ac:dyDescent="0.2">
      <c r="B7" s="467" t="s">
        <v>5</v>
      </c>
      <c r="C7" s="181">
        <v>0</v>
      </c>
      <c r="D7" s="182">
        <v>0</v>
      </c>
      <c r="E7" s="182">
        <v>0</v>
      </c>
      <c r="F7" s="183">
        <v>9</v>
      </c>
      <c r="G7" s="184">
        <v>54</v>
      </c>
      <c r="H7" s="184">
        <v>237</v>
      </c>
      <c r="I7" s="184">
        <v>299</v>
      </c>
      <c r="J7" s="182">
        <v>152</v>
      </c>
      <c r="K7" s="185">
        <v>751</v>
      </c>
      <c r="L7" s="186">
        <v>751</v>
      </c>
      <c r="M7" s="181">
        <v>0</v>
      </c>
      <c r="N7" s="182">
        <v>0</v>
      </c>
      <c r="O7" s="185">
        <v>0</v>
      </c>
      <c r="P7" s="188">
        <v>38</v>
      </c>
      <c r="Q7" s="184">
        <v>110</v>
      </c>
      <c r="R7" s="184">
        <v>134</v>
      </c>
      <c r="S7" s="184">
        <v>161</v>
      </c>
      <c r="T7" s="182">
        <v>75</v>
      </c>
      <c r="U7" s="185">
        <v>518</v>
      </c>
      <c r="V7" s="189">
        <v>518</v>
      </c>
      <c r="W7" s="188">
        <v>0</v>
      </c>
      <c r="X7" s="182">
        <v>0</v>
      </c>
      <c r="Y7" s="182">
        <v>0</v>
      </c>
      <c r="Z7" s="183">
        <v>0</v>
      </c>
      <c r="AA7" s="184">
        <v>0</v>
      </c>
      <c r="AB7" s="184">
        <v>0</v>
      </c>
      <c r="AC7" s="184">
        <v>6</v>
      </c>
      <c r="AD7" s="182">
        <v>2</v>
      </c>
      <c r="AE7" s="185">
        <v>8</v>
      </c>
      <c r="AF7" s="186">
        <v>8</v>
      </c>
      <c r="AG7" s="181">
        <v>0</v>
      </c>
      <c r="AH7" s="182">
        <v>0</v>
      </c>
      <c r="AI7" s="182">
        <v>0</v>
      </c>
      <c r="AJ7" s="183">
        <v>0</v>
      </c>
      <c r="AK7" s="184">
        <v>2</v>
      </c>
      <c r="AL7" s="184">
        <v>1</v>
      </c>
      <c r="AM7" s="184">
        <v>4</v>
      </c>
      <c r="AN7" s="182">
        <v>6</v>
      </c>
      <c r="AO7" s="185">
        <v>13</v>
      </c>
      <c r="AP7" s="187">
        <v>13</v>
      </c>
      <c r="AQ7" s="32"/>
    </row>
    <row r="8" spans="2:43" ht="21" customHeight="1" x14ac:dyDescent="0.2">
      <c r="B8" s="468" t="s">
        <v>6</v>
      </c>
      <c r="C8" s="181">
        <v>0</v>
      </c>
      <c r="D8" s="182">
        <v>0</v>
      </c>
      <c r="E8" s="182">
        <v>0</v>
      </c>
      <c r="F8" s="183">
        <v>2</v>
      </c>
      <c r="G8" s="184">
        <v>4</v>
      </c>
      <c r="H8" s="184">
        <v>51</v>
      </c>
      <c r="I8" s="184">
        <v>80</v>
      </c>
      <c r="J8" s="182">
        <v>40</v>
      </c>
      <c r="K8" s="185">
        <v>177</v>
      </c>
      <c r="L8" s="186">
        <v>177</v>
      </c>
      <c r="M8" s="181">
        <v>0</v>
      </c>
      <c r="N8" s="182">
        <v>0</v>
      </c>
      <c r="O8" s="185">
        <v>0</v>
      </c>
      <c r="P8" s="188">
        <v>8</v>
      </c>
      <c r="Q8" s="184">
        <v>13</v>
      </c>
      <c r="R8" s="184">
        <v>30</v>
      </c>
      <c r="S8" s="184">
        <v>27</v>
      </c>
      <c r="T8" s="182">
        <v>21</v>
      </c>
      <c r="U8" s="185">
        <v>99</v>
      </c>
      <c r="V8" s="189">
        <v>99</v>
      </c>
      <c r="W8" s="188">
        <v>0</v>
      </c>
      <c r="X8" s="182">
        <v>0</v>
      </c>
      <c r="Y8" s="182">
        <v>0</v>
      </c>
      <c r="Z8" s="183">
        <v>0</v>
      </c>
      <c r="AA8" s="184">
        <v>0</v>
      </c>
      <c r="AB8" s="184">
        <v>0</v>
      </c>
      <c r="AC8" s="184">
        <v>1</v>
      </c>
      <c r="AD8" s="182">
        <v>1</v>
      </c>
      <c r="AE8" s="185">
        <v>2</v>
      </c>
      <c r="AF8" s="186">
        <v>2</v>
      </c>
      <c r="AG8" s="181">
        <v>0</v>
      </c>
      <c r="AH8" s="182">
        <v>0</v>
      </c>
      <c r="AI8" s="182">
        <v>0</v>
      </c>
      <c r="AJ8" s="183">
        <v>0</v>
      </c>
      <c r="AK8" s="184">
        <v>0</v>
      </c>
      <c r="AL8" s="184">
        <v>0</v>
      </c>
      <c r="AM8" s="184">
        <v>1</v>
      </c>
      <c r="AN8" s="182">
        <v>2</v>
      </c>
      <c r="AO8" s="185">
        <v>3</v>
      </c>
      <c r="AP8" s="187">
        <v>3</v>
      </c>
      <c r="AQ8" s="32"/>
    </row>
    <row r="9" spans="2:43" ht="21" customHeight="1" x14ac:dyDescent="0.2">
      <c r="B9" s="468" t="s">
        <v>14</v>
      </c>
      <c r="C9" s="181">
        <v>0</v>
      </c>
      <c r="D9" s="182">
        <v>0</v>
      </c>
      <c r="E9" s="182">
        <v>0</v>
      </c>
      <c r="F9" s="183">
        <v>0</v>
      </c>
      <c r="G9" s="184">
        <v>0</v>
      </c>
      <c r="H9" s="184">
        <v>37</v>
      </c>
      <c r="I9" s="184">
        <v>53</v>
      </c>
      <c r="J9" s="182">
        <v>30</v>
      </c>
      <c r="K9" s="185">
        <v>120</v>
      </c>
      <c r="L9" s="186">
        <v>120</v>
      </c>
      <c r="M9" s="181">
        <v>0</v>
      </c>
      <c r="N9" s="182">
        <v>0</v>
      </c>
      <c r="O9" s="185">
        <v>0</v>
      </c>
      <c r="P9" s="188">
        <v>1</v>
      </c>
      <c r="Q9" s="184">
        <v>9</v>
      </c>
      <c r="R9" s="184">
        <v>13</v>
      </c>
      <c r="S9" s="184">
        <v>18</v>
      </c>
      <c r="T9" s="182">
        <v>9</v>
      </c>
      <c r="U9" s="185">
        <v>50</v>
      </c>
      <c r="V9" s="189">
        <v>50</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1</v>
      </c>
      <c r="AN9" s="182">
        <v>6</v>
      </c>
      <c r="AO9" s="185">
        <v>7</v>
      </c>
      <c r="AP9" s="187">
        <v>7</v>
      </c>
      <c r="AQ9" s="32"/>
    </row>
    <row r="10" spans="2:43" ht="21" customHeight="1" x14ac:dyDescent="0.2">
      <c r="B10" s="468" t="s">
        <v>7</v>
      </c>
      <c r="C10" s="181">
        <v>0</v>
      </c>
      <c r="D10" s="182">
        <v>0</v>
      </c>
      <c r="E10" s="182">
        <v>0</v>
      </c>
      <c r="F10" s="183">
        <v>0</v>
      </c>
      <c r="G10" s="184">
        <v>2</v>
      </c>
      <c r="H10" s="184">
        <v>17</v>
      </c>
      <c r="I10" s="184">
        <v>54</v>
      </c>
      <c r="J10" s="182">
        <v>25</v>
      </c>
      <c r="K10" s="185">
        <v>98</v>
      </c>
      <c r="L10" s="186">
        <v>98</v>
      </c>
      <c r="M10" s="181">
        <v>0</v>
      </c>
      <c r="N10" s="182">
        <v>0</v>
      </c>
      <c r="O10" s="185">
        <v>0</v>
      </c>
      <c r="P10" s="188">
        <v>11</v>
      </c>
      <c r="Q10" s="184">
        <v>6</v>
      </c>
      <c r="R10" s="184">
        <v>9</v>
      </c>
      <c r="S10" s="184">
        <v>17</v>
      </c>
      <c r="T10" s="182">
        <v>6</v>
      </c>
      <c r="U10" s="185">
        <v>49</v>
      </c>
      <c r="V10" s="189">
        <v>49</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1</v>
      </c>
      <c r="AM10" s="184">
        <v>0</v>
      </c>
      <c r="AN10" s="182">
        <v>0</v>
      </c>
      <c r="AO10" s="185">
        <v>1</v>
      </c>
      <c r="AP10" s="187">
        <v>1</v>
      </c>
      <c r="AQ10" s="32"/>
    </row>
    <row r="11" spans="2:43" ht="21" customHeight="1" x14ac:dyDescent="0.2">
      <c r="B11" s="468" t="s">
        <v>8</v>
      </c>
      <c r="C11" s="181">
        <v>0</v>
      </c>
      <c r="D11" s="182">
        <v>0</v>
      </c>
      <c r="E11" s="182">
        <v>0</v>
      </c>
      <c r="F11" s="183">
        <v>1</v>
      </c>
      <c r="G11" s="184">
        <v>2</v>
      </c>
      <c r="H11" s="184">
        <v>9</v>
      </c>
      <c r="I11" s="184">
        <v>8</v>
      </c>
      <c r="J11" s="182">
        <v>7</v>
      </c>
      <c r="K11" s="185">
        <v>27</v>
      </c>
      <c r="L11" s="186">
        <v>27</v>
      </c>
      <c r="M11" s="181">
        <v>0</v>
      </c>
      <c r="N11" s="182">
        <v>0</v>
      </c>
      <c r="O11" s="185">
        <v>0</v>
      </c>
      <c r="P11" s="188">
        <v>2</v>
      </c>
      <c r="Q11" s="184">
        <v>3</v>
      </c>
      <c r="R11" s="184">
        <v>9</v>
      </c>
      <c r="S11" s="184">
        <v>4</v>
      </c>
      <c r="T11" s="182">
        <v>2</v>
      </c>
      <c r="U11" s="185">
        <v>20</v>
      </c>
      <c r="V11" s="189">
        <v>20</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1</v>
      </c>
      <c r="AN11" s="182">
        <v>0</v>
      </c>
      <c r="AO11" s="185">
        <v>1</v>
      </c>
      <c r="AP11" s="187">
        <v>1</v>
      </c>
      <c r="AQ11" s="32"/>
    </row>
    <row r="12" spans="2:43" ht="21" customHeight="1" x14ac:dyDescent="0.2">
      <c r="B12" s="468" t="s">
        <v>9</v>
      </c>
      <c r="C12" s="181">
        <v>0</v>
      </c>
      <c r="D12" s="182">
        <v>0</v>
      </c>
      <c r="E12" s="182">
        <v>0</v>
      </c>
      <c r="F12" s="183">
        <v>0</v>
      </c>
      <c r="G12" s="184">
        <v>0</v>
      </c>
      <c r="H12" s="184">
        <v>11</v>
      </c>
      <c r="I12" s="184">
        <v>22</v>
      </c>
      <c r="J12" s="182">
        <v>10</v>
      </c>
      <c r="K12" s="185">
        <v>43</v>
      </c>
      <c r="L12" s="186">
        <v>43</v>
      </c>
      <c r="M12" s="181">
        <v>0</v>
      </c>
      <c r="N12" s="182">
        <v>0</v>
      </c>
      <c r="O12" s="185">
        <v>0</v>
      </c>
      <c r="P12" s="188">
        <v>0</v>
      </c>
      <c r="Q12" s="184">
        <v>5</v>
      </c>
      <c r="R12" s="184">
        <v>10</v>
      </c>
      <c r="S12" s="184">
        <v>6</v>
      </c>
      <c r="T12" s="182">
        <v>3</v>
      </c>
      <c r="U12" s="185">
        <v>24</v>
      </c>
      <c r="V12" s="189">
        <v>24</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68" t="s">
        <v>10</v>
      </c>
      <c r="C13" s="181">
        <v>0</v>
      </c>
      <c r="D13" s="182">
        <v>0</v>
      </c>
      <c r="E13" s="182">
        <v>0</v>
      </c>
      <c r="F13" s="183">
        <v>1</v>
      </c>
      <c r="G13" s="184">
        <v>1</v>
      </c>
      <c r="H13" s="184">
        <v>20</v>
      </c>
      <c r="I13" s="184">
        <v>36</v>
      </c>
      <c r="J13" s="182">
        <v>10</v>
      </c>
      <c r="K13" s="185">
        <v>68</v>
      </c>
      <c r="L13" s="186">
        <v>68</v>
      </c>
      <c r="M13" s="181">
        <v>0</v>
      </c>
      <c r="N13" s="182">
        <v>0</v>
      </c>
      <c r="O13" s="185">
        <v>0</v>
      </c>
      <c r="P13" s="188">
        <v>5</v>
      </c>
      <c r="Q13" s="184">
        <v>6</v>
      </c>
      <c r="R13" s="184">
        <v>5</v>
      </c>
      <c r="S13" s="184">
        <v>16</v>
      </c>
      <c r="T13" s="182">
        <v>8</v>
      </c>
      <c r="U13" s="185">
        <v>40</v>
      </c>
      <c r="V13" s="189">
        <v>40</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68" t="s">
        <v>11</v>
      </c>
      <c r="C14" s="181">
        <v>0</v>
      </c>
      <c r="D14" s="182">
        <v>0</v>
      </c>
      <c r="E14" s="182">
        <v>0</v>
      </c>
      <c r="F14" s="183">
        <v>0</v>
      </c>
      <c r="G14" s="184">
        <v>0</v>
      </c>
      <c r="H14" s="184">
        <v>4</v>
      </c>
      <c r="I14" s="184">
        <v>17</v>
      </c>
      <c r="J14" s="182">
        <v>2</v>
      </c>
      <c r="K14" s="185">
        <v>23</v>
      </c>
      <c r="L14" s="186">
        <v>23</v>
      </c>
      <c r="M14" s="181">
        <v>0</v>
      </c>
      <c r="N14" s="182">
        <v>0</v>
      </c>
      <c r="O14" s="185">
        <v>0</v>
      </c>
      <c r="P14" s="188">
        <v>2</v>
      </c>
      <c r="Q14" s="184">
        <v>1</v>
      </c>
      <c r="R14" s="184">
        <v>2</v>
      </c>
      <c r="S14" s="184">
        <v>5</v>
      </c>
      <c r="T14" s="182">
        <v>6</v>
      </c>
      <c r="U14" s="185">
        <v>16</v>
      </c>
      <c r="V14" s="189">
        <v>16</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68" t="s">
        <v>12</v>
      </c>
      <c r="C15" s="181">
        <v>0</v>
      </c>
      <c r="D15" s="182">
        <v>0</v>
      </c>
      <c r="E15" s="182">
        <v>0</v>
      </c>
      <c r="F15" s="183">
        <v>0</v>
      </c>
      <c r="G15" s="184">
        <v>0</v>
      </c>
      <c r="H15" s="184">
        <v>7</v>
      </c>
      <c r="I15" s="184">
        <v>10</v>
      </c>
      <c r="J15" s="182">
        <v>8</v>
      </c>
      <c r="K15" s="185">
        <v>25</v>
      </c>
      <c r="L15" s="186">
        <v>25</v>
      </c>
      <c r="M15" s="181">
        <v>0</v>
      </c>
      <c r="N15" s="182">
        <v>0</v>
      </c>
      <c r="O15" s="185">
        <v>0</v>
      </c>
      <c r="P15" s="188">
        <v>2</v>
      </c>
      <c r="Q15" s="184">
        <v>3</v>
      </c>
      <c r="R15" s="184">
        <v>10</v>
      </c>
      <c r="S15" s="184">
        <v>9</v>
      </c>
      <c r="T15" s="182">
        <v>3</v>
      </c>
      <c r="U15" s="185">
        <v>27</v>
      </c>
      <c r="V15" s="189">
        <v>27</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0</v>
      </c>
      <c r="AN15" s="182">
        <v>1</v>
      </c>
      <c r="AO15" s="185">
        <v>1</v>
      </c>
      <c r="AP15" s="187">
        <v>1</v>
      </c>
      <c r="AQ15" s="32"/>
    </row>
    <row r="16" spans="2:43" ht="21" customHeight="1" x14ac:dyDescent="0.2">
      <c r="B16" s="468" t="s">
        <v>13</v>
      </c>
      <c r="C16" s="181">
        <v>0</v>
      </c>
      <c r="D16" s="182">
        <v>0</v>
      </c>
      <c r="E16" s="182">
        <v>0</v>
      </c>
      <c r="F16" s="183">
        <v>0</v>
      </c>
      <c r="G16" s="184">
        <v>0</v>
      </c>
      <c r="H16" s="184">
        <v>2</v>
      </c>
      <c r="I16" s="184">
        <v>13</v>
      </c>
      <c r="J16" s="182">
        <v>2</v>
      </c>
      <c r="K16" s="185">
        <v>17</v>
      </c>
      <c r="L16" s="186">
        <v>17</v>
      </c>
      <c r="M16" s="181">
        <v>0</v>
      </c>
      <c r="N16" s="182">
        <v>0</v>
      </c>
      <c r="O16" s="185">
        <v>0</v>
      </c>
      <c r="P16" s="188">
        <v>0</v>
      </c>
      <c r="Q16" s="184">
        <v>0</v>
      </c>
      <c r="R16" s="184">
        <v>5</v>
      </c>
      <c r="S16" s="184">
        <v>1</v>
      </c>
      <c r="T16" s="182">
        <v>1</v>
      </c>
      <c r="U16" s="185">
        <v>7</v>
      </c>
      <c r="V16" s="189">
        <v>7</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68" t="s">
        <v>15</v>
      </c>
      <c r="C17" s="181">
        <v>0</v>
      </c>
      <c r="D17" s="182">
        <v>0</v>
      </c>
      <c r="E17" s="182">
        <v>0</v>
      </c>
      <c r="F17" s="183">
        <v>0</v>
      </c>
      <c r="G17" s="184">
        <v>0</v>
      </c>
      <c r="H17" s="184">
        <v>3</v>
      </c>
      <c r="I17" s="184">
        <v>11</v>
      </c>
      <c r="J17" s="182">
        <v>3</v>
      </c>
      <c r="K17" s="185">
        <v>17</v>
      </c>
      <c r="L17" s="186">
        <v>17</v>
      </c>
      <c r="M17" s="181">
        <v>0</v>
      </c>
      <c r="N17" s="182">
        <v>0</v>
      </c>
      <c r="O17" s="185">
        <v>0</v>
      </c>
      <c r="P17" s="188">
        <v>1</v>
      </c>
      <c r="Q17" s="184">
        <v>2</v>
      </c>
      <c r="R17" s="184">
        <v>1</v>
      </c>
      <c r="S17" s="184">
        <v>4</v>
      </c>
      <c r="T17" s="182">
        <v>1</v>
      </c>
      <c r="U17" s="185">
        <v>9</v>
      </c>
      <c r="V17" s="189">
        <v>9</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68" t="s">
        <v>16</v>
      </c>
      <c r="C18" s="181">
        <v>0</v>
      </c>
      <c r="D18" s="182">
        <v>0</v>
      </c>
      <c r="E18" s="182">
        <v>0</v>
      </c>
      <c r="F18" s="183">
        <v>0</v>
      </c>
      <c r="G18" s="184">
        <v>1</v>
      </c>
      <c r="H18" s="184">
        <v>4</v>
      </c>
      <c r="I18" s="184">
        <v>11</v>
      </c>
      <c r="J18" s="182">
        <v>6</v>
      </c>
      <c r="K18" s="185">
        <v>22</v>
      </c>
      <c r="L18" s="186">
        <v>22</v>
      </c>
      <c r="M18" s="181">
        <v>0</v>
      </c>
      <c r="N18" s="182">
        <v>0</v>
      </c>
      <c r="O18" s="185">
        <v>0</v>
      </c>
      <c r="P18" s="188">
        <v>0</v>
      </c>
      <c r="Q18" s="184">
        <v>4</v>
      </c>
      <c r="R18" s="184">
        <v>3</v>
      </c>
      <c r="S18" s="184">
        <v>6</v>
      </c>
      <c r="T18" s="182">
        <v>0</v>
      </c>
      <c r="U18" s="185">
        <v>13</v>
      </c>
      <c r="V18" s="189">
        <v>13</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1</v>
      </c>
      <c r="AO18" s="185">
        <v>1</v>
      </c>
      <c r="AP18" s="187">
        <v>1</v>
      </c>
      <c r="AQ18" s="32"/>
    </row>
    <row r="19" spans="2:43" ht="21" customHeight="1" x14ac:dyDescent="0.2">
      <c r="B19" s="468" t="s">
        <v>17</v>
      </c>
      <c r="C19" s="181">
        <v>0</v>
      </c>
      <c r="D19" s="182">
        <v>0</v>
      </c>
      <c r="E19" s="182">
        <v>0</v>
      </c>
      <c r="F19" s="183">
        <v>0</v>
      </c>
      <c r="G19" s="184">
        <v>0</v>
      </c>
      <c r="H19" s="184">
        <v>11</v>
      </c>
      <c r="I19" s="184">
        <v>14</v>
      </c>
      <c r="J19" s="182">
        <v>11</v>
      </c>
      <c r="K19" s="185">
        <v>36</v>
      </c>
      <c r="L19" s="186">
        <v>36</v>
      </c>
      <c r="M19" s="181">
        <v>0</v>
      </c>
      <c r="N19" s="182">
        <v>0</v>
      </c>
      <c r="O19" s="185">
        <v>0</v>
      </c>
      <c r="P19" s="188">
        <v>4</v>
      </c>
      <c r="Q19" s="184">
        <v>4</v>
      </c>
      <c r="R19" s="184">
        <v>4</v>
      </c>
      <c r="S19" s="184">
        <v>3</v>
      </c>
      <c r="T19" s="182">
        <v>7</v>
      </c>
      <c r="U19" s="185">
        <v>22</v>
      </c>
      <c r="V19" s="189">
        <v>22</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68" t="s">
        <v>18</v>
      </c>
      <c r="C20" s="181">
        <v>0</v>
      </c>
      <c r="D20" s="182">
        <v>0</v>
      </c>
      <c r="E20" s="182">
        <v>0</v>
      </c>
      <c r="F20" s="183">
        <v>0</v>
      </c>
      <c r="G20" s="184">
        <v>0</v>
      </c>
      <c r="H20" s="184">
        <v>4</v>
      </c>
      <c r="I20" s="184">
        <v>20</v>
      </c>
      <c r="J20" s="182">
        <v>7</v>
      </c>
      <c r="K20" s="185">
        <v>31</v>
      </c>
      <c r="L20" s="186">
        <v>31</v>
      </c>
      <c r="M20" s="181">
        <v>0</v>
      </c>
      <c r="N20" s="182">
        <v>0</v>
      </c>
      <c r="O20" s="185">
        <v>0</v>
      </c>
      <c r="P20" s="188">
        <v>1</v>
      </c>
      <c r="Q20" s="184">
        <v>5</v>
      </c>
      <c r="R20" s="184">
        <v>4</v>
      </c>
      <c r="S20" s="184">
        <v>3</v>
      </c>
      <c r="T20" s="182">
        <v>3</v>
      </c>
      <c r="U20" s="185">
        <v>16</v>
      </c>
      <c r="V20" s="189">
        <v>16</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1</v>
      </c>
      <c r="AN20" s="182">
        <v>1</v>
      </c>
      <c r="AO20" s="185">
        <v>2</v>
      </c>
      <c r="AP20" s="187">
        <v>2</v>
      </c>
      <c r="AQ20" s="32"/>
    </row>
    <row r="21" spans="2:43" ht="21" customHeight="1" x14ac:dyDescent="0.2">
      <c r="B21" s="468" t="s">
        <v>19</v>
      </c>
      <c r="C21" s="181">
        <v>0</v>
      </c>
      <c r="D21" s="182">
        <v>0</v>
      </c>
      <c r="E21" s="182">
        <v>0</v>
      </c>
      <c r="F21" s="183">
        <v>0</v>
      </c>
      <c r="G21" s="184">
        <v>0</v>
      </c>
      <c r="H21" s="184">
        <v>7</v>
      </c>
      <c r="I21" s="184">
        <v>5</v>
      </c>
      <c r="J21" s="182">
        <v>5</v>
      </c>
      <c r="K21" s="185">
        <v>17</v>
      </c>
      <c r="L21" s="186">
        <v>17</v>
      </c>
      <c r="M21" s="181">
        <v>0</v>
      </c>
      <c r="N21" s="182">
        <v>0</v>
      </c>
      <c r="O21" s="185">
        <v>0</v>
      </c>
      <c r="P21" s="188">
        <v>1</v>
      </c>
      <c r="Q21" s="184">
        <v>0</v>
      </c>
      <c r="R21" s="184">
        <v>1</v>
      </c>
      <c r="S21" s="184">
        <v>4</v>
      </c>
      <c r="T21" s="182">
        <v>0</v>
      </c>
      <c r="U21" s="185">
        <v>6</v>
      </c>
      <c r="V21" s="189">
        <v>6</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68" t="s">
        <v>20</v>
      </c>
      <c r="C22" s="181">
        <v>0</v>
      </c>
      <c r="D22" s="182">
        <v>0</v>
      </c>
      <c r="E22" s="182">
        <v>0</v>
      </c>
      <c r="F22" s="183">
        <v>0</v>
      </c>
      <c r="G22" s="184">
        <v>1</v>
      </c>
      <c r="H22" s="184">
        <v>7</v>
      </c>
      <c r="I22" s="184">
        <v>13</v>
      </c>
      <c r="J22" s="182">
        <v>3</v>
      </c>
      <c r="K22" s="185">
        <v>24</v>
      </c>
      <c r="L22" s="186">
        <v>24</v>
      </c>
      <c r="M22" s="181">
        <v>0</v>
      </c>
      <c r="N22" s="182">
        <v>0</v>
      </c>
      <c r="O22" s="185">
        <v>0</v>
      </c>
      <c r="P22" s="188">
        <v>2</v>
      </c>
      <c r="Q22" s="184">
        <v>1</v>
      </c>
      <c r="R22" s="184">
        <v>1</v>
      </c>
      <c r="S22" s="184">
        <v>1</v>
      </c>
      <c r="T22" s="182">
        <v>0</v>
      </c>
      <c r="U22" s="185">
        <v>5</v>
      </c>
      <c r="V22" s="189">
        <v>5</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68" t="s">
        <v>21</v>
      </c>
      <c r="C23" s="181">
        <v>0</v>
      </c>
      <c r="D23" s="182">
        <v>0</v>
      </c>
      <c r="E23" s="182">
        <v>0</v>
      </c>
      <c r="F23" s="183">
        <v>0</v>
      </c>
      <c r="G23" s="184">
        <v>0</v>
      </c>
      <c r="H23" s="184">
        <v>4</v>
      </c>
      <c r="I23" s="184">
        <v>11</v>
      </c>
      <c r="J23" s="182">
        <v>9</v>
      </c>
      <c r="K23" s="185">
        <v>24</v>
      </c>
      <c r="L23" s="186">
        <v>24</v>
      </c>
      <c r="M23" s="181">
        <v>0</v>
      </c>
      <c r="N23" s="182">
        <v>0</v>
      </c>
      <c r="O23" s="185">
        <v>0</v>
      </c>
      <c r="P23" s="188">
        <v>0</v>
      </c>
      <c r="Q23" s="184">
        <v>1</v>
      </c>
      <c r="R23" s="184">
        <v>3</v>
      </c>
      <c r="S23" s="184">
        <v>0</v>
      </c>
      <c r="T23" s="182">
        <v>0</v>
      </c>
      <c r="U23" s="185">
        <v>4</v>
      </c>
      <c r="V23" s="189">
        <v>4</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68" t="s">
        <v>22</v>
      </c>
      <c r="C24" s="181">
        <v>0</v>
      </c>
      <c r="D24" s="182">
        <v>0</v>
      </c>
      <c r="E24" s="182">
        <v>0</v>
      </c>
      <c r="F24" s="183">
        <v>0</v>
      </c>
      <c r="G24" s="184">
        <v>0</v>
      </c>
      <c r="H24" s="184">
        <v>4</v>
      </c>
      <c r="I24" s="184">
        <v>5</v>
      </c>
      <c r="J24" s="182">
        <v>0</v>
      </c>
      <c r="K24" s="185">
        <v>9</v>
      </c>
      <c r="L24" s="186">
        <v>9</v>
      </c>
      <c r="M24" s="181">
        <v>0</v>
      </c>
      <c r="N24" s="182">
        <v>0</v>
      </c>
      <c r="O24" s="185">
        <v>0</v>
      </c>
      <c r="P24" s="188">
        <v>1</v>
      </c>
      <c r="Q24" s="184">
        <v>2</v>
      </c>
      <c r="R24" s="184">
        <v>1</v>
      </c>
      <c r="S24" s="184">
        <v>1</v>
      </c>
      <c r="T24" s="182">
        <v>1</v>
      </c>
      <c r="U24" s="185">
        <v>6</v>
      </c>
      <c r="V24" s="189">
        <v>6</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1</v>
      </c>
      <c r="AN24" s="182">
        <v>0</v>
      </c>
      <c r="AO24" s="185">
        <v>1</v>
      </c>
      <c r="AP24" s="187">
        <v>1</v>
      </c>
      <c r="AQ24" s="32"/>
    </row>
    <row r="25" spans="2:43" ht="21" customHeight="1" x14ac:dyDescent="0.2">
      <c r="B25" s="468" t="s">
        <v>23</v>
      </c>
      <c r="C25" s="181">
        <v>0</v>
      </c>
      <c r="D25" s="182">
        <v>0</v>
      </c>
      <c r="E25" s="182">
        <v>0</v>
      </c>
      <c r="F25" s="183">
        <v>0</v>
      </c>
      <c r="G25" s="184">
        <v>0</v>
      </c>
      <c r="H25" s="184">
        <v>6</v>
      </c>
      <c r="I25" s="184">
        <v>5</v>
      </c>
      <c r="J25" s="182">
        <v>0</v>
      </c>
      <c r="K25" s="185">
        <v>11</v>
      </c>
      <c r="L25" s="186">
        <v>11</v>
      </c>
      <c r="M25" s="181">
        <v>0</v>
      </c>
      <c r="N25" s="182">
        <v>0</v>
      </c>
      <c r="O25" s="185">
        <v>0</v>
      </c>
      <c r="P25" s="188">
        <v>0</v>
      </c>
      <c r="Q25" s="184">
        <v>1</v>
      </c>
      <c r="R25" s="184">
        <v>2</v>
      </c>
      <c r="S25" s="184">
        <v>2</v>
      </c>
      <c r="T25" s="182">
        <v>2</v>
      </c>
      <c r="U25" s="185">
        <v>7</v>
      </c>
      <c r="V25" s="189">
        <v>7</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68" t="s">
        <v>24</v>
      </c>
      <c r="C26" s="181">
        <v>0</v>
      </c>
      <c r="D26" s="182">
        <v>0</v>
      </c>
      <c r="E26" s="182">
        <v>0</v>
      </c>
      <c r="F26" s="183">
        <v>0</v>
      </c>
      <c r="G26" s="184">
        <v>0</v>
      </c>
      <c r="H26" s="184">
        <v>1</v>
      </c>
      <c r="I26" s="184">
        <v>4</v>
      </c>
      <c r="J26" s="182">
        <v>4</v>
      </c>
      <c r="K26" s="185">
        <v>9</v>
      </c>
      <c r="L26" s="186">
        <v>9</v>
      </c>
      <c r="M26" s="181">
        <v>0</v>
      </c>
      <c r="N26" s="182">
        <v>0</v>
      </c>
      <c r="O26" s="185">
        <v>0</v>
      </c>
      <c r="P26" s="188">
        <v>0</v>
      </c>
      <c r="Q26" s="184">
        <v>2</v>
      </c>
      <c r="R26" s="184">
        <v>2</v>
      </c>
      <c r="S26" s="184">
        <v>3</v>
      </c>
      <c r="T26" s="182">
        <v>0</v>
      </c>
      <c r="U26" s="185">
        <v>7</v>
      </c>
      <c r="V26" s="189">
        <v>7</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68" t="s">
        <v>25</v>
      </c>
      <c r="C27" s="181">
        <v>0</v>
      </c>
      <c r="D27" s="182">
        <v>0</v>
      </c>
      <c r="E27" s="182">
        <v>0</v>
      </c>
      <c r="F27" s="183">
        <v>0</v>
      </c>
      <c r="G27" s="184">
        <v>1</v>
      </c>
      <c r="H27" s="184">
        <v>3</v>
      </c>
      <c r="I27" s="184">
        <v>2</v>
      </c>
      <c r="J27" s="182">
        <v>1</v>
      </c>
      <c r="K27" s="185">
        <v>7</v>
      </c>
      <c r="L27" s="186">
        <v>7</v>
      </c>
      <c r="M27" s="181">
        <v>0</v>
      </c>
      <c r="N27" s="182">
        <v>0</v>
      </c>
      <c r="O27" s="185">
        <v>0</v>
      </c>
      <c r="P27" s="188">
        <v>1</v>
      </c>
      <c r="Q27" s="184">
        <v>1</v>
      </c>
      <c r="R27" s="184">
        <v>0</v>
      </c>
      <c r="S27" s="184">
        <v>1</v>
      </c>
      <c r="T27" s="182">
        <v>1</v>
      </c>
      <c r="U27" s="185">
        <v>4</v>
      </c>
      <c r="V27" s="189">
        <v>4</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68" t="s">
        <v>26</v>
      </c>
      <c r="C28" s="181">
        <v>0</v>
      </c>
      <c r="D28" s="182">
        <v>0</v>
      </c>
      <c r="E28" s="182">
        <v>0</v>
      </c>
      <c r="F28" s="183">
        <v>0</v>
      </c>
      <c r="G28" s="184">
        <v>0</v>
      </c>
      <c r="H28" s="184">
        <v>2</v>
      </c>
      <c r="I28" s="184">
        <v>4</v>
      </c>
      <c r="J28" s="182">
        <v>2</v>
      </c>
      <c r="K28" s="185">
        <v>8</v>
      </c>
      <c r="L28" s="186">
        <v>8</v>
      </c>
      <c r="M28" s="181">
        <v>0</v>
      </c>
      <c r="N28" s="182">
        <v>0</v>
      </c>
      <c r="O28" s="185">
        <v>0</v>
      </c>
      <c r="P28" s="188">
        <v>0</v>
      </c>
      <c r="Q28" s="184">
        <v>1</v>
      </c>
      <c r="R28" s="184">
        <v>3</v>
      </c>
      <c r="S28" s="184">
        <v>0</v>
      </c>
      <c r="T28" s="182">
        <v>0</v>
      </c>
      <c r="U28" s="185">
        <v>4</v>
      </c>
      <c r="V28" s="189">
        <v>4</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68" t="s">
        <v>27</v>
      </c>
      <c r="C29" s="181">
        <v>0</v>
      </c>
      <c r="D29" s="182">
        <v>0</v>
      </c>
      <c r="E29" s="182">
        <v>0</v>
      </c>
      <c r="F29" s="183">
        <v>0</v>
      </c>
      <c r="G29" s="184">
        <v>1</v>
      </c>
      <c r="H29" s="184">
        <v>1</v>
      </c>
      <c r="I29" s="184">
        <v>0</v>
      </c>
      <c r="J29" s="182">
        <v>1</v>
      </c>
      <c r="K29" s="185">
        <v>3</v>
      </c>
      <c r="L29" s="186">
        <v>3</v>
      </c>
      <c r="M29" s="181">
        <v>0</v>
      </c>
      <c r="N29" s="182">
        <v>0</v>
      </c>
      <c r="O29" s="185">
        <v>0</v>
      </c>
      <c r="P29" s="188">
        <v>0</v>
      </c>
      <c r="Q29" s="184">
        <v>1</v>
      </c>
      <c r="R29" s="184">
        <v>1</v>
      </c>
      <c r="S29" s="184">
        <v>4</v>
      </c>
      <c r="T29" s="182">
        <v>1</v>
      </c>
      <c r="U29" s="185">
        <v>7</v>
      </c>
      <c r="V29" s="189">
        <v>7</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68" t="s">
        <v>28</v>
      </c>
      <c r="C30" s="181">
        <v>0</v>
      </c>
      <c r="D30" s="182">
        <v>0</v>
      </c>
      <c r="E30" s="182">
        <v>0</v>
      </c>
      <c r="F30" s="183">
        <v>0</v>
      </c>
      <c r="G30" s="184">
        <v>0</v>
      </c>
      <c r="H30" s="184">
        <v>0</v>
      </c>
      <c r="I30" s="184">
        <v>1</v>
      </c>
      <c r="J30" s="182">
        <v>1</v>
      </c>
      <c r="K30" s="185">
        <v>2</v>
      </c>
      <c r="L30" s="186">
        <v>2</v>
      </c>
      <c r="M30" s="181">
        <v>0</v>
      </c>
      <c r="N30" s="182">
        <v>0</v>
      </c>
      <c r="O30" s="185">
        <v>0</v>
      </c>
      <c r="P30" s="188">
        <v>0</v>
      </c>
      <c r="Q30" s="184">
        <v>1</v>
      </c>
      <c r="R30" s="184">
        <v>0</v>
      </c>
      <c r="S30" s="184">
        <v>0</v>
      </c>
      <c r="T30" s="182">
        <v>1</v>
      </c>
      <c r="U30" s="185">
        <v>2</v>
      </c>
      <c r="V30" s="189">
        <v>2</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68"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1</v>
      </c>
      <c r="U31" s="185">
        <v>2</v>
      </c>
      <c r="V31" s="189">
        <v>2</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68" t="s">
        <v>30</v>
      </c>
      <c r="C32" s="181">
        <v>0</v>
      </c>
      <c r="D32" s="182">
        <v>0</v>
      </c>
      <c r="E32" s="182">
        <v>0</v>
      </c>
      <c r="F32" s="183">
        <v>0</v>
      </c>
      <c r="G32" s="184">
        <v>0</v>
      </c>
      <c r="H32" s="184">
        <v>0</v>
      </c>
      <c r="I32" s="184">
        <v>1</v>
      </c>
      <c r="J32" s="182">
        <v>1</v>
      </c>
      <c r="K32" s="185">
        <v>2</v>
      </c>
      <c r="L32" s="186">
        <v>2</v>
      </c>
      <c r="M32" s="181">
        <v>0</v>
      </c>
      <c r="N32" s="182">
        <v>0</v>
      </c>
      <c r="O32" s="185">
        <v>0</v>
      </c>
      <c r="P32" s="188">
        <v>1</v>
      </c>
      <c r="Q32" s="184">
        <v>1</v>
      </c>
      <c r="R32" s="184">
        <v>1</v>
      </c>
      <c r="S32" s="184">
        <v>4</v>
      </c>
      <c r="T32" s="182">
        <v>0</v>
      </c>
      <c r="U32" s="185">
        <v>7</v>
      </c>
      <c r="V32" s="189">
        <v>7</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68"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0</v>
      </c>
      <c r="S33" s="184">
        <v>0</v>
      </c>
      <c r="T33" s="182">
        <v>0</v>
      </c>
      <c r="U33" s="185">
        <v>0</v>
      </c>
      <c r="V33" s="189">
        <v>0</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68" t="s">
        <v>32</v>
      </c>
      <c r="C34" s="181">
        <v>0</v>
      </c>
      <c r="D34" s="182">
        <v>0</v>
      </c>
      <c r="E34" s="182">
        <v>0</v>
      </c>
      <c r="F34" s="183">
        <v>0</v>
      </c>
      <c r="G34" s="184">
        <v>0</v>
      </c>
      <c r="H34" s="184">
        <v>0</v>
      </c>
      <c r="I34" s="184">
        <v>4</v>
      </c>
      <c r="J34" s="182">
        <v>0</v>
      </c>
      <c r="K34" s="185">
        <v>4</v>
      </c>
      <c r="L34" s="186">
        <v>4</v>
      </c>
      <c r="M34" s="181">
        <v>0</v>
      </c>
      <c r="N34" s="182">
        <v>0</v>
      </c>
      <c r="O34" s="185">
        <v>0</v>
      </c>
      <c r="P34" s="188">
        <v>1</v>
      </c>
      <c r="Q34" s="184">
        <v>0</v>
      </c>
      <c r="R34" s="184">
        <v>0</v>
      </c>
      <c r="S34" s="184">
        <v>3</v>
      </c>
      <c r="T34" s="182">
        <v>1</v>
      </c>
      <c r="U34" s="185">
        <v>5</v>
      </c>
      <c r="V34" s="189">
        <v>5</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68"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0</v>
      </c>
      <c r="AO35" s="185">
        <v>1</v>
      </c>
      <c r="AP35" s="187">
        <v>1</v>
      </c>
      <c r="AQ35" s="32"/>
    </row>
    <row r="36" spans="2:43" ht="21" customHeight="1" x14ac:dyDescent="0.2">
      <c r="B36" s="468" t="s">
        <v>34</v>
      </c>
      <c r="C36" s="181">
        <v>0</v>
      </c>
      <c r="D36" s="182">
        <v>0</v>
      </c>
      <c r="E36" s="182">
        <v>0</v>
      </c>
      <c r="F36" s="183">
        <v>0</v>
      </c>
      <c r="G36" s="184">
        <v>0</v>
      </c>
      <c r="H36" s="184">
        <v>1</v>
      </c>
      <c r="I36" s="184">
        <v>0</v>
      </c>
      <c r="J36" s="182">
        <v>0</v>
      </c>
      <c r="K36" s="185">
        <v>1</v>
      </c>
      <c r="L36" s="186">
        <v>1</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68" t="s">
        <v>35</v>
      </c>
      <c r="C37" s="181">
        <v>0</v>
      </c>
      <c r="D37" s="182">
        <v>0</v>
      </c>
      <c r="E37" s="182">
        <v>0</v>
      </c>
      <c r="F37" s="183">
        <v>0</v>
      </c>
      <c r="G37" s="184">
        <v>0</v>
      </c>
      <c r="H37" s="184">
        <v>0</v>
      </c>
      <c r="I37" s="184">
        <v>1</v>
      </c>
      <c r="J37" s="182">
        <v>2</v>
      </c>
      <c r="K37" s="185">
        <v>3</v>
      </c>
      <c r="L37" s="186">
        <v>3</v>
      </c>
      <c r="M37" s="181">
        <v>0</v>
      </c>
      <c r="N37" s="182">
        <v>0</v>
      </c>
      <c r="O37" s="185">
        <v>0</v>
      </c>
      <c r="P37" s="188">
        <v>1</v>
      </c>
      <c r="Q37" s="184">
        <v>0</v>
      </c>
      <c r="R37" s="184">
        <v>2</v>
      </c>
      <c r="S37" s="184">
        <v>0</v>
      </c>
      <c r="T37" s="182">
        <v>0</v>
      </c>
      <c r="U37" s="185">
        <v>3</v>
      </c>
      <c r="V37" s="189">
        <v>3</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68" t="s">
        <v>36</v>
      </c>
      <c r="C38" s="181">
        <v>0</v>
      </c>
      <c r="D38" s="182">
        <v>0</v>
      </c>
      <c r="E38" s="182">
        <v>0</v>
      </c>
      <c r="F38" s="183">
        <v>0</v>
      </c>
      <c r="G38" s="184">
        <v>0</v>
      </c>
      <c r="H38" s="184">
        <v>0</v>
      </c>
      <c r="I38" s="184">
        <v>2</v>
      </c>
      <c r="J38" s="182">
        <v>3</v>
      </c>
      <c r="K38" s="185">
        <v>5</v>
      </c>
      <c r="L38" s="186">
        <v>5</v>
      </c>
      <c r="M38" s="181">
        <v>0</v>
      </c>
      <c r="N38" s="182">
        <v>0</v>
      </c>
      <c r="O38" s="185">
        <v>0</v>
      </c>
      <c r="P38" s="188">
        <v>0</v>
      </c>
      <c r="Q38" s="184">
        <v>0</v>
      </c>
      <c r="R38" s="184">
        <v>0</v>
      </c>
      <c r="S38" s="184">
        <v>1</v>
      </c>
      <c r="T38" s="182">
        <v>1</v>
      </c>
      <c r="U38" s="185">
        <v>2</v>
      </c>
      <c r="V38" s="189">
        <v>2</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69"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4">
        <f>第１表!F2</f>
        <v>6</v>
      </c>
      <c r="G1" s="233">
        <f>第１表!G2</f>
        <v>1</v>
      </c>
      <c r="H1" s="621">
        <f>IF(G1&lt;3,G1-2+12,G1-2)</f>
        <v>11</v>
      </c>
      <c r="I1" s="621"/>
    </row>
    <row r="2" spans="2:43" ht="24" customHeight="1" thickBot="1" x14ac:dyDescent="0.25">
      <c r="B2" s="15" t="s">
        <v>157</v>
      </c>
      <c r="F2" s="15" t="s">
        <v>138</v>
      </c>
    </row>
    <row r="3" spans="2:43" ht="21" customHeight="1" x14ac:dyDescent="0.2">
      <c r="B3" s="615"/>
      <c r="C3" s="605" t="s">
        <v>57</v>
      </c>
      <c r="D3" s="606"/>
      <c r="E3" s="606"/>
      <c r="F3" s="606"/>
      <c r="G3" s="606"/>
      <c r="H3" s="606"/>
      <c r="I3" s="606"/>
      <c r="J3" s="606"/>
      <c r="K3" s="606"/>
      <c r="L3" s="606"/>
      <c r="M3" s="605" t="s">
        <v>58</v>
      </c>
      <c r="N3" s="618"/>
      <c r="O3" s="618"/>
      <c r="P3" s="618"/>
      <c r="Q3" s="618"/>
      <c r="R3" s="618"/>
      <c r="S3" s="618"/>
      <c r="T3" s="618"/>
      <c r="U3" s="618"/>
      <c r="V3" s="618"/>
      <c r="W3" s="605" t="s">
        <v>59</v>
      </c>
      <c r="X3" s="606"/>
      <c r="Y3" s="606"/>
      <c r="Z3" s="606"/>
      <c r="AA3" s="606"/>
      <c r="AB3" s="606"/>
      <c r="AC3" s="606"/>
      <c r="AD3" s="606"/>
      <c r="AE3" s="606"/>
      <c r="AF3" s="606"/>
      <c r="AG3" s="614" t="s">
        <v>149</v>
      </c>
      <c r="AH3" s="606"/>
      <c r="AI3" s="606"/>
      <c r="AJ3" s="606"/>
      <c r="AK3" s="606"/>
      <c r="AL3" s="606"/>
      <c r="AM3" s="606"/>
      <c r="AN3" s="606"/>
      <c r="AO3" s="606"/>
      <c r="AP3" s="607"/>
    </row>
    <row r="4" spans="2:43" ht="21" customHeight="1" x14ac:dyDescent="0.2">
      <c r="B4" s="617"/>
      <c r="C4" s="587" t="s">
        <v>61</v>
      </c>
      <c r="D4" s="588"/>
      <c r="E4" s="589"/>
      <c r="F4" s="590" t="s">
        <v>62</v>
      </c>
      <c r="G4" s="591"/>
      <c r="H4" s="591"/>
      <c r="I4" s="591"/>
      <c r="J4" s="591"/>
      <c r="K4" s="592"/>
      <c r="L4" s="602" t="s">
        <v>52</v>
      </c>
      <c r="M4" s="587" t="s">
        <v>61</v>
      </c>
      <c r="N4" s="588"/>
      <c r="O4" s="589"/>
      <c r="P4" s="590" t="s">
        <v>62</v>
      </c>
      <c r="Q4" s="591"/>
      <c r="R4" s="591"/>
      <c r="S4" s="591"/>
      <c r="T4" s="591"/>
      <c r="U4" s="592"/>
      <c r="V4" s="593" t="s">
        <v>52</v>
      </c>
      <c r="W4" s="587" t="s">
        <v>61</v>
      </c>
      <c r="X4" s="588"/>
      <c r="Y4" s="589"/>
      <c r="Z4" s="590" t="s">
        <v>62</v>
      </c>
      <c r="AA4" s="591"/>
      <c r="AB4" s="591"/>
      <c r="AC4" s="591"/>
      <c r="AD4" s="591"/>
      <c r="AE4" s="592"/>
      <c r="AF4" s="602" t="s">
        <v>52</v>
      </c>
      <c r="AG4" s="587" t="s">
        <v>61</v>
      </c>
      <c r="AH4" s="588"/>
      <c r="AI4" s="589"/>
      <c r="AJ4" s="590" t="s">
        <v>62</v>
      </c>
      <c r="AK4" s="591"/>
      <c r="AL4" s="591"/>
      <c r="AM4" s="591"/>
      <c r="AN4" s="591"/>
      <c r="AO4" s="592"/>
      <c r="AP4" s="593" t="s">
        <v>52</v>
      </c>
    </row>
    <row r="5" spans="2:43" ht="30" customHeight="1" thickBot="1" x14ac:dyDescent="0.25">
      <c r="B5" s="336" t="s">
        <v>42</v>
      </c>
      <c r="C5" s="26" t="s">
        <v>43</v>
      </c>
      <c r="D5" s="27" t="s">
        <v>44</v>
      </c>
      <c r="E5" s="27" t="s">
        <v>45</v>
      </c>
      <c r="F5" s="28" t="s">
        <v>47</v>
      </c>
      <c r="G5" s="29" t="s">
        <v>48</v>
      </c>
      <c r="H5" s="29" t="s">
        <v>49</v>
      </c>
      <c r="I5" s="30" t="s">
        <v>50</v>
      </c>
      <c r="J5" s="27" t="s">
        <v>51</v>
      </c>
      <c r="K5" s="31" t="s">
        <v>95</v>
      </c>
      <c r="L5" s="603"/>
      <c r="M5" s="26" t="s">
        <v>43</v>
      </c>
      <c r="N5" s="27" t="s">
        <v>44</v>
      </c>
      <c r="O5" s="31" t="s">
        <v>45</v>
      </c>
      <c r="P5" s="12" t="s">
        <v>47</v>
      </c>
      <c r="Q5" s="29" t="s">
        <v>48</v>
      </c>
      <c r="R5" s="29" t="s">
        <v>49</v>
      </c>
      <c r="S5" s="30" t="s">
        <v>50</v>
      </c>
      <c r="T5" s="27" t="s">
        <v>51</v>
      </c>
      <c r="U5" s="31" t="s">
        <v>45</v>
      </c>
      <c r="V5" s="594"/>
      <c r="W5" s="26" t="s">
        <v>43</v>
      </c>
      <c r="X5" s="27" t="s">
        <v>44</v>
      </c>
      <c r="Y5" s="27" t="s">
        <v>45</v>
      </c>
      <c r="Z5" s="28" t="s">
        <v>47</v>
      </c>
      <c r="AA5" s="29" t="s">
        <v>48</v>
      </c>
      <c r="AB5" s="29" t="s">
        <v>49</v>
      </c>
      <c r="AC5" s="30" t="s">
        <v>50</v>
      </c>
      <c r="AD5" s="27" t="s">
        <v>51</v>
      </c>
      <c r="AE5" s="31" t="s">
        <v>45</v>
      </c>
      <c r="AF5" s="603"/>
      <c r="AG5" s="26" t="s">
        <v>43</v>
      </c>
      <c r="AH5" s="27" t="s">
        <v>44</v>
      </c>
      <c r="AI5" s="27" t="s">
        <v>45</v>
      </c>
      <c r="AJ5" s="28" t="s">
        <v>47</v>
      </c>
      <c r="AK5" s="29" t="s">
        <v>48</v>
      </c>
      <c r="AL5" s="29" t="s">
        <v>49</v>
      </c>
      <c r="AM5" s="30" t="s">
        <v>50</v>
      </c>
      <c r="AN5" s="27" t="s">
        <v>51</v>
      </c>
      <c r="AO5" s="31" t="s">
        <v>45</v>
      </c>
      <c r="AP5" s="594"/>
    </row>
    <row r="6" spans="2:43" ht="21" customHeight="1" x14ac:dyDescent="0.2">
      <c r="B6" s="466" t="s">
        <v>4</v>
      </c>
      <c r="C6" s="172">
        <v>0</v>
      </c>
      <c r="D6" s="173">
        <v>0</v>
      </c>
      <c r="E6" s="173">
        <v>0</v>
      </c>
      <c r="F6" s="174">
        <v>11</v>
      </c>
      <c r="G6" s="175">
        <v>36</v>
      </c>
      <c r="H6" s="175">
        <v>286</v>
      </c>
      <c r="I6" s="175">
        <v>396</v>
      </c>
      <c r="J6" s="173">
        <v>275</v>
      </c>
      <c r="K6" s="176">
        <v>1004</v>
      </c>
      <c r="L6" s="177">
        <v>1004</v>
      </c>
      <c r="M6" s="172">
        <v>0</v>
      </c>
      <c r="N6" s="173">
        <v>0</v>
      </c>
      <c r="O6" s="176">
        <v>0</v>
      </c>
      <c r="P6" s="179">
        <v>57</v>
      </c>
      <c r="Q6" s="175">
        <v>140</v>
      </c>
      <c r="R6" s="175">
        <v>186</v>
      </c>
      <c r="S6" s="175">
        <v>239</v>
      </c>
      <c r="T6" s="173">
        <v>127</v>
      </c>
      <c r="U6" s="176">
        <v>749</v>
      </c>
      <c r="V6" s="180">
        <v>749</v>
      </c>
      <c r="W6" s="179">
        <v>0</v>
      </c>
      <c r="X6" s="173">
        <v>0</v>
      </c>
      <c r="Y6" s="173">
        <v>0</v>
      </c>
      <c r="Z6" s="174">
        <v>0</v>
      </c>
      <c r="AA6" s="175">
        <v>0</v>
      </c>
      <c r="AB6" s="175">
        <v>1</v>
      </c>
      <c r="AC6" s="175">
        <v>5</v>
      </c>
      <c r="AD6" s="173">
        <v>9</v>
      </c>
      <c r="AE6" s="176">
        <v>15</v>
      </c>
      <c r="AF6" s="177">
        <v>15</v>
      </c>
      <c r="AG6" s="172">
        <v>0</v>
      </c>
      <c r="AH6" s="173">
        <v>0</v>
      </c>
      <c r="AI6" s="173">
        <v>0</v>
      </c>
      <c r="AJ6" s="174">
        <v>0</v>
      </c>
      <c r="AK6" s="175">
        <v>2</v>
      </c>
      <c r="AL6" s="175">
        <v>4</v>
      </c>
      <c r="AM6" s="175">
        <v>10</v>
      </c>
      <c r="AN6" s="173">
        <v>27</v>
      </c>
      <c r="AO6" s="176">
        <v>43</v>
      </c>
      <c r="AP6" s="178">
        <v>43</v>
      </c>
      <c r="AQ6" s="32"/>
    </row>
    <row r="7" spans="2:43" ht="21" customHeight="1" x14ac:dyDescent="0.2">
      <c r="B7" s="467" t="s">
        <v>5</v>
      </c>
      <c r="C7" s="181">
        <v>0</v>
      </c>
      <c r="D7" s="182">
        <v>0</v>
      </c>
      <c r="E7" s="182">
        <v>0</v>
      </c>
      <c r="F7" s="183">
        <v>7</v>
      </c>
      <c r="G7" s="184">
        <v>23</v>
      </c>
      <c r="H7" s="184">
        <v>151</v>
      </c>
      <c r="I7" s="184">
        <v>168</v>
      </c>
      <c r="J7" s="182">
        <v>116</v>
      </c>
      <c r="K7" s="185">
        <v>465</v>
      </c>
      <c r="L7" s="186">
        <v>465</v>
      </c>
      <c r="M7" s="181">
        <v>0</v>
      </c>
      <c r="N7" s="182">
        <v>0</v>
      </c>
      <c r="O7" s="185">
        <v>0</v>
      </c>
      <c r="P7" s="188">
        <v>25</v>
      </c>
      <c r="Q7" s="184">
        <v>73</v>
      </c>
      <c r="R7" s="184">
        <v>86</v>
      </c>
      <c r="S7" s="184">
        <v>110</v>
      </c>
      <c r="T7" s="182">
        <v>70</v>
      </c>
      <c r="U7" s="185">
        <v>364</v>
      </c>
      <c r="V7" s="189">
        <v>364</v>
      </c>
      <c r="W7" s="188">
        <v>0</v>
      </c>
      <c r="X7" s="182">
        <v>0</v>
      </c>
      <c r="Y7" s="182">
        <v>0</v>
      </c>
      <c r="Z7" s="183">
        <v>0</v>
      </c>
      <c r="AA7" s="184">
        <v>0</v>
      </c>
      <c r="AB7" s="184">
        <v>0</v>
      </c>
      <c r="AC7" s="184">
        <v>1</v>
      </c>
      <c r="AD7" s="182">
        <v>4</v>
      </c>
      <c r="AE7" s="185">
        <v>5</v>
      </c>
      <c r="AF7" s="186">
        <v>5</v>
      </c>
      <c r="AG7" s="181">
        <v>0</v>
      </c>
      <c r="AH7" s="182">
        <v>0</v>
      </c>
      <c r="AI7" s="182">
        <v>0</v>
      </c>
      <c r="AJ7" s="183">
        <v>0</v>
      </c>
      <c r="AK7" s="184">
        <v>0</v>
      </c>
      <c r="AL7" s="184">
        <v>3</v>
      </c>
      <c r="AM7" s="184">
        <v>6</v>
      </c>
      <c r="AN7" s="182">
        <v>10</v>
      </c>
      <c r="AO7" s="185">
        <v>19</v>
      </c>
      <c r="AP7" s="187">
        <v>19</v>
      </c>
      <c r="AQ7" s="32"/>
    </row>
    <row r="8" spans="2:43" ht="21" customHeight="1" x14ac:dyDescent="0.2">
      <c r="B8" s="468" t="s">
        <v>6</v>
      </c>
      <c r="C8" s="181">
        <v>0</v>
      </c>
      <c r="D8" s="182">
        <v>0</v>
      </c>
      <c r="E8" s="182">
        <v>0</v>
      </c>
      <c r="F8" s="183">
        <v>2</v>
      </c>
      <c r="G8" s="184">
        <v>4</v>
      </c>
      <c r="H8" s="184">
        <v>36</v>
      </c>
      <c r="I8" s="184">
        <v>48</v>
      </c>
      <c r="J8" s="182">
        <v>41</v>
      </c>
      <c r="K8" s="185">
        <v>131</v>
      </c>
      <c r="L8" s="186">
        <v>131</v>
      </c>
      <c r="M8" s="181">
        <v>0</v>
      </c>
      <c r="N8" s="182">
        <v>0</v>
      </c>
      <c r="O8" s="185">
        <v>0</v>
      </c>
      <c r="P8" s="188">
        <v>13</v>
      </c>
      <c r="Q8" s="184">
        <v>11</v>
      </c>
      <c r="R8" s="184">
        <v>22</v>
      </c>
      <c r="S8" s="184">
        <v>46</v>
      </c>
      <c r="T8" s="182">
        <v>20</v>
      </c>
      <c r="U8" s="185">
        <v>112</v>
      </c>
      <c r="V8" s="189">
        <v>112</v>
      </c>
      <c r="W8" s="188">
        <v>0</v>
      </c>
      <c r="X8" s="182">
        <v>0</v>
      </c>
      <c r="Y8" s="182">
        <v>0</v>
      </c>
      <c r="Z8" s="183">
        <v>0</v>
      </c>
      <c r="AA8" s="184">
        <v>0</v>
      </c>
      <c r="AB8" s="184">
        <v>1</v>
      </c>
      <c r="AC8" s="184">
        <v>3</v>
      </c>
      <c r="AD8" s="182">
        <v>3</v>
      </c>
      <c r="AE8" s="185">
        <v>7</v>
      </c>
      <c r="AF8" s="186">
        <v>7</v>
      </c>
      <c r="AG8" s="181">
        <v>0</v>
      </c>
      <c r="AH8" s="182">
        <v>0</v>
      </c>
      <c r="AI8" s="182">
        <v>0</v>
      </c>
      <c r="AJ8" s="183">
        <v>0</v>
      </c>
      <c r="AK8" s="184">
        <v>0</v>
      </c>
      <c r="AL8" s="184">
        <v>0</v>
      </c>
      <c r="AM8" s="184">
        <v>1</v>
      </c>
      <c r="AN8" s="182">
        <v>4</v>
      </c>
      <c r="AO8" s="185">
        <v>5</v>
      </c>
      <c r="AP8" s="187">
        <v>5</v>
      </c>
      <c r="AQ8" s="32"/>
    </row>
    <row r="9" spans="2:43" ht="21" customHeight="1" x14ac:dyDescent="0.2">
      <c r="B9" s="468" t="s">
        <v>14</v>
      </c>
      <c r="C9" s="181">
        <v>0</v>
      </c>
      <c r="D9" s="182">
        <v>0</v>
      </c>
      <c r="E9" s="182">
        <v>0</v>
      </c>
      <c r="F9" s="183">
        <v>0</v>
      </c>
      <c r="G9" s="184">
        <v>0</v>
      </c>
      <c r="H9" s="184">
        <v>22</v>
      </c>
      <c r="I9" s="184">
        <v>32</v>
      </c>
      <c r="J9" s="182">
        <v>21</v>
      </c>
      <c r="K9" s="185">
        <v>75</v>
      </c>
      <c r="L9" s="186">
        <v>75</v>
      </c>
      <c r="M9" s="181">
        <v>0</v>
      </c>
      <c r="N9" s="182">
        <v>0</v>
      </c>
      <c r="O9" s="185">
        <v>0</v>
      </c>
      <c r="P9" s="188">
        <v>1</v>
      </c>
      <c r="Q9" s="184">
        <v>12</v>
      </c>
      <c r="R9" s="184">
        <v>10</v>
      </c>
      <c r="S9" s="184">
        <v>16</v>
      </c>
      <c r="T9" s="182">
        <v>8</v>
      </c>
      <c r="U9" s="185">
        <v>47</v>
      </c>
      <c r="V9" s="189">
        <v>47</v>
      </c>
      <c r="W9" s="188">
        <v>0</v>
      </c>
      <c r="X9" s="182">
        <v>0</v>
      </c>
      <c r="Y9" s="182">
        <v>0</v>
      </c>
      <c r="Z9" s="183">
        <v>0</v>
      </c>
      <c r="AA9" s="184">
        <v>0</v>
      </c>
      <c r="AB9" s="184">
        <v>0</v>
      </c>
      <c r="AC9" s="184">
        <v>1</v>
      </c>
      <c r="AD9" s="182">
        <v>1</v>
      </c>
      <c r="AE9" s="185">
        <v>2</v>
      </c>
      <c r="AF9" s="186">
        <v>2</v>
      </c>
      <c r="AG9" s="181">
        <v>0</v>
      </c>
      <c r="AH9" s="182">
        <v>0</v>
      </c>
      <c r="AI9" s="182">
        <v>0</v>
      </c>
      <c r="AJ9" s="183">
        <v>0</v>
      </c>
      <c r="AK9" s="184">
        <v>0</v>
      </c>
      <c r="AL9" s="184">
        <v>1</v>
      </c>
      <c r="AM9" s="184">
        <v>0</v>
      </c>
      <c r="AN9" s="182">
        <v>4</v>
      </c>
      <c r="AO9" s="185">
        <v>5</v>
      </c>
      <c r="AP9" s="187">
        <v>5</v>
      </c>
      <c r="AQ9" s="32"/>
    </row>
    <row r="10" spans="2:43" ht="21" customHeight="1" x14ac:dyDescent="0.2">
      <c r="B10" s="468" t="s">
        <v>7</v>
      </c>
      <c r="C10" s="181">
        <v>0</v>
      </c>
      <c r="D10" s="182">
        <v>0</v>
      </c>
      <c r="E10" s="182">
        <v>0</v>
      </c>
      <c r="F10" s="183">
        <v>0</v>
      </c>
      <c r="G10" s="184">
        <v>1</v>
      </c>
      <c r="H10" s="184">
        <v>8</v>
      </c>
      <c r="I10" s="184">
        <v>17</v>
      </c>
      <c r="J10" s="182">
        <v>9</v>
      </c>
      <c r="K10" s="185">
        <v>35</v>
      </c>
      <c r="L10" s="186">
        <v>35</v>
      </c>
      <c r="M10" s="181">
        <v>0</v>
      </c>
      <c r="N10" s="182">
        <v>0</v>
      </c>
      <c r="O10" s="185">
        <v>0</v>
      </c>
      <c r="P10" s="188">
        <v>2</v>
      </c>
      <c r="Q10" s="184">
        <v>2</v>
      </c>
      <c r="R10" s="184">
        <v>6</v>
      </c>
      <c r="S10" s="184">
        <v>5</v>
      </c>
      <c r="T10" s="182">
        <v>0</v>
      </c>
      <c r="U10" s="185">
        <v>15</v>
      </c>
      <c r="V10" s="189">
        <v>15</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68" t="s">
        <v>8</v>
      </c>
      <c r="C11" s="181">
        <v>0</v>
      </c>
      <c r="D11" s="182">
        <v>0</v>
      </c>
      <c r="E11" s="182">
        <v>0</v>
      </c>
      <c r="F11" s="183">
        <v>0</v>
      </c>
      <c r="G11" s="184">
        <v>2</v>
      </c>
      <c r="H11" s="184">
        <v>5</v>
      </c>
      <c r="I11" s="184">
        <v>7</v>
      </c>
      <c r="J11" s="182">
        <v>5</v>
      </c>
      <c r="K11" s="185">
        <v>19</v>
      </c>
      <c r="L11" s="186">
        <v>19</v>
      </c>
      <c r="M11" s="181">
        <v>0</v>
      </c>
      <c r="N11" s="182">
        <v>0</v>
      </c>
      <c r="O11" s="185">
        <v>0</v>
      </c>
      <c r="P11" s="188">
        <v>0</v>
      </c>
      <c r="Q11" s="184">
        <v>1</v>
      </c>
      <c r="R11" s="184">
        <v>6</v>
      </c>
      <c r="S11" s="184">
        <v>3</v>
      </c>
      <c r="T11" s="182">
        <v>1</v>
      </c>
      <c r="U11" s="185">
        <v>11</v>
      </c>
      <c r="V11" s="189">
        <v>11</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0</v>
      </c>
      <c r="AM11" s="184">
        <v>0</v>
      </c>
      <c r="AN11" s="182">
        <v>0</v>
      </c>
      <c r="AO11" s="185">
        <v>1</v>
      </c>
      <c r="AP11" s="187">
        <v>1</v>
      </c>
      <c r="AQ11" s="32"/>
    </row>
    <row r="12" spans="2:43" ht="21" customHeight="1" x14ac:dyDescent="0.2">
      <c r="B12" s="468" t="s">
        <v>9</v>
      </c>
      <c r="C12" s="181">
        <v>0</v>
      </c>
      <c r="D12" s="182">
        <v>0</v>
      </c>
      <c r="E12" s="182">
        <v>0</v>
      </c>
      <c r="F12" s="183">
        <v>1</v>
      </c>
      <c r="G12" s="184">
        <v>0</v>
      </c>
      <c r="H12" s="184">
        <v>5</v>
      </c>
      <c r="I12" s="184">
        <v>18</v>
      </c>
      <c r="J12" s="182">
        <v>12</v>
      </c>
      <c r="K12" s="185">
        <v>36</v>
      </c>
      <c r="L12" s="186">
        <v>36</v>
      </c>
      <c r="M12" s="181">
        <v>0</v>
      </c>
      <c r="N12" s="182">
        <v>0</v>
      </c>
      <c r="O12" s="185">
        <v>0</v>
      </c>
      <c r="P12" s="188">
        <v>3</v>
      </c>
      <c r="Q12" s="184">
        <v>6</v>
      </c>
      <c r="R12" s="184">
        <v>7</v>
      </c>
      <c r="S12" s="184">
        <v>6</v>
      </c>
      <c r="T12" s="182">
        <v>7</v>
      </c>
      <c r="U12" s="185">
        <v>29</v>
      </c>
      <c r="V12" s="189">
        <v>29</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68" t="s">
        <v>10</v>
      </c>
      <c r="C13" s="181">
        <v>0</v>
      </c>
      <c r="D13" s="182">
        <v>0</v>
      </c>
      <c r="E13" s="182">
        <v>0</v>
      </c>
      <c r="F13" s="183">
        <v>0</v>
      </c>
      <c r="G13" s="184">
        <v>2</v>
      </c>
      <c r="H13" s="184">
        <v>13</v>
      </c>
      <c r="I13" s="184">
        <v>16</v>
      </c>
      <c r="J13" s="182">
        <v>18</v>
      </c>
      <c r="K13" s="185">
        <v>49</v>
      </c>
      <c r="L13" s="186">
        <v>49</v>
      </c>
      <c r="M13" s="181">
        <v>0</v>
      </c>
      <c r="N13" s="182">
        <v>0</v>
      </c>
      <c r="O13" s="185">
        <v>0</v>
      </c>
      <c r="P13" s="188">
        <v>2</v>
      </c>
      <c r="Q13" s="184">
        <v>2</v>
      </c>
      <c r="R13" s="184">
        <v>5</v>
      </c>
      <c r="S13" s="184">
        <v>8</v>
      </c>
      <c r="T13" s="182">
        <v>2</v>
      </c>
      <c r="U13" s="185">
        <v>19</v>
      </c>
      <c r="V13" s="189">
        <v>19</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68" t="s">
        <v>11</v>
      </c>
      <c r="C14" s="181">
        <v>0</v>
      </c>
      <c r="D14" s="182">
        <v>0</v>
      </c>
      <c r="E14" s="182">
        <v>0</v>
      </c>
      <c r="F14" s="183">
        <v>0</v>
      </c>
      <c r="G14" s="184">
        <v>0</v>
      </c>
      <c r="H14" s="184">
        <v>7</v>
      </c>
      <c r="I14" s="184">
        <v>8</v>
      </c>
      <c r="J14" s="182">
        <v>6</v>
      </c>
      <c r="K14" s="185">
        <v>21</v>
      </c>
      <c r="L14" s="186">
        <v>21</v>
      </c>
      <c r="M14" s="181">
        <v>0</v>
      </c>
      <c r="N14" s="182">
        <v>0</v>
      </c>
      <c r="O14" s="185">
        <v>0</v>
      </c>
      <c r="P14" s="188">
        <v>1</v>
      </c>
      <c r="Q14" s="184">
        <v>3</v>
      </c>
      <c r="R14" s="184">
        <v>6</v>
      </c>
      <c r="S14" s="184">
        <v>3</v>
      </c>
      <c r="T14" s="182">
        <v>0</v>
      </c>
      <c r="U14" s="185">
        <v>13</v>
      </c>
      <c r="V14" s="189">
        <v>13</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1</v>
      </c>
      <c r="AL14" s="184">
        <v>0</v>
      </c>
      <c r="AM14" s="184">
        <v>0</v>
      </c>
      <c r="AN14" s="182">
        <v>0</v>
      </c>
      <c r="AO14" s="185">
        <v>1</v>
      </c>
      <c r="AP14" s="187">
        <v>1</v>
      </c>
      <c r="AQ14" s="32"/>
    </row>
    <row r="15" spans="2:43" ht="21" customHeight="1" x14ac:dyDescent="0.2">
      <c r="B15" s="468" t="s">
        <v>12</v>
      </c>
      <c r="C15" s="181">
        <v>0</v>
      </c>
      <c r="D15" s="182">
        <v>0</v>
      </c>
      <c r="E15" s="182">
        <v>0</v>
      </c>
      <c r="F15" s="183">
        <v>0</v>
      </c>
      <c r="G15" s="184">
        <v>0</v>
      </c>
      <c r="H15" s="184">
        <v>1</v>
      </c>
      <c r="I15" s="184">
        <v>13</v>
      </c>
      <c r="J15" s="182">
        <v>2</v>
      </c>
      <c r="K15" s="185">
        <v>16</v>
      </c>
      <c r="L15" s="186">
        <v>16</v>
      </c>
      <c r="M15" s="181">
        <v>0</v>
      </c>
      <c r="N15" s="182">
        <v>0</v>
      </c>
      <c r="O15" s="185">
        <v>0</v>
      </c>
      <c r="P15" s="188">
        <v>0</v>
      </c>
      <c r="Q15" s="184">
        <v>5</v>
      </c>
      <c r="R15" s="184">
        <v>2</v>
      </c>
      <c r="S15" s="184">
        <v>5</v>
      </c>
      <c r="T15" s="182">
        <v>4</v>
      </c>
      <c r="U15" s="185">
        <v>16</v>
      </c>
      <c r="V15" s="189">
        <v>16</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2</v>
      </c>
      <c r="AN15" s="182">
        <v>0</v>
      </c>
      <c r="AO15" s="185">
        <v>2</v>
      </c>
      <c r="AP15" s="187">
        <v>2</v>
      </c>
      <c r="AQ15" s="32"/>
    </row>
    <row r="16" spans="2:43" ht="21" customHeight="1" x14ac:dyDescent="0.2">
      <c r="B16" s="468" t="s">
        <v>13</v>
      </c>
      <c r="C16" s="181">
        <v>0</v>
      </c>
      <c r="D16" s="182">
        <v>0</v>
      </c>
      <c r="E16" s="182">
        <v>0</v>
      </c>
      <c r="F16" s="183">
        <v>0</v>
      </c>
      <c r="G16" s="184">
        <v>0</v>
      </c>
      <c r="H16" s="184">
        <v>0</v>
      </c>
      <c r="I16" s="184">
        <v>6</v>
      </c>
      <c r="J16" s="182">
        <v>5</v>
      </c>
      <c r="K16" s="185">
        <v>11</v>
      </c>
      <c r="L16" s="186">
        <v>11</v>
      </c>
      <c r="M16" s="181">
        <v>0</v>
      </c>
      <c r="N16" s="182">
        <v>0</v>
      </c>
      <c r="O16" s="185">
        <v>0</v>
      </c>
      <c r="P16" s="188">
        <v>0</v>
      </c>
      <c r="Q16" s="184">
        <v>3</v>
      </c>
      <c r="R16" s="184">
        <v>1</v>
      </c>
      <c r="S16" s="184">
        <v>1</v>
      </c>
      <c r="T16" s="182">
        <v>2</v>
      </c>
      <c r="U16" s="185">
        <v>7</v>
      </c>
      <c r="V16" s="189">
        <v>7</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68" t="s">
        <v>15</v>
      </c>
      <c r="C17" s="181">
        <v>0</v>
      </c>
      <c r="D17" s="182">
        <v>0</v>
      </c>
      <c r="E17" s="182">
        <v>0</v>
      </c>
      <c r="F17" s="183">
        <v>0</v>
      </c>
      <c r="G17" s="184">
        <v>0</v>
      </c>
      <c r="H17" s="184">
        <v>0</v>
      </c>
      <c r="I17" s="184">
        <v>0</v>
      </c>
      <c r="J17" s="182">
        <v>2</v>
      </c>
      <c r="K17" s="185">
        <v>2</v>
      </c>
      <c r="L17" s="186">
        <v>2</v>
      </c>
      <c r="M17" s="181">
        <v>0</v>
      </c>
      <c r="N17" s="182">
        <v>0</v>
      </c>
      <c r="O17" s="185">
        <v>0</v>
      </c>
      <c r="P17" s="188">
        <v>0</v>
      </c>
      <c r="Q17" s="184">
        <v>0</v>
      </c>
      <c r="R17" s="184">
        <v>2</v>
      </c>
      <c r="S17" s="184">
        <v>1</v>
      </c>
      <c r="T17" s="182">
        <v>0</v>
      </c>
      <c r="U17" s="185">
        <v>3</v>
      </c>
      <c r="V17" s="189">
        <v>3</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68" t="s">
        <v>16</v>
      </c>
      <c r="C18" s="181">
        <v>0</v>
      </c>
      <c r="D18" s="182">
        <v>0</v>
      </c>
      <c r="E18" s="182">
        <v>0</v>
      </c>
      <c r="F18" s="183">
        <v>0</v>
      </c>
      <c r="G18" s="184">
        <v>0</v>
      </c>
      <c r="H18" s="184">
        <v>6</v>
      </c>
      <c r="I18" s="184">
        <v>8</v>
      </c>
      <c r="J18" s="182">
        <v>3</v>
      </c>
      <c r="K18" s="185">
        <v>17</v>
      </c>
      <c r="L18" s="186">
        <v>17</v>
      </c>
      <c r="M18" s="181">
        <v>0</v>
      </c>
      <c r="N18" s="182">
        <v>0</v>
      </c>
      <c r="O18" s="185">
        <v>0</v>
      </c>
      <c r="P18" s="188">
        <v>1</v>
      </c>
      <c r="Q18" s="184">
        <v>1</v>
      </c>
      <c r="R18" s="184">
        <v>4</v>
      </c>
      <c r="S18" s="184">
        <v>2</v>
      </c>
      <c r="T18" s="182">
        <v>1</v>
      </c>
      <c r="U18" s="185">
        <v>9</v>
      </c>
      <c r="V18" s="189">
        <v>9</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68" t="s">
        <v>17</v>
      </c>
      <c r="C19" s="181">
        <v>0</v>
      </c>
      <c r="D19" s="182">
        <v>0</v>
      </c>
      <c r="E19" s="182">
        <v>0</v>
      </c>
      <c r="F19" s="183">
        <v>0</v>
      </c>
      <c r="G19" s="184">
        <v>1</v>
      </c>
      <c r="H19" s="184">
        <v>5</v>
      </c>
      <c r="I19" s="184">
        <v>5</v>
      </c>
      <c r="J19" s="182">
        <v>8</v>
      </c>
      <c r="K19" s="185">
        <v>19</v>
      </c>
      <c r="L19" s="186">
        <v>19</v>
      </c>
      <c r="M19" s="181">
        <v>0</v>
      </c>
      <c r="N19" s="182">
        <v>0</v>
      </c>
      <c r="O19" s="185">
        <v>0</v>
      </c>
      <c r="P19" s="188">
        <v>3</v>
      </c>
      <c r="Q19" s="184">
        <v>5</v>
      </c>
      <c r="R19" s="184">
        <v>11</v>
      </c>
      <c r="S19" s="184">
        <v>7</v>
      </c>
      <c r="T19" s="182">
        <v>2</v>
      </c>
      <c r="U19" s="185">
        <v>28</v>
      </c>
      <c r="V19" s="189">
        <v>28</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68" t="s">
        <v>18</v>
      </c>
      <c r="C20" s="181">
        <v>0</v>
      </c>
      <c r="D20" s="182">
        <v>0</v>
      </c>
      <c r="E20" s="182">
        <v>0</v>
      </c>
      <c r="F20" s="183">
        <v>1</v>
      </c>
      <c r="G20" s="184">
        <v>1</v>
      </c>
      <c r="H20" s="184">
        <v>6</v>
      </c>
      <c r="I20" s="184">
        <v>11</v>
      </c>
      <c r="J20" s="182">
        <v>8</v>
      </c>
      <c r="K20" s="185">
        <v>27</v>
      </c>
      <c r="L20" s="186">
        <v>27</v>
      </c>
      <c r="M20" s="181">
        <v>0</v>
      </c>
      <c r="N20" s="182">
        <v>0</v>
      </c>
      <c r="O20" s="185">
        <v>0</v>
      </c>
      <c r="P20" s="188">
        <v>2</v>
      </c>
      <c r="Q20" s="184">
        <v>0</v>
      </c>
      <c r="R20" s="184">
        <v>4</v>
      </c>
      <c r="S20" s="184">
        <v>7</v>
      </c>
      <c r="T20" s="182">
        <v>3</v>
      </c>
      <c r="U20" s="185">
        <v>16</v>
      </c>
      <c r="V20" s="189">
        <v>16</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1</v>
      </c>
      <c r="AO20" s="185">
        <v>1</v>
      </c>
      <c r="AP20" s="187">
        <v>1</v>
      </c>
      <c r="AQ20" s="32"/>
    </row>
    <row r="21" spans="2:43" ht="21" customHeight="1" x14ac:dyDescent="0.2">
      <c r="B21" s="468" t="s">
        <v>19</v>
      </c>
      <c r="C21" s="181">
        <v>0</v>
      </c>
      <c r="D21" s="182">
        <v>0</v>
      </c>
      <c r="E21" s="182">
        <v>0</v>
      </c>
      <c r="F21" s="183">
        <v>0</v>
      </c>
      <c r="G21" s="184">
        <v>0</v>
      </c>
      <c r="H21" s="184">
        <v>2</v>
      </c>
      <c r="I21" s="184">
        <v>2</v>
      </c>
      <c r="J21" s="182">
        <v>3</v>
      </c>
      <c r="K21" s="185">
        <v>7</v>
      </c>
      <c r="L21" s="186">
        <v>7</v>
      </c>
      <c r="M21" s="181">
        <v>0</v>
      </c>
      <c r="N21" s="182">
        <v>0</v>
      </c>
      <c r="O21" s="185">
        <v>0</v>
      </c>
      <c r="P21" s="188">
        <v>0</v>
      </c>
      <c r="Q21" s="184">
        <v>4</v>
      </c>
      <c r="R21" s="184">
        <v>2</v>
      </c>
      <c r="S21" s="184">
        <v>2</v>
      </c>
      <c r="T21" s="182">
        <v>0</v>
      </c>
      <c r="U21" s="185">
        <v>8</v>
      </c>
      <c r="V21" s="189">
        <v>8</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1</v>
      </c>
      <c r="AO21" s="185">
        <v>1</v>
      </c>
      <c r="AP21" s="187">
        <v>1</v>
      </c>
      <c r="AQ21" s="32"/>
    </row>
    <row r="22" spans="2:43" ht="21" customHeight="1" x14ac:dyDescent="0.2">
      <c r="B22" s="468" t="s">
        <v>20</v>
      </c>
      <c r="C22" s="181">
        <v>0</v>
      </c>
      <c r="D22" s="182">
        <v>0</v>
      </c>
      <c r="E22" s="182">
        <v>0</v>
      </c>
      <c r="F22" s="183">
        <v>0</v>
      </c>
      <c r="G22" s="184">
        <v>1</v>
      </c>
      <c r="H22" s="184">
        <v>2</v>
      </c>
      <c r="I22" s="184">
        <v>12</v>
      </c>
      <c r="J22" s="182">
        <v>6</v>
      </c>
      <c r="K22" s="185">
        <v>21</v>
      </c>
      <c r="L22" s="186">
        <v>21</v>
      </c>
      <c r="M22" s="181">
        <v>0</v>
      </c>
      <c r="N22" s="182">
        <v>0</v>
      </c>
      <c r="O22" s="185">
        <v>0</v>
      </c>
      <c r="P22" s="188">
        <v>2</v>
      </c>
      <c r="Q22" s="184">
        <v>1</v>
      </c>
      <c r="R22" s="184">
        <v>2</v>
      </c>
      <c r="S22" s="184">
        <v>7</v>
      </c>
      <c r="T22" s="182">
        <v>1</v>
      </c>
      <c r="U22" s="185">
        <v>13</v>
      </c>
      <c r="V22" s="189">
        <v>13</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68" t="s">
        <v>21</v>
      </c>
      <c r="C23" s="181">
        <v>0</v>
      </c>
      <c r="D23" s="182">
        <v>0</v>
      </c>
      <c r="E23" s="182">
        <v>0</v>
      </c>
      <c r="F23" s="183">
        <v>0</v>
      </c>
      <c r="G23" s="184">
        <v>0</v>
      </c>
      <c r="H23" s="184">
        <v>4</v>
      </c>
      <c r="I23" s="184">
        <v>6</v>
      </c>
      <c r="J23" s="182">
        <v>4</v>
      </c>
      <c r="K23" s="185">
        <v>14</v>
      </c>
      <c r="L23" s="186">
        <v>14</v>
      </c>
      <c r="M23" s="181">
        <v>0</v>
      </c>
      <c r="N23" s="182">
        <v>0</v>
      </c>
      <c r="O23" s="185">
        <v>0</v>
      </c>
      <c r="P23" s="188">
        <v>0</v>
      </c>
      <c r="Q23" s="184">
        <v>3</v>
      </c>
      <c r="R23" s="184">
        <v>2</v>
      </c>
      <c r="S23" s="184">
        <v>1</v>
      </c>
      <c r="T23" s="182">
        <v>0</v>
      </c>
      <c r="U23" s="185">
        <v>6</v>
      </c>
      <c r="V23" s="189">
        <v>6</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0</v>
      </c>
      <c r="AO23" s="185">
        <v>0</v>
      </c>
      <c r="AP23" s="187">
        <v>0</v>
      </c>
      <c r="AQ23" s="32"/>
    </row>
    <row r="24" spans="2:43" ht="21" customHeight="1" x14ac:dyDescent="0.2">
      <c r="B24" s="468" t="s">
        <v>22</v>
      </c>
      <c r="C24" s="181">
        <v>0</v>
      </c>
      <c r="D24" s="182">
        <v>0</v>
      </c>
      <c r="E24" s="182">
        <v>0</v>
      </c>
      <c r="F24" s="183">
        <v>0</v>
      </c>
      <c r="G24" s="184">
        <v>1</v>
      </c>
      <c r="H24" s="184">
        <v>2</v>
      </c>
      <c r="I24" s="184">
        <v>2</v>
      </c>
      <c r="J24" s="182">
        <v>0</v>
      </c>
      <c r="K24" s="185">
        <v>5</v>
      </c>
      <c r="L24" s="186">
        <v>5</v>
      </c>
      <c r="M24" s="181">
        <v>0</v>
      </c>
      <c r="N24" s="182">
        <v>0</v>
      </c>
      <c r="O24" s="185">
        <v>0</v>
      </c>
      <c r="P24" s="188">
        <v>0</v>
      </c>
      <c r="Q24" s="184">
        <v>1</v>
      </c>
      <c r="R24" s="184">
        <v>3</v>
      </c>
      <c r="S24" s="184">
        <v>0</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68" t="s">
        <v>23</v>
      </c>
      <c r="C25" s="181">
        <v>0</v>
      </c>
      <c r="D25" s="182">
        <v>0</v>
      </c>
      <c r="E25" s="182">
        <v>0</v>
      </c>
      <c r="F25" s="183">
        <v>0</v>
      </c>
      <c r="G25" s="184">
        <v>0</v>
      </c>
      <c r="H25" s="184">
        <v>2</v>
      </c>
      <c r="I25" s="184">
        <v>4</v>
      </c>
      <c r="J25" s="182">
        <v>0</v>
      </c>
      <c r="K25" s="185">
        <v>6</v>
      </c>
      <c r="L25" s="186">
        <v>6</v>
      </c>
      <c r="M25" s="181">
        <v>0</v>
      </c>
      <c r="N25" s="182">
        <v>0</v>
      </c>
      <c r="O25" s="185">
        <v>0</v>
      </c>
      <c r="P25" s="188">
        <v>0</v>
      </c>
      <c r="Q25" s="184">
        <v>0</v>
      </c>
      <c r="R25" s="184">
        <v>0</v>
      </c>
      <c r="S25" s="184">
        <v>1</v>
      </c>
      <c r="T25" s="182">
        <v>2</v>
      </c>
      <c r="U25" s="185">
        <v>3</v>
      </c>
      <c r="V25" s="189">
        <v>3</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2</v>
      </c>
      <c r="AO25" s="185">
        <v>2</v>
      </c>
      <c r="AP25" s="187">
        <v>2</v>
      </c>
      <c r="AQ25" s="32"/>
    </row>
    <row r="26" spans="2:43" ht="21" customHeight="1" x14ac:dyDescent="0.2">
      <c r="B26" s="468" t="s">
        <v>24</v>
      </c>
      <c r="C26" s="181">
        <v>0</v>
      </c>
      <c r="D26" s="182">
        <v>0</v>
      </c>
      <c r="E26" s="182">
        <v>0</v>
      </c>
      <c r="F26" s="183">
        <v>0</v>
      </c>
      <c r="G26" s="184">
        <v>0</v>
      </c>
      <c r="H26" s="184">
        <v>1</v>
      </c>
      <c r="I26" s="184">
        <v>4</v>
      </c>
      <c r="J26" s="182">
        <v>0</v>
      </c>
      <c r="K26" s="185">
        <v>5</v>
      </c>
      <c r="L26" s="186">
        <v>5</v>
      </c>
      <c r="M26" s="181">
        <v>0</v>
      </c>
      <c r="N26" s="182">
        <v>0</v>
      </c>
      <c r="O26" s="185">
        <v>0</v>
      </c>
      <c r="P26" s="188">
        <v>0</v>
      </c>
      <c r="Q26" s="184">
        <v>0</v>
      </c>
      <c r="R26" s="184">
        <v>1</v>
      </c>
      <c r="S26" s="184">
        <v>0</v>
      </c>
      <c r="T26" s="182">
        <v>0</v>
      </c>
      <c r="U26" s="185">
        <v>1</v>
      </c>
      <c r="V26" s="189">
        <v>1</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68" t="s">
        <v>25</v>
      </c>
      <c r="C27" s="181">
        <v>0</v>
      </c>
      <c r="D27" s="182">
        <v>0</v>
      </c>
      <c r="E27" s="182">
        <v>0</v>
      </c>
      <c r="F27" s="183">
        <v>0</v>
      </c>
      <c r="G27" s="184">
        <v>0</v>
      </c>
      <c r="H27" s="184">
        <v>2</v>
      </c>
      <c r="I27" s="184">
        <v>2</v>
      </c>
      <c r="J27" s="182">
        <v>1</v>
      </c>
      <c r="K27" s="185">
        <v>5</v>
      </c>
      <c r="L27" s="186">
        <v>5</v>
      </c>
      <c r="M27" s="181">
        <v>0</v>
      </c>
      <c r="N27" s="182">
        <v>0</v>
      </c>
      <c r="O27" s="185">
        <v>0</v>
      </c>
      <c r="P27" s="188">
        <v>1</v>
      </c>
      <c r="Q27" s="184">
        <v>3</v>
      </c>
      <c r="R27" s="184">
        <v>0</v>
      </c>
      <c r="S27" s="184">
        <v>2</v>
      </c>
      <c r="T27" s="182">
        <v>0</v>
      </c>
      <c r="U27" s="185">
        <v>6</v>
      </c>
      <c r="V27" s="189">
        <v>6</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68" t="s">
        <v>26</v>
      </c>
      <c r="C28" s="181">
        <v>0</v>
      </c>
      <c r="D28" s="182">
        <v>0</v>
      </c>
      <c r="E28" s="182">
        <v>0</v>
      </c>
      <c r="F28" s="183">
        <v>0</v>
      </c>
      <c r="G28" s="184">
        <v>0</v>
      </c>
      <c r="H28" s="184">
        <v>1</v>
      </c>
      <c r="I28" s="184">
        <v>1</v>
      </c>
      <c r="J28" s="182">
        <v>1</v>
      </c>
      <c r="K28" s="185">
        <v>3</v>
      </c>
      <c r="L28" s="186">
        <v>3</v>
      </c>
      <c r="M28" s="181">
        <v>0</v>
      </c>
      <c r="N28" s="182">
        <v>0</v>
      </c>
      <c r="O28" s="185">
        <v>0</v>
      </c>
      <c r="P28" s="188">
        <v>0</v>
      </c>
      <c r="Q28" s="184">
        <v>3</v>
      </c>
      <c r="R28" s="184">
        <v>1</v>
      </c>
      <c r="S28" s="184">
        <v>2</v>
      </c>
      <c r="T28" s="182">
        <v>0</v>
      </c>
      <c r="U28" s="185">
        <v>6</v>
      </c>
      <c r="V28" s="189">
        <v>6</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68" t="s">
        <v>27</v>
      </c>
      <c r="C29" s="181">
        <v>0</v>
      </c>
      <c r="D29" s="182">
        <v>0</v>
      </c>
      <c r="E29" s="182">
        <v>0</v>
      </c>
      <c r="F29" s="183">
        <v>0</v>
      </c>
      <c r="G29" s="184">
        <v>0</v>
      </c>
      <c r="H29" s="184">
        <v>1</v>
      </c>
      <c r="I29" s="184">
        <v>1</v>
      </c>
      <c r="J29" s="182">
        <v>1</v>
      </c>
      <c r="K29" s="185">
        <v>3</v>
      </c>
      <c r="L29" s="186">
        <v>3</v>
      </c>
      <c r="M29" s="181">
        <v>0</v>
      </c>
      <c r="N29" s="182">
        <v>0</v>
      </c>
      <c r="O29" s="185">
        <v>0</v>
      </c>
      <c r="P29" s="188">
        <v>1</v>
      </c>
      <c r="Q29" s="184">
        <v>0</v>
      </c>
      <c r="R29" s="184">
        <v>0</v>
      </c>
      <c r="S29" s="184">
        <v>0</v>
      </c>
      <c r="T29" s="182">
        <v>1</v>
      </c>
      <c r="U29" s="185">
        <v>2</v>
      </c>
      <c r="V29" s="189">
        <v>2</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68"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0</v>
      </c>
      <c r="S30" s="184">
        <v>0</v>
      </c>
      <c r="T30" s="182">
        <v>0</v>
      </c>
      <c r="U30" s="185">
        <v>0</v>
      </c>
      <c r="V30" s="189">
        <v>0</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68"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1</v>
      </c>
      <c r="U31" s="185">
        <v>2</v>
      </c>
      <c r="V31" s="189">
        <v>2</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68" t="s">
        <v>30</v>
      </c>
      <c r="C32" s="181">
        <v>0</v>
      </c>
      <c r="D32" s="182">
        <v>0</v>
      </c>
      <c r="E32" s="182">
        <v>0</v>
      </c>
      <c r="F32" s="183">
        <v>0</v>
      </c>
      <c r="G32" s="184">
        <v>0</v>
      </c>
      <c r="H32" s="184">
        <v>1</v>
      </c>
      <c r="I32" s="184">
        <v>2</v>
      </c>
      <c r="J32" s="182">
        <v>0</v>
      </c>
      <c r="K32" s="185">
        <v>3</v>
      </c>
      <c r="L32" s="186">
        <v>3</v>
      </c>
      <c r="M32" s="181">
        <v>0</v>
      </c>
      <c r="N32" s="182">
        <v>0</v>
      </c>
      <c r="O32" s="185">
        <v>0</v>
      </c>
      <c r="P32" s="188">
        <v>0</v>
      </c>
      <c r="Q32" s="184">
        <v>0</v>
      </c>
      <c r="R32" s="184">
        <v>0</v>
      </c>
      <c r="S32" s="184">
        <v>0</v>
      </c>
      <c r="T32" s="182">
        <v>1</v>
      </c>
      <c r="U32" s="185">
        <v>1</v>
      </c>
      <c r="V32" s="189">
        <v>1</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68" t="s">
        <v>31</v>
      </c>
      <c r="C33" s="181">
        <v>0</v>
      </c>
      <c r="D33" s="182">
        <v>0</v>
      </c>
      <c r="E33" s="182">
        <v>0</v>
      </c>
      <c r="F33" s="183">
        <v>0</v>
      </c>
      <c r="G33" s="184">
        <v>0</v>
      </c>
      <c r="H33" s="184">
        <v>1</v>
      </c>
      <c r="I33" s="184">
        <v>1</v>
      </c>
      <c r="J33" s="182">
        <v>1</v>
      </c>
      <c r="K33" s="185">
        <v>3</v>
      </c>
      <c r="L33" s="186">
        <v>3</v>
      </c>
      <c r="M33" s="181">
        <v>0</v>
      </c>
      <c r="N33" s="182">
        <v>0</v>
      </c>
      <c r="O33" s="185">
        <v>0</v>
      </c>
      <c r="P33" s="188">
        <v>0</v>
      </c>
      <c r="Q33" s="184">
        <v>1</v>
      </c>
      <c r="R33" s="184">
        <v>1</v>
      </c>
      <c r="S33" s="184">
        <v>0</v>
      </c>
      <c r="T33" s="182">
        <v>0</v>
      </c>
      <c r="U33" s="185">
        <v>2</v>
      </c>
      <c r="V33" s="189">
        <v>2</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68" t="s">
        <v>32</v>
      </c>
      <c r="C34" s="181">
        <v>0</v>
      </c>
      <c r="D34" s="182">
        <v>0</v>
      </c>
      <c r="E34" s="182">
        <v>0</v>
      </c>
      <c r="F34" s="183">
        <v>0</v>
      </c>
      <c r="G34" s="184">
        <v>0</v>
      </c>
      <c r="H34" s="184">
        <v>1</v>
      </c>
      <c r="I34" s="184">
        <v>0</v>
      </c>
      <c r="J34" s="182">
        <v>1</v>
      </c>
      <c r="K34" s="185">
        <v>2</v>
      </c>
      <c r="L34" s="186">
        <v>2</v>
      </c>
      <c r="M34" s="181">
        <v>0</v>
      </c>
      <c r="N34" s="182">
        <v>0</v>
      </c>
      <c r="O34" s="185">
        <v>0</v>
      </c>
      <c r="P34" s="188">
        <v>0</v>
      </c>
      <c r="Q34" s="184">
        <v>0</v>
      </c>
      <c r="R34" s="184">
        <v>0</v>
      </c>
      <c r="S34" s="184">
        <v>1</v>
      </c>
      <c r="T34" s="182">
        <v>0</v>
      </c>
      <c r="U34" s="185">
        <v>1</v>
      </c>
      <c r="V34" s="189">
        <v>1</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68"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0</v>
      </c>
      <c r="T35" s="182">
        <v>1</v>
      </c>
      <c r="U35" s="185">
        <v>2</v>
      </c>
      <c r="V35" s="189">
        <v>2</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3</v>
      </c>
      <c r="AO35" s="185">
        <v>4</v>
      </c>
      <c r="AP35" s="187">
        <v>4</v>
      </c>
      <c r="AQ35" s="32"/>
    </row>
    <row r="36" spans="2:43" ht="21" customHeight="1" x14ac:dyDescent="0.2">
      <c r="B36" s="468" t="s">
        <v>34</v>
      </c>
      <c r="C36" s="181">
        <v>0</v>
      </c>
      <c r="D36" s="182">
        <v>0</v>
      </c>
      <c r="E36" s="182">
        <v>0</v>
      </c>
      <c r="F36" s="183">
        <v>0</v>
      </c>
      <c r="G36" s="184">
        <v>0</v>
      </c>
      <c r="H36" s="184">
        <v>0</v>
      </c>
      <c r="I36" s="184">
        <v>0</v>
      </c>
      <c r="J36" s="182">
        <v>0</v>
      </c>
      <c r="K36" s="185">
        <v>0</v>
      </c>
      <c r="L36" s="186">
        <v>0</v>
      </c>
      <c r="M36" s="181">
        <v>0</v>
      </c>
      <c r="N36" s="182">
        <v>0</v>
      </c>
      <c r="O36" s="185">
        <v>0</v>
      </c>
      <c r="P36" s="188">
        <v>0</v>
      </c>
      <c r="Q36" s="184">
        <v>0</v>
      </c>
      <c r="R36" s="184">
        <v>0</v>
      </c>
      <c r="S36" s="184">
        <v>1</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68"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68" t="s">
        <v>36</v>
      </c>
      <c r="C38" s="181">
        <v>0</v>
      </c>
      <c r="D38" s="182">
        <v>0</v>
      </c>
      <c r="E38" s="182">
        <v>0</v>
      </c>
      <c r="F38" s="183">
        <v>0</v>
      </c>
      <c r="G38" s="184">
        <v>0</v>
      </c>
      <c r="H38" s="184">
        <v>1</v>
      </c>
      <c r="I38" s="184">
        <v>0</v>
      </c>
      <c r="J38" s="182">
        <v>1</v>
      </c>
      <c r="K38" s="185">
        <v>2</v>
      </c>
      <c r="L38" s="186">
        <v>2</v>
      </c>
      <c r="M38" s="181">
        <v>0</v>
      </c>
      <c r="N38" s="182">
        <v>0</v>
      </c>
      <c r="O38" s="185">
        <v>0</v>
      </c>
      <c r="P38" s="188">
        <v>0</v>
      </c>
      <c r="Q38" s="184">
        <v>0</v>
      </c>
      <c r="R38" s="184">
        <v>1</v>
      </c>
      <c r="S38" s="184">
        <v>1</v>
      </c>
      <c r="T38" s="182">
        <v>0</v>
      </c>
      <c r="U38" s="185">
        <v>2</v>
      </c>
      <c r="V38" s="189">
        <v>2</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69"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4</v>
      </c>
      <c r="E1" s="464">
        <f>第１表!F2</f>
        <v>6</v>
      </c>
      <c r="F1" s="233">
        <f>第１表!G2</f>
        <v>1</v>
      </c>
      <c r="G1" s="687">
        <f>IF(F1&lt;3,F1-2+12,F1-2)</f>
        <v>11</v>
      </c>
      <c r="H1" s="687"/>
      <c r="IB1" s="339"/>
      <c r="IC1" s="239"/>
      <c r="ID1" s="656"/>
      <c r="IE1" s="656"/>
    </row>
    <row r="2" spans="1:409" s="39" customFormat="1" ht="24" customHeight="1" x14ac:dyDescent="0.2">
      <c r="B2" s="15" t="s">
        <v>145</v>
      </c>
      <c r="E2" s="236"/>
      <c r="F2" s="237"/>
      <c r="G2" s="692"/>
      <c r="H2" s="692"/>
      <c r="CB2" s="300"/>
      <c r="CC2" s="300"/>
      <c r="CD2" s="300"/>
      <c r="CE2" s="300"/>
      <c r="CF2" s="300"/>
      <c r="CG2" s="300"/>
      <c r="CH2" s="300"/>
      <c r="CI2" s="300"/>
      <c r="CJ2" s="300"/>
      <c r="CK2" s="300"/>
      <c r="CL2" s="300"/>
      <c r="DI2" s="300"/>
      <c r="DJ2" s="300"/>
      <c r="DK2" s="300"/>
      <c r="DL2" s="300"/>
      <c r="DM2" s="300"/>
      <c r="DN2" s="300"/>
      <c r="DO2" s="300"/>
      <c r="DP2" s="300"/>
      <c r="DQ2" s="300"/>
      <c r="DR2" s="300"/>
      <c r="DS2" s="300"/>
      <c r="FL2" s="300"/>
      <c r="FM2" s="300"/>
      <c r="FN2" s="300"/>
      <c r="FO2" s="300"/>
      <c r="FP2" s="300"/>
      <c r="FQ2" s="300"/>
      <c r="FR2" s="300"/>
      <c r="FS2" s="300"/>
      <c r="FT2" s="300"/>
      <c r="FU2" s="300"/>
      <c r="FV2" s="300"/>
      <c r="HZ2" s="34"/>
      <c r="IA2" s="34"/>
      <c r="IB2" s="238"/>
      <c r="IC2" s="239"/>
      <c r="ID2" s="342"/>
      <c r="IE2" s="342"/>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6</v>
      </c>
      <c r="CB3" s="300"/>
      <c r="CC3" s="300"/>
      <c r="CD3" s="300"/>
      <c r="CE3" s="300"/>
      <c r="CF3" s="300"/>
      <c r="CG3" s="300"/>
      <c r="CH3" s="300"/>
      <c r="CI3" s="300"/>
      <c r="CJ3" s="300"/>
      <c r="CK3" s="300"/>
      <c r="CL3" s="300"/>
      <c r="DI3" s="300"/>
      <c r="DJ3" s="300"/>
      <c r="DK3" s="300"/>
      <c r="DL3" s="300"/>
      <c r="DM3" s="300"/>
      <c r="DN3" s="300"/>
      <c r="DO3" s="300"/>
      <c r="DP3" s="300"/>
      <c r="DQ3" s="300"/>
      <c r="DR3" s="300"/>
      <c r="DS3" s="300"/>
      <c r="FL3" s="300"/>
      <c r="FM3" s="300"/>
      <c r="FN3" s="300"/>
      <c r="FO3" s="300"/>
      <c r="FP3" s="300"/>
      <c r="FQ3" s="300"/>
      <c r="FR3" s="300"/>
      <c r="FS3" s="300"/>
      <c r="FT3" s="300"/>
      <c r="FU3" s="300"/>
      <c r="FV3" s="300"/>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69" t="s">
        <v>42</v>
      </c>
      <c r="C4" s="672" t="s">
        <v>63</v>
      </c>
      <c r="D4" s="672"/>
      <c r="E4" s="672"/>
      <c r="F4" s="672"/>
      <c r="G4" s="672"/>
      <c r="H4" s="672"/>
      <c r="I4" s="672"/>
      <c r="J4" s="672"/>
      <c r="K4" s="672"/>
      <c r="L4" s="672"/>
      <c r="M4" s="672"/>
      <c r="N4" s="606"/>
      <c r="O4" s="606"/>
      <c r="P4" s="606"/>
      <c r="Q4" s="606"/>
      <c r="R4" s="606"/>
      <c r="S4" s="606"/>
      <c r="T4" s="606"/>
      <c r="U4" s="606"/>
      <c r="V4" s="606"/>
      <c r="W4" s="606"/>
      <c r="X4" s="606"/>
      <c r="Y4" s="606"/>
      <c r="Z4" s="606"/>
      <c r="AA4" s="606"/>
      <c r="AB4" s="606"/>
      <c r="AC4" s="606"/>
      <c r="AD4" s="606"/>
      <c r="AE4" s="606"/>
      <c r="AF4" s="606"/>
      <c r="AG4" s="606"/>
      <c r="AH4" s="606"/>
      <c r="AI4" s="606"/>
      <c r="AJ4" s="606"/>
      <c r="AK4" s="606"/>
      <c r="AL4" s="606"/>
      <c r="AM4" s="606"/>
      <c r="AN4" s="606"/>
      <c r="AO4" s="606"/>
      <c r="AP4" s="606"/>
      <c r="AQ4" s="606"/>
      <c r="AR4" s="606"/>
      <c r="AS4" s="606"/>
      <c r="AT4" s="606"/>
      <c r="AU4" s="606"/>
      <c r="AV4" s="606"/>
      <c r="AW4" s="606"/>
      <c r="AX4" s="606"/>
      <c r="AY4" s="606"/>
      <c r="AZ4" s="606"/>
      <c r="BA4" s="606"/>
      <c r="BB4" s="606"/>
      <c r="BC4" s="606"/>
      <c r="BD4" s="606"/>
      <c r="BE4" s="606"/>
      <c r="BF4" s="606"/>
      <c r="BG4" s="606"/>
      <c r="BH4" s="606"/>
      <c r="BI4" s="606"/>
      <c r="BJ4" s="606"/>
      <c r="BK4" s="606"/>
      <c r="BL4" s="606"/>
      <c r="BM4" s="606"/>
      <c r="BN4" s="606"/>
      <c r="BO4" s="606"/>
      <c r="BP4" s="606"/>
      <c r="BQ4" s="606"/>
      <c r="BR4" s="606"/>
      <c r="BS4" s="606"/>
      <c r="BT4" s="606"/>
      <c r="BU4" s="606"/>
      <c r="BV4" s="606"/>
      <c r="BW4" s="606"/>
      <c r="BX4" s="606"/>
      <c r="BY4" s="606"/>
      <c r="BZ4" s="606"/>
      <c r="CA4" s="606"/>
      <c r="CB4" s="606"/>
      <c r="CC4" s="606"/>
      <c r="CD4" s="606"/>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6"/>
      <c r="ED4" s="606"/>
      <c r="EE4" s="606"/>
      <c r="EF4" s="606"/>
      <c r="EG4" s="606"/>
      <c r="EH4" s="606"/>
      <c r="EI4" s="606"/>
      <c r="EJ4" s="606"/>
      <c r="EK4" s="606"/>
      <c r="EL4" s="606"/>
      <c r="EM4" s="606"/>
      <c r="EN4" s="606"/>
      <c r="EO4" s="606"/>
      <c r="EP4" s="606"/>
      <c r="EQ4" s="606"/>
      <c r="ER4" s="606"/>
      <c r="ES4" s="606"/>
      <c r="ET4" s="606"/>
      <c r="EU4" s="606"/>
      <c r="EV4" s="606"/>
      <c r="EW4" s="606"/>
      <c r="EX4" s="606"/>
      <c r="EY4" s="606"/>
      <c r="EZ4" s="606"/>
      <c r="FA4" s="606"/>
      <c r="FB4" s="606"/>
      <c r="FC4" s="606"/>
      <c r="FD4" s="606"/>
      <c r="FE4" s="606"/>
      <c r="FF4" s="606"/>
      <c r="FG4" s="606"/>
      <c r="FH4" s="606"/>
      <c r="FI4" s="606"/>
      <c r="FJ4" s="606"/>
      <c r="FK4" s="606"/>
      <c r="FL4" s="606"/>
      <c r="FM4" s="606"/>
      <c r="FN4" s="606"/>
      <c r="FO4" s="606"/>
      <c r="FP4" s="606"/>
      <c r="FQ4" s="606"/>
      <c r="FR4" s="606"/>
      <c r="FS4" s="606"/>
      <c r="FT4" s="606"/>
      <c r="FU4" s="606"/>
      <c r="FV4" s="606"/>
      <c r="FW4" s="606"/>
      <c r="FX4" s="606"/>
      <c r="FY4" s="606"/>
      <c r="FZ4" s="606"/>
      <c r="GA4" s="606"/>
      <c r="GB4" s="606"/>
      <c r="GC4" s="606"/>
      <c r="GD4" s="606"/>
      <c r="GE4" s="606"/>
      <c r="GF4" s="606"/>
      <c r="GG4" s="606"/>
      <c r="GH4" s="606"/>
      <c r="GI4" s="606"/>
      <c r="GJ4" s="606"/>
      <c r="GK4" s="606"/>
      <c r="GL4" s="606"/>
      <c r="GM4" s="606"/>
      <c r="GN4" s="606"/>
      <c r="GO4" s="606"/>
      <c r="GP4" s="606"/>
      <c r="GQ4" s="606"/>
      <c r="GR4" s="606"/>
      <c r="GS4" s="606"/>
      <c r="GT4" s="606"/>
      <c r="GU4" s="606"/>
      <c r="GV4" s="606"/>
      <c r="GW4" s="606"/>
      <c r="GX4" s="606"/>
      <c r="GY4" s="606"/>
      <c r="GZ4" s="606"/>
      <c r="HA4" s="606"/>
      <c r="HB4" s="606"/>
      <c r="HC4" s="606"/>
      <c r="HD4" s="606"/>
      <c r="HE4" s="606"/>
      <c r="HF4" s="606"/>
      <c r="HG4" s="606"/>
      <c r="HH4" s="606"/>
      <c r="HI4" s="606"/>
      <c r="HJ4" s="606"/>
      <c r="HK4" s="606"/>
      <c r="HL4" s="606"/>
      <c r="HM4" s="606"/>
      <c r="HN4" s="606"/>
      <c r="HO4" s="606"/>
      <c r="HP4" s="606"/>
      <c r="HQ4" s="606"/>
      <c r="HR4" s="606"/>
      <c r="HS4" s="606"/>
      <c r="HT4" s="606"/>
      <c r="HU4" s="606"/>
      <c r="HV4" s="606"/>
      <c r="HW4" s="606"/>
      <c r="HX4" s="606"/>
      <c r="HY4" s="607"/>
      <c r="HZ4" s="653" t="s">
        <v>85</v>
      </c>
      <c r="IA4" s="654"/>
      <c r="IB4" s="654"/>
      <c r="IC4" s="654"/>
      <c r="ID4" s="654"/>
      <c r="IE4" s="654"/>
      <c r="IF4" s="654"/>
      <c r="IG4" s="654"/>
      <c r="IH4" s="654"/>
      <c r="II4" s="654"/>
      <c r="IJ4" s="654"/>
      <c r="IK4" s="654"/>
      <c r="IL4" s="654"/>
      <c r="IM4" s="654"/>
      <c r="IN4" s="654"/>
      <c r="IO4" s="654"/>
      <c r="IP4" s="654"/>
      <c r="IQ4" s="654"/>
      <c r="IR4" s="654"/>
      <c r="IS4" s="654"/>
      <c r="IT4" s="654"/>
      <c r="IU4" s="654"/>
      <c r="IV4" s="654"/>
      <c r="IW4" s="654"/>
      <c r="IX4" s="654"/>
      <c r="IY4" s="654"/>
      <c r="IZ4" s="654"/>
      <c r="JA4" s="654"/>
      <c r="JB4" s="654"/>
      <c r="JC4" s="654"/>
      <c r="JD4" s="654"/>
      <c r="JE4" s="654"/>
      <c r="JF4" s="654"/>
      <c r="JG4" s="654"/>
      <c r="JH4" s="654"/>
      <c r="JI4" s="654"/>
      <c r="JJ4" s="654"/>
      <c r="JK4" s="654"/>
      <c r="JL4" s="654"/>
      <c r="JM4" s="654"/>
      <c r="JN4" s="654"/>
      <c r="JO4" s="654"/>
      <c r="JP4" s="654"/>
      <c r="JQ4" s="654"/>
      <c r="JR4" s="654"/>
      <c r="JS4" s="654"/>
      <c r="JT4" s="654"/>
      <c r="JU4" s="654"/>
      <c r="JV4" s="654"/>
      <c r="JW4" s="654"/>
      <c r="JX4" s="654"/>
      <c r="JY4" s="654"/>
      <c r="JZ4" s="654"/>
      <c r="KA4" s="654"/>
      <c r="KB4" s="654"/>
      <c r="KC4" s="654"/>
      <c r="KD4" s="654"/>
      <c r="KE4" s="654"/>
      <c r="KF4" s="654"/>
      <c r="KG4" s="654"/>
      <c r="KH4" s="654"/>
      <c r="KI4" s="654"/>
      <c r="KJ4" s="654"/>
      <c r="KK4" s="654"/>
      <c r="KL4" s="654"/>
      <c r="KM4" s="654"/>
      <c r="KN4" s="654"/>
      <c r="KO4" s="654"/>
      <c r="KP4" s="654"/>
      <c r="KQ4" s="654"/>
      <c r="KR4" s="654"/>
      <c r="KS4" s="654"/>
      <c r="KT4" s="654"/>
      <c r="KU4" s="654"/>
      <c r="KV4" s="654"/>
      <c r="KW4" s="654"/>
      <c r="KX4" s="654"/>
      <c r="KY4" s="654"/>
      <c r="KZ4" s="654"/>
      <c r="LA4" s="654"/>
      <c r="LB4" s="654"/>
      <c r="LC4" s="654"/>
      <c r="LD4" s="654"/>
      <c r="LE4" s="654"/>
      <c r="LF4" s="654"/>
      <c r="LG4" s="654"/>
      <c r="LH4" s="654"/>
      <c r="LI4" s="654"/>
      <c r="LJ4" s="654"/>
      <c r="LK4" s="654"/>
      <c r="LL4" s="654"/>
      <c r="LM4" s="654"/>
      <c r="LN4" s="654"/>
      <c r="LO4" s="654"/>
      <c r="LP4" s="654"/>
      <c r="LQ4" s="654"/>
      <c r="LR4" s="654"/>
      <c r="LS4" s="654"/>
      <c r="LT4" s="654"/>
      <c r="LU4" s="654"/>
      <c r="LV4" s="654"/>
      <c r="LW4" s="654"/>
      <c r="LX4" s="654"/>
      <c r="LY4" s="654"/>
      <c r="LZ4" s="654"/>
      <c r="MA4" s="654"/>
      <c r="MB4" s="654"/>
      <c r="MC4" s="654"/>
      <c r="MD4" s="654"/>
      <c r="ME4" s="655"/>
      <c r="MF4" s="653" t="s">
        <v>86</v>
      </c>
      <c r="MG4" s="654"/>
      <c r="MH4" s="654"/>
      <c r="MI4" s="654"/>
      <c r="MJ4" s="654"/>
      <c r="MK4" s="654"/>
      <c r="ML4" s="654"/>
      <c r="MM4" s="654"/>
      <c r="MN4" s="654"/>
      <c r="MO4" s="654"/>
      <c r="MP4" s="654"/>
      <c r="MQ4" s="654"/>
      <c r="MR4" s="654"/>
      <c r="MS4" s="654"/>
      <c r="MT4" s="654"/>
      <c r="MU4" s="654"/>
      <c r="MV4" s="654"/>
      <c r="MW4" s="654"/>
      <c r="MX4" s="654"/>
      <c r="MY4" s="654"/>
      <c r="MZ4" s="654"/>
      <c r="NA4" s="654"/>
      <c r="NB4" s="654"/>
      <c r="NC4" s="654"/>
      <c r="ND4" s="654"/>
      <c r="NE4" s="654"/>
      <c r="NF4" s="654"/>
      <c r="NG4" s="654"/>
      <c r="NH4" s="654"/>
      <c r="NI4" s="654"/>
      <c r="NJ4" s="654"/>
      <c r="NK4" s="654"/>
      <c r="NL4" s="654"/>
      <c r="NM4" s="654"/>
      <c r="NN4" s="654"/>
      <c r="NO4" s="654"/>
      <c r="NP4" s="654"/>
      <c r="NQ4" s="654"/>
      <c r="NR4" s="654"/>
      <c r="NS4" s="654"/>
      <c r="NT4" s="654"/>
      <c r="NU4" s="654"/>
      <c r="NV4" s="654"/>
      <c r="NW4" s="654"/>
      <c r="NX4" s="654"/>
      <c r="NY4" s="654"/>
      <c r="NZ4" s="654"/>
      <c r="OA4" s="654"/>
      <c r="OB4" s="654"/>
      <c r="OC4" s="654"/>
      <c r="OD4" s="654"/>
      <c r="OE4" s="654"/>
      <c r="OF4" s="654"/>
      <c r="OG4" s="654"/>
      <c r="OH4" s="655"/>
      <c r="OI4" s="608" t="s">
        <v>60</v>
      </c>
      <c r="OJ4" s="518"/>
      <c r="OK4" s="518"/>
      <c r="OL4" s="518"/>
      <c r="OM4" s="518"/>
      <c r="ON4" s="518"/>
      <c r="OO4" s="518"/>
      <c r="OP4" s="518"/>
      <c r="OQ4" s="518"/>
      <c r="OR4" s="518"/>
      <c r="OS4" s="519"/>
    </row>
    <row r="5" spans="1:409" ht="21" customHeight="1" thickBot="1" x14ac:dyDescent="0.25">
      <c r="B5" s="670"/>
      <c r="C5" s="673"/>
      <c r="D5" s="673"/>
      <c r="E5" s="673"/>
      <c r="F5" s="673"/>
      <c r="G5" s="673"/>
      <c r="H5" s="673"/>
      <c r="I5" s="673"/>
      <c r="J5" s="673"/>
      <c r="K5" s="673"/>
      <c r="L5" s="673"/>
      <c r="M5" s="673"/>
      <c r="N5" s="675" t="s">
        <v>64</v>
      </c>
      <c r="O5" s="676"/>
      <c r="P5" s="676"/>
      <c r="Q5" s="676"/>
      <c r="R5" s="676"/>
      <c r="S5" s="676"/>
      <c r="T5" s="676"/>
      <c r="U5" s="676"/>
      <c r="V5" s="676"/>
      <c r="W5" s="676"/>
      <c r="X5" s="676"/>
      <c r="Y5" s="676"/>
      <c r="Z5" s="676"/>
      <c r="AA5" s="676"/>
      <c r="AB5" s="676"/>
      <c r="AC5" s="676"/>
      <c r="AD5" s="676"/>
      <c r="AE5" s="676"/>
      <c r="AF5" s="676"/>
      <c r="AG5" s="676"/>
      <c r="AH5" s="676"/>
      <c r="AI5" s="676"/>
      <c r="AJ5" s="676"/>
      <c r="AK5" s="676"/>
      <c r="AL5" s="676"/>
      <c r="AM5" s="676"/>
      <c r="AN5" s="676"/>
      <c r="AO5" s="676"/>
      <c r="AP5" s="676"/>
      <c r="AQ5" s="676"/>
      <c r="AR5" s="676"/>
      <c r="AS5" s="676"/>
      <c r="AT5" s="676"/>
      <c r="AU5" s="676"/>
      <c r="AV5" s="676"/>
      <c r="AW5" s="676"/>
      <c r="AX5" s="676"/>
      <c r="AY5" s="676"/>
      <c r="AZ5" s="676"/>
      <c r="BA5" s="676"/>
      <c r="BB5" s="676"/>
      <c r="BC5" s="676"/>
      <c r="BD5" s="676"/>
      <c r="BE5" s="676"/>
      <c r="BF5" s="676"/>
      <c r="BG5" s="676"/>
      <c r="BH5" s="676"/>
      <c r="BI5" s="676"/>
      <c r="BJ5" s="676"/>
      <c r="BK5" s="676"/>
      <c r="BL5" s="676"/>
      <c r="BM5" s="676"/>
      <c r="BN5" s="676"/>
      <c r="BO5" s="676"/>
      <c r="BP5" s="676"/>
      <c r="BQ5" s="676"/>
      <c r="BR5" s="676"/>
      <c r="BS5" s="676"/>
      <c r="BT5" s="676"/>
      <c r="BU5" s="676"/>
      <c r="BV5" s="676"/>
      <c r="BW5" s="676"/>
      <c r="BX5" s="676"/>
      <c r="BY5" s="676"/>
      <c r="BZ5" s="676"/>
      <c r="CA5" s="677"/>
      <c r="CB5" s="675" t="s">
        <v>65</v>
      </c>
      <c r="CC5" s="676"/>
      <c r="CD5" s="676"/>
      <c r="CE5" s="676"/>
      <c r="CF5" s="676"/>
      <c r="CG5" s="676"/>
      <c r="CH5" s="676"/>
      <c r="CI5" s="676"/>
      <c r="CJ5" s="676"/>
      <c r="CK5" s="676"/>
      <c r="CL5" s="676"/>
      <c r="CM5" s="676"/>
      <c r="CN5" s="676"/>
      <c r="CO5" s="676"/>
      <c r="CP5" s="676"/>
      <c r="CQ5" s="676"/>
      <c r="CR5" s="676"/>
      <c r="CS5" s="676"/>
      <c r="CT5" s="676"/>
      <c r="CU5" s="676"/>
      <c r="CV5" s="676"/>
      <c r="CW5" s="676"/>
      <c r="CX5" s="676"/>
      <c r="CY5" s="676"/>
      <c r="CZ5" s="676"/>
      <c r="DA5" s="676"/>
      <c r="DB5" s="676"/>
      <c r="DC5" s="676"/>
      <c r="DD5" s="676"/>
      <c r="DE5" s="676"/>
      <c r="DF5" s="676"/>
      <c r="DG5" s="676"/>
      <c r="DH5" s="677"/>
      <c r="DI5" s="653" t="s">
        <v>66</v>
      </c>
      <c r="DJ5" s="654"/>
      <c r="DK5" s="654"/>
      <c r="DL5" s="654"/>
      <c r="DM5" s="654"/>
      <c r="DN5" s="654"/>
      <c r="DO5" s="654"/>
      <c r="DP5" s="654"/>
      <c r="DQ5" s="654"/>
      <c r="DR5" s="654"/>
      <c r="DS5" s="654"/>
      <c r="DT5" s="654"/>
      <c r="DU5" s="654"/>
      <c r="DV5" s="654"/>
      <c r="DW5" s="654"/>
      <c r="DX5" s="654"/>
      <c r="DY5" s="654"/>
      <c r="DZ5" s="654"/>
      <c r="EA5" s="654"/>
      <c r="EB5" s="654"/>
      <c r="EC5" s="654"/>
      <c r="ED5" s="654"/>
      <c r="EE5" s="654"/>
      <c r="EF5" s="654"/>
      <c r="EG5" s="654"/>
      <c r="EH5" s="654"/>
      <c r="EI5" s="654"/>
      <c r="EJ5" s="654"/>
      <c r="EK5" s="654"/>
      <c r="EL5" s="654"/>
      <c r="EM5" s="654"/>
      <c r="EN5" s="654"/>
      <c r="EO5" s="654"/>
      <c r="EP5" s="654"/>
      <c r="EQ5" s="654"/>
      <c r="ER5" s="654"/>
      <c r="ES5" s="654"/>
      <c r="ET5" s="654"/>
      <c r="EU5" s="654"/>
      <c r="EV5" s="654"/>
      <c r="EW5" s="654"/>
      <c r="EX5" s="654"/>
      <c r="EY5" s="654"/>
      <c r="EZ5" s="654"/>
      <c r="FA5" s="654"/>
      <c r="FB5" s="654"/>
      <c r="FC5" s="654"/>
      <c r="FD5" s="654"/>
      <c r="FE5" s="654"/>
      <c r="FF5" s="654"/>
      <c r="FG5" s="654"/>
      <c r="FH5" s="654"/>
      <c r="FI5" s="654"/>
      <c r="FJ5" s="654"/>
      <c r="FK5" s="655"/>
      <c r="FL5" s="675" t="s">
        <v>67</v>
      </c>
      <c r="FM5" s="676"/>
      <c r="FN5" s="676"/>
      <c r="FO5" s="676"/>
      <c r="FP5" s="676"/>
      <c r="FQ5" s="676"/>
      <c r="FR5" s="676"/>
      <c r="FS5" s="676"/>
      <c r="FT5" s="676"/>
      <c r="FU5" s="676"/>
      <c r="FV5" s="676"/>
      <c r="FW5" s="676"/>
      <c r="FX5" s="676"/>
      <c r="FY5" s="676"/>
      <c r="FZ5" s="676"/>
      <c r="GA5" s="676"/>
      <c r="GB5" s="676"/>
      <c r="GC5" s="676"/>
      <c r="GD5" s="676"/>
      <c r="GE5" s="676"/>
      <c r="GF5" s="676"/>
      <c r="GG5" s="676"/>
      <c r="GH5" s="676"/>
      <c r="GI5" s="676"/>
      <c r="GJ5" s="676"/>
      <c r="GK5" s="676"/>
      <c r="GL5" s="676"/>
      <c r="GM5" s="676"/>
      <c r="GN5" s="676"/>
      <c r="GO5" s="676"/>
      <c r="GP5" s="676"/>
      <c r="GQ5" s="676"/>
      <c r="GR5" s="676"/>
      <c r="GS5" s="676"/>
      <c r="GT5" s="676"/>
      <c r="GU5" s="676"/>
      <c r="GV5" s="676"/>
      <c r="GW5" s="676"/>
      <c r="GX5" s="676"/>
      <c r="GY5" s="676"/>
      <c r="GZ5" s="676"/>
      <c r="HA5" s="676"/>
      <c r="HB5" s="676"/>
      <c r="HC5" s="677"/>
      <c r="HD5" s="678" t="s">
        <v>68</v>
      </c>
      <c r="HE5" s="679"/>
      <c r="HF5" s="679"/>
      <c r="HG5" s="679"/>
      <c r="HH5" s="679"/>
      <c r="HI5" s="679"/>
      <c r="HJ5" s="679"/>
      <c r="HK5" s="679"/>
      <c r="HL5" s="679"/>
      <c r="HM5" s="679"/>
      <c r="HN5" s="680"/>
      <c r="HO5" s="678" t="s">
        <v>69</v>
      </c>
      <c r="HP5" s="679"/>
      <c r="HQ5" s="679"/>
      <c r="HR5" s="679"/>
      <c r="HS5" s="679"/>
      <c r="HT5" s="679"/>
      <c r="HU5" s="679"/>
      <c r="HV5" s="679"/>
      <c r="HW5" s="679"/>
      <c r="HX5" s="679"/>
      <c r="HY5" s="680"/>
      <c r="HZ5" s="632"/>
      <c r="IA5" s="633"/>
      <c r="IB5" s="633"/>
      <c r="IC5" s="633"/>
      <c r="ID5" s="633"/>
      <c r="IE5" s="633"/>
      <c r="IF5" s="633"/>
      <c r="IG5" s="633"/>
      <c r="IH5" s="633"/>
      <c r="II5" s="633"/>
      <c r="IJ5" s="634"/>
      <c r="IK5" s="608" t="s">
        <v>94</v>
      </c>
      <c r="IL5" s="518"/>
      <c r="IM5" s="518"/>
      <c r="IN5" s="518"/>
      <c r="IO5" s="518"/>
      <c r="IP5" s="518"/>
      <c r="IQ5" s="518"/>
      <c r="IR5" s="518"/>
      <c r="IS5" s="518"/>
      <c r="IT5" s="518"/>
      <c r="IU5" s="519"/>
      <c r="IV5" s="608" t="s">
        <v>88</v>
      </c>
      <c r="IW5" s="518"/>
      <c r="IX5" s="518"/>
      <c r="IY5" s="518"/>
      <c r="IZ5" s="518"/>
      <c r="JA5" s="518"/>
      <c r="JB5" s="518"/>
      <c r="JC5" s="518"/>
      <c r="JD5" s="518"/>
      <c r="JE5" s="518"/>
      <c r="JF5" s="519"/>
      <c r="JG5" s="638" t="s">
        <v>142</v>
      </c>
      <c r="JH5" s="639"/>
      <c r="JI5" s="639"/>
      <c r="JJ5" s="639"/>
      <c r="JK5" s="639"/>
      <c r="JL5" s="639"/>
      <c r="JM5" s="639"/>
      <c r="JN5" s="639"/>
      <c r="JO5" s="639"/>
      <c r="JP5" s="639"/>
      <c r="JQ5" s="640"/>
      <c r="JR5" s="608" t="s">
        <v>90</v>
      </c>
      <c r="JS5" s="518"/>
      <c r="JT5" s="518"/>
      <c r="JU5" s="518"/>
      <c r="JV5" s="518"/>
      <c r="JW5" s="518"/>
      <c r="JX5" s="518"/>
      <c r="JY5" s="518"/>
      <c r="JZ5" s="518"/>
      <c r="KA5" s="518"/>
      <c r="KB5" s="519"/>
      <c r="KC5" s="608" t="s">
        <v>89</v>
      </c>
      <c r="KD5" s="518"/>
      <c r="KE5" s="518"/>
      <c r="KF5" s="518"/>
      <c r="KG5" s="518"/>
      <c r="KH5" s="518"/>
      <c r="KI5" s="518"/>
      <c r="KJ5" s="518"/>
      <c r="KK5" s="518"/>
      <c r="KL5" s="518"/>
      <c r="KM5" s="519"/>
      <c r="KN5" s="608" t="s">
        <v>91</v>
      </c>
      <c r="KO5" s="518"/>
      <c r="KP5" s="518"/>
      <c r="KQ5" s="518"/>
      <c r="KR5" s="518"/>
      <c r="KS5" s="518"/>
      <c r="KT5" s="518"/>
      <c r="KU5" s="518"/>
      <c r="KV5" s="518"/>
      <c r="KW5" s="518"/>
      <c r="KX5" s="519"/>
      <c r="KY5" s="608" t="s">
        <v>92</v>
      </c>
      <c r="KZ5" s="518"/>
      <c r="LA5" s="518"/>
      <c r="LB5" s="518"/>
      <c r="LC5" s="518"/>
      <c r="LD5" s="518"/>
      <c r="LE5" s="518"/>
      <c r="LF5" s="518"/>
      <c r="LG5" s="518"/>
      <c r="LH5" s="518"/>
      <c r="LI5" s="519"/>
      <c r="LJ5" s="644" t="s">
        <v>93</v>
      </c>
      <c r="LK5" s="645"/>
      <c r="LL5" s="645"/>
      <c r="LM5" s="645"/>
      <c r="LN5" s="645"/>
      <c r="LO5" s="645"/>
      <c r="LP5" s="645"/>
      <c r="LQ5" s="645"/>
      <c r="LR5" s="645"/>
      <c r="LS5" s="645"/>
      <c r="LT5" s="646"/>
      <c r="LU5" s="647" t="s">
        <v>143</v>
      </c>
      <c r="LV5" s="648"/>
      <c r="LW5" s="648"/>
      <c r="LX5" s="648"/>
      <c r="LY5" s="648"/>
      <c r="LZ5" s="648"/>
      <c r="MA5" s="648"/>
      <c r="MB5" s="648"/>
      <c r="MC5" s="648"/>
      <c r="MD5" s="648"/>
      <c r="ME5" s="649"/>
      <c r="MF5" s="632"/>
      <c r="MG5" s="633"/>
      <c r="MH5" s="633"/>
      <c r="MI5" s="633"/>
      <c r="MJ5" s="633"/>
      <c r="MK5" s="633"/>
      <c r="ML5" s="633"/>
      <c r="MM5" s="633"/>
      <c r="MN5" s="633"/>
      <c r="MO5" s="633"/>
      <c r="MP5" s="634"/>
      <c r="MQ5" s="608" t="s">
        <v>57</v>
      </c>
      <c r="MR5" s="518"/>
      <c r="MS5" s="518"/>
      <c r="MT5" s="518"/>
      <c r="MU5" s="518"/>
      <c r="MV5" s="518"/>
      <c r="MW5" s="518"/>
      <c r="MX5" s="518"/>
      <c r="MY5" s="518"/>
      <c r="MZ5" s="518"/>
      <c r="NA5" s="519"/>
      <c r="NB5" s="608" t="s">
        <v>58</v>
      </c>
      <c r="NC5" s="518"/>
      <c r="ND5" s="518"/>
      <c r="NE5" s="518"/>
      <c r="NF5" s="518"/>
      <c r="NG5" s="518"/>
      <c r="NH5" s="518"/>
      <c r="NI5" s="518"/>
      <c r="NJ5" s="518"/>
      <c r="NK5" s="518"/>
      <c r="NL5" s="519"/>
      <c r="NM5" s="608" t="s">
        <v>59</v>
      </c>
      <c r="NN5" s="518"/>
      <c r="NO5" s="518"/>
      <c r="NP5" s="518"/>
      <c r="NQ5" s="518"/>
      <c r="NR5" s="518"/>
      <c r="NS5" s="518"/>
      <c r="NT5" s="518"/>
      <c r="NU5" s="518"/>
      <c r="NV5" s="518"/>
      <c r="NW5" s="519"/>
      <c r="NX5" s="657" t="s">
        <v>149</v>
      </c>
      <c r="NY5" s="658"/>
      <c r="NZ5" s="658"/>
      <c r="OA5" s="658"/>
      <c r="OB5" s="658"/>
      <c r="OC5" s="658"/>
      <c r="OD5" s="658"/>
      <c r="OE5" s="658"/>
      <c r="OF5" s="658"/>
      <c r="OG5" s="658"/>
      <c r="OH5" s="659"/>
      <c r="OI5" s="629"/>
      <c r="OJ5" s="630"/>
      <c r="OK5" s="630"/>
      <c r="OL5" s="630"/>
      <c r="OM5" s="630"/>
      <c r="ON5" s="630"/>
      <c r="OO5" s="630"/>
      <c r="OP5" s="630"/>
      <c r="OQ5" s="630"/>
      <c r="OR5" s="630"/>
      <c r="OS5" s="631"/>
    </row>
    <row r="6" spans="1:409" ht="21" customHeight="1" thickBot="1" x14ac:dyDescent="0.25">
      <c r="B6" s="670"/>
      <c r="C6" s="674"/>
      <c r="D6" s="674"/>
      <c r="E6" s="674"/>
      <c r="F6" s="674"/>
      <c r="G6" s="674"/>
      <c r="H6" s="674"/>
      <c r="I6" s="674"/>
      <c r="J6" s="674"/>
      <c r="K6" s="674"/>
      <c r="L6" s="674"/>
      <c r="M6" s="674"/>
      <c r="N6" s="609"/>
      <c r="O6" s="600"/>
      <c r="P6" s="600"/>
      <c r="Q6" s="600"/>
      <c r="R6" s="600"/>
      <c r="S6" s="600"/>
      <c r="T6" s="600"/>
      <c r="U6" s="600"/>
      <c r="V6" s="600"/>
      <c r="W6" s="600"/>
      <c r="X6" s="610"/>
      <c r="Y6" s="611" t="s">
        <v>70</v>
      </c>
      <c r="Z6" s="612"/>
      <c r="AA6" s="612"/>
      <c r="AB6" s="612"/>
      <c r="AC6" s="612"/>
      <c r="AD6" s="612"/>
      <c r="AE6" s="612"/>
      <c r="AF6" s="612"/>
      <c r="AG6" s="612"/>
      <c r="AH6" s="612"/>
      <c r="AI6" s="613"/>
      <c r="AJ6" s="678" t="s">
        <v>71</v>
      </c>
      <c r="AK6" s="679"/>
      <c r="AL6" s="679"/>
      <c r="AM6" s="679"/>
      <c r="AN6" s="679"/>
      <c r="AO6" s="679"/>
      <c r="AP6" s="679"/>
      <c r="AQ6" s="679"/>
      <c r="AR6" s="679"/>
      <c r="AS6" s="679"/>
      <c r="AT6" s="680"/>
      <c r="AU6" s="688" t="s">
        <v>72</v>
      </c>
      <c r="AV6" s="689"/>
      <c r="AW6" s="689"/>
      <c r="AX6" s="689"/>
      <c r="AY6" s="689"/>
      <c r="AZ6" s="689"/>
      <c r="BA6" s="689"/>
      <c r="BB6" s="689"/>
      <c r="BC6" s="689"/>
      <c r="BD6" s="689"/>
      <c r="BE6" s="690"/>
      <c r="BF6" s="688" t="s">
        <v>73</v>
      </c>
      <c r="BG6" s="689"/>
      <c r="BH6" s="689"/>
      <c r="BI6" s="689"/>
      <c r="BJ6" s="689"/>
      <c r="BK6" s="689"/>
      <c r="BL6" s="689"/>
      <c r="BM6" s="689"/>
      <c r="BN6" s="689"/>
      <c r="BO6" s="689"/>
      <c r="BP6" s="690"/>
      <c r="BQ6" s="688" t="s">
        <v>74</v>
      </c>
      <c r="BR6" s="689"/>
      <c r="BS6" s="689"/>
      <c r="BT6" s="689"/>
      <c r="BU6" s="689"/>
      <c r="BV6" s="689"/>
      <c r="BW6" s="689"/>
      <c r="BX6" s="689"/>
      <c r="BY6" s="689"/>
      <c r="BZ6" s="689"/>
      <c r="CA6" s="690"/>
      <c r="CB6" s="635"/>
      <c r="CC6" s="636"/>
      <c r="CD6" s="636"/>
      <c r="CE6" s="636"/>
      <c r="CF6" s="636"/>
      <c r="CG6" s="636"/>
      <c r="CH6" s="636"/>
      <c r="CI6" s="636"/>
      <c r="CJ6" s="636"/>
      <c r="CK6" s="636"/>
      <c r="CL6" s="637"/>
      <c r="CM6" s="688" t="s">
        <v>75</v>
      </c>
      <c r="CN6" s="689"/>
      <c r="CO6" s="689"/>
      <c r="CP6" s="689"/>
      <c r="CQ6" s="689"/>
      <c r="CR6" s="689"/>
      <c r="CS6" s="689"/>
      <c r="CT6" s="689"/>
      <c r="CU6" s="689"/>
      <c r="CV6" s="689"/>
      <c r="CW6" s="690"/>
      <c r="CX6" s="688" t="s">
        <v>76</v>
      </c>
      <c r="CY6" s="689"/>
      <c r="CZ6" s="689"/>
      <c r="DA6" s="689"/>
      <c r="DB6" s="689"/>
      <c r="DC6" s="689"/>
      <c r="DD6" s="689"/>
      <c r="DE6" s="689"/>
      <c r="DF6" s="689"/>
      <c r="DG6" s="689"/>
      <c r="DH6" s="690"/>
      <c r="DI6" s="635"/>
      <c r="DJ6" s="636"/>
      <c r="DK6" s="636"/>
      <c r="DL6" s="636"/>
      <c r="DM6" s="636"/>
      <c r="DN6" s="636"/>
      <c r="DO6" s="636"/>
      <c r="DP6" s="636"/>
      <c r="DQ6" s="636"/>
      <c r="DR6" s="636"/>
      <c r="DS6" s="636"/>
      <c r="DT6" s="688" t="s">
        <v>77</v>
      </c>
      <c r="DU6" s="689"/>
      <c r="DV6" s="689"/>
      <c r="DW6" s="689"/>
      <c r="DX6" s="689"/>
      <c r="DY6" s="689"/>
      <c r="DZ6" s="689"/>
      <c r="EA6" s="689"/>
      <c r="EB6" s="689"/>
      <c r="EC6" s="689"/>
      <c r="ED6" s="690"/>
      <c r="EE6" s="688" t="s">
        <v>78</v>
      </c>
      <c r="EF6" s="689"/>
      <c r="EG6" s="689"/>
      <c r="EH6" s="689"/>
      <c r="EI6" s="689"/>
      <c r="EJ6" s="689"/>
      <c r="EK6" s="689"/>
      <c r="EL6" s="689"/>
      <c r="EM6" s="689"/>
      <c r="EN6" s="689"/>
      <c r="EO6" s="690"/>
      <c r="EP6" s="688" t="s">
        <v>79</v>
      </c>
      <c r="EQ6" s="689"/>
      <c r="ER6" s="689"/>
      <c r="ES6" s="689"/>
      <c r="ET6" s="689"/>
      <c r="EU6" s="689"/>
      <c r="EV6" s="689"/>
      <c r="EW6" s="689"/>
      <c r="EX6" s="689"/>
      <c r="EY6" s="689"/>
      <c r="EZ6" s="690"/>
      <c r="FA6" s="691" t="s">
        <v>150</v>
      </c>
      <c r="FB6" s="689"/>
      <c r="FC6" s="689"/>
      <c r="FD6" s="689"/>
      <c r="FE6" s="689"/>
      <c r="FF6" s="689"/>
      <c r="FG6" s="689"/>
      <c r="FH6" s="689"/>
      <c r="FI6" s="689"/>
      <c r="FJ6" s="689"/>
      <c r="FK6" s="690"/>
      <c r="FL6" s="635"/>
      <c r="FM6" s="636"/>
      <c r="FN6" s="636"/>
      <c r="FO6" s="636"/>
      <c r="FP6" s="636"/>
      <c r="FQ6" s="636"/>
      <c r="FR6" s="636"/>
      <c r="FS6" s="636"/>
      <c r="FT6" s="636"/>
      <c r="FU6" s="636"/>
      <c r="FV6" s="636"/>
      <c r="FW6" s="688" t="s">
        <v>80</v>
      </c>
      <c r="FX6" s="689"/>
      <c r="FY6" s="689"/>
      <c r="FZ6" s="689"/>
      <c r="GA6" s="689"/>
      <c r="GB6" s="689"/>
      <c r="GC6" s="689"/>
      <c r="GD6" s="689"/>
      <c r="GE6" s="689"/>
      <c r="GF6" s="689"/>
      <c r="GG6" s="690"/>
      <c r="GH6" s="611" t="s">
        <v>81</v>
      </c>
      <c r="GI6" s="612"/>
      <c r="GJ6" s="612"/>
      <c r="GK6" s="612"/>
      <c r="GL6" s="612"/>
      <c r="GM6" s="612"/>
      <c r="GN6" s="612"/>
      <c r="GO6" s="612"/>
      <c r="GP6" s="612"/>
      <c r="GQ6" s="612"/>
      <c r="GR6" s="613"/>
      <c r="GS6" s="611" t="s">
        <v>82</v>
      </c>
      <c r="GT6" s="612"/>
      <c r="GU6" s="612"/>
      <c r="GV6" s="612"/>
      <c r="GW6" s="612"/>
      <c r="GX6" s="612"/>
      <c r="GY6" s="612"/>
      <c r="GZ6" s="612"/>
      <c r="HA6" s="612"/>
      <c r="HB6" s="612"/>
      <c r="HC6" s="613"/>
      <c r="HD6" s="681"/>
      <c r="HE6" s="682"/>
      <c r="HF6" s="682"/>
      <c r="HG6" s="682"/>
      <c r="HH6" s="682"/>
      <c r="HI6" s="682"/>
      <c r="HJ6" s="682"/>
      <c r="HK6" s="682"/>
      <c r="HL6" s="682"/>
      <c r="HM6" s="682"/>
      <c r="HN6" s="683"/>
      <c r="HO6" s="681"/>
      <c r="HP6" s="682"/>
      <c r="HQ6" s="682"/>
      <c r="HR6" s="682"/>
      <c r="HS6" s="682"/>
      <c r="HT6" s="682"/>
      <c r="HU6" s="682"/>
      <c r="HV6" s="682"/>
      <c r="HW6" s="682"/>
      <c r="HX6" s="682"/>
      <c r="HY6" s="683"/>
      <c r="HZ6" s="635"/>
      <c r="IA6" s="636"/>
      <c r="IB6" s="636"/>
      <c r="IC6" s="636"/>
      <c r="ID6" s="636"/>
      <c r="IE6" s="636"/>
      <c r="IF6" s="636"/>
      <c r="IG6" s="636"/>
      <c r="IH6" s="636"/>
      <c r="II6" s="636"/>
      <c r="IJ6" s="637"/>
      <c r="IK6" s="609"/>
      <c r="IL6" s="600"/>
      <c r="IM6" s="600"/>
      <c r="IN6" s="600"/>
      <c r="IO6" s="600"/>
      <c r="IP6" s="600"/>
      <c r="IQ6" s="600"/>
      <c r="IR6" s="600"/>
      <c r="IS6" s="600"/>
      <c r="IT6" s="600"/>
      <c r="IU6" s="610"/>
      <c r="IV6" s="609"/>
      <c r="IW6" s="600"/>
      <c r="IX6" s="600"/>
      <c r="IY6" s="600"/>
      <c r="IZ6" s="600"/>
      <c r="JA6" s="600"/>
      <c r="JB6" s="600"/>
      <c r="JC6" s="600"/>
      <c r="JD6" s="600"/>
      <c r="JE6" s="600"/>
      <c r="JF6" s="610"/>
      <c r="JG6" s="641"/>
      <c r="JH6" s="642"/>
      <c r="JI6" s="642"/>
      <c r="JJ6" s="642"/>
      <c r="JK6" s="642"/>
      <c r="JL6" s="642"/>
      <c r="JM6" s="642"/>
      <c r="JN6" s="642"/>
      <c r="JO6" s="642"/>
      <c r="JP6" s="642"/>
      <c r="JQ6" s="643"/>
      <c r="JR6" s="609"/>
      <c r="JS6" s="600"/>
      <c r="JT6" s="600"/>
      <c r="JU6" s="600"/>
      <c r="JV6" s="600"/>
      <c r="JW6" s="600"/>
      <c r="JX6" s="600"/>
      <c r="JY6" s="600"/>
      <c r="JZ6" s="600"/>
      <c r="KA6" s="600"/>
      <c r="KB6" s="610"/>
      <c r="KC6" s="609"/>
      <c r="KD6" s="600"/>
      <c r="KE6" s="600"/>
      <c r="KF6" s="600"/>
      <c r="KG6" s="600"/>
      <c r="KH6" s="600"/>
      <c r="KI6" s="600"/>
      <c r="KJ6" s="600"/>
      <c r="KK6" s="600"/>
      <c r="KL6" s="600"/>
      <c r="KM6" s="610"/>
      <c r="KN6" s="609"/>
      <c r="KO6" s="600"/>
      <c r="KP6" s="600"/>
      <c r="KQ6" s="600"/>
      <c r="KR6" s="600"/>
      <c r="KS6" s="600"/>
      <c r="KT6" s="600"/>
      <c r="KU6" s="600"/>
      <c r="KV6" s="600"/>
      <c r="KW6" s="600"/>
      <c r="KX6" s="610"/>
      <c r="KY6" s="609"/>
      <c r="KZ6" s="600"/>
      <c r="LA6" s="600"/>
      <c r="LB6" s="600"/>
      <c r="LC6" s="600"/>
      <c r="LD6" s="600"/>
      <c r="LE6" s="600"/>
      <c r="LF6" s="600"/>
      <c r="LG6" s="600"/>
      <c r="LH6" s="600"/>
      <c r="LI6" s="610"/>
      <c r="LJ6" s="635"/>
      <c r="LK6" s="636"/>
      <c r="LL6" s="636"/>
      <c r="LM6" s="636"/>
      <c r="LN6" s="636"/>
      <c r="LO6" s="636"/>
      <c r="LP6" s="636"/>
      <c r="LQ6" s="636"/>
      <c r="LR6" s="636"/>
      <c r="LS6" s="636"/>
      <c r="LT6" s="637"/>
      <c r="LU6" s="650"/>
      <c r="LV6" s="651"/>
      <c r="LW6" s="651"/>
      <c r="LX6" s="651"/>
      <c r="LY6" s="651"/>
      <c r="LZ6" s="651"/>
      <c r="MA6" s="651"/>
      <c r="MB6" s="651"/>
      <c r="MC6" s="651"/>
      <c r="MD6" s="651"/>
      <c r="ME6" s="652"/>
      <c r="MF6" s="635"/>
      <c r="MG6" s="636"/>
      <c r="MH6" s="636"/>
      <c r="MI6" s="636"/>
      <c r="MJ6" s="636"/>
      <c r="MK6" s="636"/>
      <c r="ML6" s="636"/>
      <c r="MM6" s="636"/>
      <c r="MN6" s="636"/>
      <c r="MO6" s="636"/>
      <c r="MP6" s="637"/>
      <c r="MQ6" s="609"/>
      <c r="MR6" s="600"/>
      <c r="MS6" s="600"/>
      <c r="MT6" s="600"/>
      <c r="MU6" s="600"/>
      <c r="MV6" s="600"/>
      <c r="MW6" s="600"/>
      <c r="MX6" s="600"/>
      <c r="MY6" s="600"/>
      <c r="MZ6" s="600"/>
      <c r="NA6" s="610"/>
      <c r="NB6" s="609"/>
      <c r="NC6" s="600"/>
      <c r="ND6" s="600"/>
      <c r="NE6" s="600"/>
      <c r="NF6" s="600"/>
      <c r="NG6" s="600"/>
      <c r="NH6" s="600"/>
      <c r="NI6" s="600"/>
      <c r="NJ6" s="600"/>
      <c r="NK6" s="600"/>
      <c r="NL6" s="610"/>
      <c r="NM6" s="609"/>
      <c r="NN6" s="600"/>
      <c r="NO6" s="600"/>
      <c r="NP6" s="600"/>
      <c r="NQ6" s="600"/>
      <c r="NR6" s="600"/>
      <c r="NS6" s="600"/>
      <c r="NT6" s="600"/>
      <c r="NU6" s="600"/>
      <c r="NV6" s="600"/>
      <c r="NW6" s="610"/>
      <c r="NX6" s="660"/>
      <c r="NY6" s="661"/>
      <c r="NZ6" s="661"/>
      <c r="OA6" s="661"/>
      <c r="OB6" s="661"/>
      <c r="OC6" s="661"/>
      <c r="OD6" s="661"/>
      <c r="OE6" s="661"/>
      <c r="OF6" s="661"/>
      <c r="OG6" s="661"/>
      <c r="OH6" s="662"/>
      <c r="OI6" s="609"/>
      <c r="OJ6" s="600"/>
      <c r="OK6" s="600"/>
      <c r="OL6" s="600"/>
      <c r="OM6" s="600"/>
      <c r="ON6" s="600"/>
      <c r="OO6" s="600"/>
      <c r="OP6" s="600"/>
      <c r="OQ6" s="600"/>
      <c r="OR6" s="600"/>
      <c r="OS6" s="610"/>
    </row>
    <row r="7" spans="1:409" ht="21" customHeight="1" x14ac:dyDescent="0.2">
      <c r="B7" s="670"/>
      <c r="C7" s="591" t="s">
        <v>61</v>
      </c>
      <c r="D7" s="591"/>
      <c r="E7" s="591"/>
      <c r="F7" s="590" t="s">
        <v>62</v>
      </c>
      <c r="G7" s="591"/>
      <c r="H7" s="591"/>
      <c r="I7" s="591"/>
      <c r="J7" s="591"/>
      <c r="K7" s="591"/>
      <c r="L7" s="591"/>
      <c r="M7" s="590" t="s">
        <v>52</v>
      </c>
      <c r="N7" s="685" t="s">
        <v>61</v>
      </c>
      <c r="O7" s="591"/>
      <c r="P7" s="591"/>
      <c r="Q7" s="590" t="s">
        <v>62</v>
      </c>
      <c r="R7" s="591"/>
      <c r="S7" s="591"/>
      <c r="T7" s="591"/>
      <c r="U7" s="591"/>
      <c r="V7" s="591"/>
      <c r="W7" s="592"/>
      <c r="X7" s="626" t="s">
        <v>52</v>
      </c>
      <c r="Y7" s="609" t="s">
        <v>61</v>
      </c>
      <c r="Z7" s="600"/>
      <c r="AA7" s="601"/>
      <c r="AB7" s="599" t="s">
        <v>62</v>
      </c>
      <c r="AC7" s="600"/>
      <c r="AD7" s="600"/>
      <c r="AE7" s="600"/>
      <c r="AF7" s="600"/>
      <c r="AG7" s="600"/>
      <c r="AH7" s="601"/>
      <c r="AI7" s="610" t="s">
        <v>52</v>
      </c>
      <c r="AJ7" s="587" t="s">
        <v>61</v>
      </c>
      <c r="AK7" s="588"/>
      <c r="AL7" s="589"/>
      <c r="AM7" s="624" t="s">
        <v>62</v>
      </c>
      <c r="AN7" s="588"/>
      <c r="AO7" s="588"/>
      <c r="AP7" s="588"/>
      <c r="AQ7" s="588"/>
      <c r="AR7" s="588"/>
      <c r="AS7" s="625"/>
      <c r="AT7" s="686" t="s">
        <v>52</v>
      </c>
      <c r="AU7" s="604" t="s">
        <v>61</v>
      </c>
      <c r="AV7" s="597"/>
      <c r="AW7" s="598"/>
      <c r="AX7" s="627" t="s">
        <v>62</v>
      </c>
      <c r="AY7" s="597"/>
      <c r="AZ7" s="597"/>
      <c r="BA7" s="597"/>
      <c r="BB7" s="597"/>
      <c r="BC7" s="597"/>
      <c r="BD7" s="628"/>
      <c r="BE7" s="610" t="s">
        <v>52</v>
      </c>
      <c r="BF7" s="604" t="s">
        <v>61</v>
      </c>
      <c r="BG7" s="597"/>
      <c r="BH7" s="598"/>
      <c r="BI7" s="627" t="s">
        <v>62</v>
      </c>
      <c r="BJ7" s="597"/>
      <c r="BK7" s="597"/>
      <c r="BL7" s="597"/>
      <c r="BM7" s="597"/>
      <c r="BN7" s="597"/>
      <c r="BO7" s="628"/>
      <c r="BP7" s="610" t="s">
        <v>52</v>
      </c>
      <c r="BQ7" s="604" t="s">
        <v>61</v>
      </c>
      <c r="BR7" s="597"/>
      <c r="BS7" s="598"/>
      <c r="BT7" s="627" t="s">
        <v>62</v>
      </c>
      <c r="BU7" s="597"/>
      <c r="BV7" s="597"/>
      <c r="BW7" s="597"/>
      <c r="BX7" s="597"/>
      <c r="BY7" s="597"/>
      <c r="BZ7" s="628"/>
      <c r="CA7" s="610" t="s">
        <v>52</v>
      </c>
      <c r="CB7" s="587" t="s">
        <v>61</v>
      </c>
      <c r="CC7" s="588"/>
      <c r="CD7" s="589"/>
      <c r="CE7" s="624" t="s">
        <v>62</v>
      </c>
      <c r="CF7" s="588"/>
      <c r="CG7" s="588"/>
      <c r="CH7" s="588"/>
      <c r="CI7" s="588"/>
      <c r="CJ7" s="588"/>
      <c r="CK7" s="625"/>
      <c r="CL7" s="626" t="s">
        <v>52</v>
      </c>
      <c r="CM7" s="604" t="s">
        <v>61</v>
      </c>
      <c r="CN7" s="597"/>
      <c r="CO7" s="628"/>
      <c r="CP7" s="627" t="s">
        <v>62</v>
      </c>
      <c r="CQ7" s="597"/>
      <c r="CR7" s="597"/>
      <c r="CS7" s="597"/>
      <c r="CT7" s="597"/>
      <c r="CU7" s="597"/>
      <c r="CV7" s="628"/>
      <c r="CW7" s="622" t="s">
        <v>52</v>
      </c>
      <c r="CX7" s="604" t="s">
        <v>61</v>
      </c>
      <c r="CY7" s="597"/>
      <c r="CZ7" s="628"/>
      <c r="DA7" s="627" t="s">
        <v>62</v>
      </c>
      <c r="DB7" s="597"/>
      <c r="DC7" s="597"/>
      <c r="DD7" s="597"/>
      <c r="DE7" s="597"/>
      <c r="DF7" s="597"/>
      <c r="DG7" s="628"/>
      <c r="DH7" s="622" t="s">
        <v>52</v>
      </c>
      <c r="DI7" s="587" t="s">
        <v>61</v>
      </c>
      <c r="DJ7" s="588"/>
      <c r="DK7" s="625"/>
      <c r="DL7" s="624" t="s">
        <v>62</v>
      </c>
      <c r="DM7" s="588"/>
      <c r="DN7" s="588"/>
      <c r="DO7" s="588"/>
      <c r="DP7" s="588"/>
      <c r="DQ7" s="588"/>
      <c r="DR7" s="625"/>
      <c r="DS7" s="626" t="s">
        <v>52</v>
      </c>
      <c r="DT7" s="604" t="s">
        <v>61</v>
      </c>
      <c r="DU7" s="597"/>
      <c r="DV7" s="598"/>
      <c r="DW7" s="627" t="s">
        <v>62</v>
      </c>
      <c r="DX7" s="597"/>
      <c r="DY7" s="597"/>
      <c r="DZ7" s="597"/>
      <c r="EA7" s="597"/>
      <c r="EB7" s="597"/>
      <c r="EC7" s="628"/>
      <c r="ED7" s="610" t="s">
        <v>52</v>
      </c>
      <c r="EE7" s="604" t="s">
        <v>61</v>
      </c>
      <c r="EF7" s="597"/>
      <c r="EG7" s="598"/>
      <c r="EH7" s="627" t="s">
        <v>62</v>
      </c>
      <c r="EI7" s="597"/>
      <c r="EJ7" s="597"/>
      <c r="EK7" s="597"/>
      <c r="EL7" s="597"/>
      <c r="EM7" s="597"/>
      <c r="EN7" s="628"/>
      <c r="EO7" s="610" t="s">
        <v>52</v>
      </c>
      <c r="EP7" s="604" t="s">
        <v>61</v>
      </c>
      <c r="EQ7" s="597"/>
      <c r="ER7" s="598"/>
      <c r="ES7" s="627" t="s">
        <v>62</v>
      </c>
      <c r="ET7" s="597"/>
      <c r="EU7" s="597"/>
      <c r="EV7" s="597"/>
      <c r="EW7" s="597"/>
      <c r="EX7" s="597"/>
      <c r="EY7" s="628"/>
      <c r="EZ7" s="610" t="s">
        <v>52</v>
      </c>
      <c r="FA7" s="604" t="s">
        <v>61</v>
      </c>
      <c r="FB7" s="597"/>
      <c r="FC7" s="598"/>
      <c r="FD7" s="627" t="s">
        <v>62</v>
      </c>
      <c r="FE7" s="597"/>
      <c r="FF7" s="597"/>
      <c r="FG7" s="597"/>
      <c r="FH7" s="597"/>
      <c r="FI7" s="597"/>
      <c r="FJ7" s="628"/>
      <c r="FK7" s="610" t="s">
        <v>52</v>
      </c>
      <c r="FL7" s="587" t="s">
        <v>61</v>
      </c>
      <c r="FM7" s="588"/>
      <c r="FN7" s="589"/>
      <c r="FO7" s="624" t="s">
        <v>62</v>
      </c>
      <c r="FP7" s="588"/>
      <c r="FQ7" s="588"/>
      <c r="FR7" s="588"/>
      <c r="FS7" s="588"/>
      <c r="FT7" s="588"/>
      <c r="FU7" s="625"/>
      <c r="FV7" s="591" t="s">
        <v>52</v>
      </c>
      <c r="FW7" s="604" t="s">
        <v>61</v>
      </c>
      <c r="FX7" s="597"/>
      <c r="FY7" s="598"/>
      <c r="FZ7" s="627" t="s">
        <v>62</v>
      </c>
      <c r="GA7" s="597"/>
      <c r="GB7" s="597"/>
      <c r="GC7" s="597"/>
      <c r="GD7" s="597"/>
      <c r="GE7" s="597"/>
      <c r="GF7" s="628"/>
      <c r="GG7" s="610" t="s">
        <v>52</v>
      </c>
      <c r="GH7" s="609" t="s">
        <v>61</v>
      </c>
      <c r="GI7" s="600"/>
      <c r="GJ7" s="600"/>
      <c r="GK7" s="599" t="s">
        <v>62</v>
      </c>
      <c r="GL7" s="600"/>
      <c r="GM7" s="600"/>
      <c r="GN7" s="600"/>
      <c r="GO7" s="600"/>
      <c r="GP7" s="600"/>
      <c r="GQ7" s="601"/>
      <c r="GR7" s="667" t="s">
        <v>52</v>
      </c>
      <c r="GS7" s="609" t="s">
        <v>61</v>
      </c>
      <c r="GT7" s="600"/>
      <c r="GU7" s="601"/>
      <c r="GV7" s="599" t="s">
        <v>62</v>
      </c>
      <c r="GW7" s="600"/>
      <c r="GX7" s="600"/>
      <c r="GY7" s="600"/>
      <c r="GZ7" s="600"/>
      <c r="HA7" s="600"/>
      <c r="HB7" s="601"/>
      <c r="HC7" s="667" t="s">
        <v>52</v>
      </c>
      <c r="HD7" s="604" t="s">
        <v>61</v>
      </c>
      <c r="HE7" s="597"/>
      <c r="HF7" s="598"/>
      <c r="HG7" s="627" t="s">
        <v>62</v>
      </c>
      <c r="HH7" s="597"/>
      <c r="HI7" s="597"/>
      <c r="HJ7" s="597"/>
      <c r="HK7" s="597"/>
      <c r="HL7" s="597"/>
      <c r="HM7" s="628"/>
      <c r="HN7" s="610" t="s">
        <v>52</v>
      </c>
      <c r="HO7" s="604" t="s">
        <v>61</v>
      </c>
      <c r="HP7" s="597"/>
      <c r="HQ7" s="598"/>
      <c r="HR7" s="627" t="s">
        <v>62</v>
      </c>
      <c r="HS7" s="597"/>
      <c r="HT7" s="597"/>
      <c r="HU7" s="597"/>
      <c r="HV7" s="597"/>
      <c r="HW7" s="597"/>
      <c r="HX7" s="628"/>
      <c r="HY7" s="610" t="s">
        <v>52</v>
      </c>
      <c r="HZ7" s="587" t="s">
        <v>61</v>
      </c>
      <c r="IA7" s="588"/>
      <c r="IB7" s="589"/>
      <c r="IC7" s="624" t="s">
        <v>62</v>
      </c>
      <c r="ID7" s="588"/>
      <c r="IE7" s="588"/>
      <c r="IF7" s="588"/>
      <c r="IG7" s="588"/>
      <c r="IH7" s="588"/>
      <c r="II7" s="625"/>
      <c r="IJ7" s="591" t="s">
        <v>52</v>
      </c>
      <c r="IK7" s="604" t="s">
        <v>61</v>
      </c>
      <c r="IL7" s="597"/>
      <c r="IM7" s="598"/>
      <c r="IN7" s="627" t="s">
        <v>62</v>
      </c>
      <c r="IO7" s="597"/>
      <c r="IP7" s="597"/>
      <c r="IQ7" s="597"/>
      <c r="IR7" s="597"/>
      <c r="IS7" s="597"/>
      <c r="IT7" s="628"/>
      <c r="IU7" s="610" t="s">
        <v>52</v>
      </c>
      <c r="IV7" s="604" t="s">
        <v>61</v>
      </c>
      <c r="IW7" s="597"/>
      <c r="IX7" s="628"/>
      <c r="IY7" s="627" t="s">
        <v>62</v>
      </c>
      <c r="IZ7" s="597"/>
      <c r="JA7" s="597"/>
      <c r="JB7" s="597"/>
      <c r="JC7" s="597"/>
      <c r="JD7" s="597"/>
      <c r="JE7" s="628"/>
      <c r="JF7" s="610" t="s">
        <v>52</v>
      </c>
      <c r="JG7" s="604" t="s">
        <v>61</v>
      </c>
      <c r="JH7" s="597"/>
      <c r="JI7" s="598"/>
      <c r="JJ7" s="627" t="s">
        <v>62</v>
      </c>
      <c r="JK7" s="597"/>
      <c r="JL7" s="597"/>
      <c r="JM7" s="597"/>
      <c r="JN7" s="597"/>
      <c r="JO7" s="597"/>
      <c r="JP7" s="628"/>
      <c r="JQ7" s="622" t="s">
        <v>52</v>
      </c>
      <c r="JR7" s="604" t="s">
        <v>61</v>
      </c>
      <c r="JS7" s="597"/>
      <c r="JT7" s="598"/>
      <c r="JU7" s="627" t="s">
        <v>62</v>
      </c>
      <c r="JV7" s="597"/>
      <c r="JW7" s="597"/>
      <c r="JX7" s="597"/>
      <c r="JY7" s="597"/>
      <c r="JZ7" s="597"/>
      <c r="KA7" s="628"/>
      <c r="KB7" s="622" t="s">
        <v>52</v>
      </c>
      <c r="KC7" s="604" t="s">
        <v>61</v>
      </c>
      <c r="KD7" s="597"/>
      <c r="KE7" s="598"/>
      <c r="KF7" s="627" t="s">
        <v>62</v>
      </c>
      <c r="KG7" s="597"/>
      <c r="KH7" s="597"/>
      <c r="KI7" s="597"/>
      <c r="KJ7" s="597"/>
      <c r="KK7" s="597"/>
      <c r="KL7" s="628"/>
      <c r="KM7" s="622" t="s">
        <v>52</v>
      </c>
      <c r="KN7" s="604" t="s">
        <v>61</v>
      </c>
      <c r="KO7" s="597"/>
      <c r="KP7" s="598"/>
      <c r="KQ7" s="627" t="s">
        <v>62</v>
      </c>
      <c r="KR7" s="597"/>
      <c r="KS7" s="597"/>
      <c r="KT7" s="597"/>
      <c r="KU7" s="597"/>
      <c r="KV7" s="597"/>
      <c r="KW7" s="628"/>
      <c r="KX7" s="622" t="s">
        <v>52</v>
      </c>
      <c r="KY7" s="604" t="s">
        <v>61</v>
      </c>
      <c r="KZ7" s="597"/>
      <c r="LA7" s="598"/>
      <c r="LB7" s="627" t="s">
        <v>62</v>
      </c>
      <c r="LC7" s="597"/>
      <c r="LD7" s="597"/>
      <c r="LE7" s="597"/>
      <c r="LF7" s="597"/>
      <c r="LG7" s="597"/>
      <c r="LH7" s="628"/>
      <c r="LI7" s="622" t="s">
        <v>52</v>
      </c>
      <c r="LJ7" s="604" t="s">
        <v>61</v>
      </c>
      <c r="LK7" s="597"/>
      <c r="LL7" s="598"/>
      <c r="LM7" s="627" t="s">
        <v>62</v>
      </c>
      <c r="LN7" s="597"/>
      <c r="LO7" s="597"/>
      <c r="LP7" s="597"/>
      <c r="LQ7" s="597"/>
      <c r="LR7" s="597"/>
      <c r="LS7" s="628"/>
      <c r="LT7" s="622" t="s">
        <v>52</v>
      </c>
      <c r="LU7" s="604" t="s">
        <v>61</v>
      </c>
      <c r="LV7" s="597"/>
      <c r="LW7" s="598"/>
      <c r="LX7" s="627" t="s">
        <v>62</v>
      </c>
      <c r="LY7" s="597"/>
      <c r="LZ7" s="597"/>
      <c r="MA7" s="597"/>
      <c r="MB7" s="597"/>
      <c r="MC7" s="597"/>
      <c r="MD7" s="628"/>
      <c r="ME7" s="622" t="s">
        <v>52</v>
      </c>
      <c r="MF7" s="587" t="s">
        <v>61</v>
      </c>
      <c r="MG7" s="588"/>
      <c r="MH7" s="589"/>
      <c r="MI7" s="624" t="s">
        <v>62</v>
      </c>
      <c r="MJ7" s="588"/>
      <c r="MK7" s="588"/>
      <c r="ML7" s="588"/>
      <c r="MM7" s="588"/>
      <c r="MN7" s="588"/>
      <c r="MO7" s="625"/>
      <c r="MP7" s="626" t="s">
        <v>52</v>
      </c>
      <c r="MQ7" s="604" t="s">
        <v>61</v>
      </c>
      <c r="MR7" s="597"/>
      <c r="MS7" s="598"/>
      <c r="MT7" s="627" t="s">
        <v>62</v>
      </c>
      <c r="MU7" s="597"/>
      <c r="MV7" s="597"/>
      <c r="MW7" s="597"/>
      <c r="MX7" s="597"/>
      <c r="MY7" s="597"/>
      <c r="MZ7" s="628"/>
      <c r="NA7" s="622" t="s">
        <v>52</v>
      </c>
      <c r="NB7" s="604" t="s">
        <v>61</v>
      </c>
      <c r="NC7" s="597"/>
      <c r="ND7" s="598"/>
      <c r="NE7" s="627" t="s">
        <v>62</v>
      </c>
      <c r="NF7" s="597"/>
      <c r="NG7" s="597"/>
      <c r="NH7" s="597"/>
      <c r="NI7" s="597"/>
      <c r="NJ7" s="597"/>
      <c r="NK7" s="628"/>
      <c r="NL7" s="622" t="s">
        <v>52</v>
      </c>
      <c r="NM7" s="604" t="s">
        <v>61</v>
      </c>
      <c r="NN7" s="597"/>
      <c r="NO7" s="598"/>
      <c r="NP7" s="627" t="s">
        <v>62</v>
      </c>
      <c r="NQ7" s="597"/>
      <c r="NR7" s="597"/>
      <c r="NS7" s="597"/>
      <c r="NT7" s="597"/>
      <c r="NU7" s="597"/>
      <c r="NV7" s="628"/>
      <c r="NW7" s="622" t="s">
        <v>52</v>
      </c>
      <c r="NX7" s="604" t="s">
        <v>61</v>
      </c>
      <c r="NY7" s="597"/>
      <c r="NZ7" s="598"/>
      <c r="OA7" s="627" t="s">
        <v>62</v>
      </c>
      <c r="OB7" s="597"/>
      <c r="OC7" s="597"/>
      <c r="OD7" s="597"/>
      <c r="OE7" s="597"/>
      <c r="OF7" s="597"/>
      <c r="OG7" s="628"/>
      <c r="OH7" s="622" t="s">
        <v>52</v>
      </c>
      <c r="OI7" s="587" t="s">
        <v>61</v>
      </c>
      <c r="OJ7" s="588"/>
      <c r="OK7" s="589"/>
      <c r="OL7" s="624" t="s">
        <v>62</v>
      </c>
      <c r="OM7" s="588"/>
      <c r="ON7" s="588"/>
      <c r="OO7" s="588"/>
      <c r="OP7" s="588"/>
      <c r="OQ7" s="588"/>
      <c r="OR7" s="625"/>
      <c r="OS7" s="626" t="s">
        <v>52</v>
      </c>
    </row>
    <row r="8" spans="1:409" ht="30" customHeight="1" thickBot="1" x14ac:dyDescent="0.25">
      <c r="B8" s="671"/>
      <c r="C8" s="55" t="s">
        <v>43</v>
      </c>
      <c r="D8" s="13" t="s">
        <v>44</v>
      </c>
      <c r="E8" s="36" t="s">
        <v>45</v>
      </c>
      <c r="F8" s="37" t="s">
        <v>83</v>
      </c>
      <c r="G8" s="13" t="s">
        <v>47</v>
      </c>
      <c r="H8" s="13" t="s">
        <v>48</v>
      </c>
      <c r="I8" s="13" t="s">
        <v>49</v>
      </c>
      <c r="J8" s="13" t="s">
        <v>50</v>
      </c>
      <c r="K8" s="13" t="s">
        <v>51</v>
      </c>
      <c r="L8" s="14" t="s">
        <v>45</v>
      </c>
      <c r="M8" s="684"/>
      <c r="N8" s="35" t="s">
        <v>43</v>
      </c>
      <c r="O8" s="13" t="s">
        <v>44</v>
      </c>
      <c r="P8" s="14" t="s">
        <v>45</v>
      </c>
      <c r="Q8" s="37" t="s">
        <v>83</v>
      </c>
      <c r="R8" s="13" t="s">
        <v>47</v>
      </c>
      <c r="S8" s="13" t="s">
        <v>48</v>
      </c>
      <c r="T8" s="13" t="s">
        <v>49</v>
      </c>
      <c r="U8" s="13" t="s">
        <v>50</v>
      </c>
      <c r="V8" s="13" t="s">
        <v>51</v>
      </c>
      <c r="W8" s="14" t="s">
        <v>45</v>
      </c>
      <c r="X8" s="665"/>
      <c r="Y8" s="35" t="s">
        <v>43</v>
      </c>
      <c r="Z8" s="13" t="s">
        <v>44</v>
      </c>
      <c r="AA8" s="14" t="s">
        <v>45</v>
      </c>
      <c r="AB8" s="37" t="s">
        <v>83</v>
      </c>
      <c r="AC8" s="13" t="s">
        <v>47</v>
      </c>
      <c r="AD8" s="13" t="s">
        <v>48</v>
      </c>
      <c r="AE8" s="13" t="s">
        <v>49</v>
      </c>
      <c r="AF8" s="13" t="s">
        <v>50</v>
      </c>
      <c r="AG8" s="13" t="s">
        <v>51</v>
      </c>
      <c r="AH8" s="14" t="s">
        <v>45</v>
      </c>
      <c r="AI8" s="666"/>
      <c r="AJ8" s="35" t="s">
        <v>43</v>
      </c>
      <c r="AK8" s="13" t="s">
        <v>44</v>
      </c>
      <c r="AL8" s="36" t="s">
        <v>45</v>
      </c>
      <c r="AM8" s="37" t="s">
        <v>83</v>
      </c>
      <c r="AN8" s="13" t="s">
        <v>47</v>
      </c>
      <c r="AO8" s="13" t="s">
        <v>48</v>
      </c>
      <c r="AP8" s="13" t="s">
        <v>49</v>
      </c>
      <c r="AQ8" s="13" t="s">
        <v>50</v>
      </c>
      <c r="AR8" s="13" t="s">
        <v>51</v>
      </c>
      <c r="AS8" s="14" t="s">
        <v>45</v>
      </c>
      <c r="AT8" s="666"/>
      <c r="AU8" s="35" t="s">
        <v>43</v>
      </c>
      <c r="AV8" s="13" t="s">
        <v>44</v>
      </c>
      <c r="AW8" s="36" t="s">
        <v>45</v>
      </c>
      <c r="AX8" s="37" t="s">
        <v>83</v>
      </c>
      <c r="AY8" s="13" t="s">
        <v>47</v>
      </c>
      <c r="AZ8" s="13" t="s">
        <v>48</v>
      </c>
      <c r="BA8" s="13" t="s">
        <v>49</v>
      </c>
      <c r="BB8" s="13" t="s">
        <v>50</v>
      </c>
      <c r="BC8" s="13" t="s">
        <v>51</v>
      </c>
      <c r="BD8" s="14" t="s">
        <v>45</v>
      </c>
      <c r="BE8" s="666"/>
      <c r="BF8" s="53" t="s">
        <v>43</v>
      </c>
      <c r="BG8" s="13" t="s">
        <v>44</v>
      </c>
      <c r="BH8" s="36" t="s">
        <v>45</v>
      </c>
      <c r="BI8" s="37" t="s">
        <v>83</v>
      </c>
      <c r="BJ8" s="13" t="s">
        <v>47</v>
      </c>
      <c r="BK8" s="13" t="s">
        <v>48</v>
      </c>
      <c r="BL8" s="13" t="s">
        <v>49</v>
      </c>
      <c r="BM8" s="13" t="s">
        <v>50</v>
      </c>
      <c r="BN8" s="13" t="s">
        <v>51</v>
      </c>
      <c r="BO8" s="14" t="s">
        <v>45</v>
      </c>
      <c r="BP8" s="666"/>
      <c r="BQ8" s="35" t="s">
        <v>43</v>
      </c>
      <c r="BR8" s="13" t="s">
        <v>44</v>
      </c>
      <c r="BS8" s="36" t="s">
        <v>45</v>
      </c>
      <c r="BT8" s="37" t="s">
        <v>83</v>
      </c>
      <c r="BU8" s="13" t="s">
        <v>47</v>
      </c>
      <c r="BV8" s="13" t="s">
        <v>48</v>
      </c>
      <c r="BW8" s="13" t="s">
        <v>49</v>
      </c>
      <c r="BX8" s="13" t="s">
        <v>50</v>
      </c>
      <c r="BY8" s="13" t="s">
        <v>51</v>
      </c>
      <c r="BZ8" s="14" t="s">
        <v>45</v>
      </c>
      <c r="CA8" s="666"/>
      <c r="CB8" s="35" t="s">
        <v>43</v>
      </c>
      <c r="CC8" s="13" t="s">
        <v>44</v>
      </c>
      <c r="CD8" s="36" t="s">
        <v>45</v>
      </c>
      <c r="CE8" s="37" t="s">
        <v>83</v>
      </c>
      <c r="CF8" s="13" t="s">
        <v>47</v>
      </c>
      <c r="CG8" s="13" t="s">
        <v>48</v>
      </c>
      <c r="CH8" s="13" t="s">
        <v>49</v>
      </c>
      <c r="CI8" s="13" t="s">
        <v>50</v>
      </c>
      <c r="CJ8" s="13" t="s">
        <v>51</v>
      </c>
      <c r="CK8" s="14" t="s">
        <v>45</v>
      </c>
      <c r="CL8" s="665"/>
      <c r="CM8" s="35" t="s">
        <v>43</v>
      </c>
      <c r="CN8" s="13" t="s">
        <v>44</v>
      </c>
      <c r="CO8" s="14" t="s">
        <v>45</v>
      </c>
      <c r="CP8" s="37" t="s">
        <v>83</v>
      </c>
      <c r="CQ8" s="13" t="s">
        <v>47</v>
      </c>
      <c r="CR8" s="13" t="s">
        <v>48</v>
      </c>
      <c r="CS8" s="13" t="s">
        <v>49</v>
      </c>
      <c r="CT8" s="13" t="s">
        <v>50</v>
      </c>
      <c r="CU8" s="13" t="s">
        <v>51</v>
      </c>
      <c r="CV8" s="14" t="s">
        <v>45</v>
      </c>
      <c r="CW8" s="665"/>
      <c r="CX8" s="35" t="s">
        <v>43</v>
      </c>
      <c r="CY8" s="13" t="s">
        <v>44</v>
      </c>
      <c r="CZ8" s="14" t="s">
        <v>45</v>
      </c>
      <c r="DA8" s="37" t="s">
        <v>83</v>
      </c>
      <c r="DB8" s="13" t="s">
        <v>47</v>
      </c>
      <c r="DC8" s="13" t="s">
        <v>48</v>
      </c>
      <c r="DD8" s="13" t="s">
        <v>49</v>
      </c>
      <c r="DE8" s="13" t="s">
        <v>50</v>
      </c>
      <c r="DF8" s="13" t="s">
        <v>51</v>
      </c>
      <c r="DG8" s="14" t="s">
        <v>45</v>
      </c>
      <c r="DH8" s="665"/>
      <c r="DI8" s="35" t="s">
        <v>43</v>
      </c>
      <c r="DJ8" s="13" t="s">
        <v>44</v>
      </c>
      <c r="DK8" s="14" t="s">
        <v>45</v>
      </c>
      <c r="DL8" s="37" t="s">
        <v>83</v>
      </c>
      <c r="DM8" s="13" t="s">
        <v>47</v>
      </c>
      <c r="DN8" s="13" t="s">
        <v>48</v>
      </c>
      <c r="DO8" s="13" t="s">
        <v>49</v>
      </c>
      <c r="DP8" s="13" t="s">
        <v>50</v>
      </c>
      <c r="DQ8" s="13" t="s">
        <v>51</v>
      </c>
      <c r="DR8" s="14" t="s">
        <v>45</v>
      </c>
      <c r="DS8" s="665"/>
      <c r="DT8" s="35" t="s">
        <v>43</v>
      </c>
      <c r="DU8" s="13" t="s">
        <v>44</v>
      </c>
      <c r="DV8" s="36" t="s">
        <v>45</v>
      </c>
      <c r="DW8" s="37" t="s">
        <v>83</v>
      </c>
      <c r="DX8" s="13" t="s">
        <v>47</v>
      </c>
      <c r="DY8" s="13" t="s">
        <v>48</v>
      </c>
      <c r="DZ8" s="13" t="s">
        <v>49</v>
      </c>
      <c r="EA8" s="13" t="s">
        <v>50</v>
      </c>
      <c r="EB8" s="13" t="s">
        <v>51</v>
      </c>
      <c r="EC8" s="14" t="s">
        <v>45</v>
      </c>
      <c r="ED8" s="666"/>
      <c r="EE8" s="35" t="s">
        <v>43</v>
      </c>
      <c r="EF8" s="13" t="s">
        <v>44</v>
      </c>
      <c r="EG8" s="36" t="s">
        <v>45</v>
      </c>
      <c r="EH8" s="37" t="s">
        <v>83</v>
      </c>
      <c r="EI8" s="13" t="s">
        <v>47</v>
      </c>
      <c r="EJ8" s="13" t="s">
        <v>48</v>
      </c>
      <c r="EK8" s="13" t="s">
        <v>49</v>
      </c>
      <c r="EL8" s="13" t="s">
        <v>50</v>
      </c>
      <c r="EM8" s="13" t="s">
        <v>51</v>
      </c>
      <c r="EN8" s="14" t="s">
        <v>45</v>
      </c>
      <c r="EO8" s="666"/>
      <c r="EP8" s="35" t="s">
        <v>43</v>
      </c>
      <c r="EQ8" s="13" t="s">
        <v>44</v>
      </c>
      <c r="ER8" s="36" t="s">
        <v>45</v>
      </c>
      <c r="ES8" s="37" t="s">
        <v>83</v>
      </c>
      <c r="ET8" s="13" t="s">
        <v>47</v>
      </c>
      <c r="EU8" s="13" t="s">
        <v>48</v>
      </c>
      <c r="EV8" s="13" t="s">
        <v>49</v>
      </c>
      <c r="EW8" s="13" t="s">
        <v>50</v>
      </c>
      <c r="EX8" s="13" t="s">
        <v>51</v>
      </c>
      <c r="EY8" s="14" t="s">
        <v>45</v>
      </c>
      <c r="EZ8" s="666"/>
      <c r="FA8" s="35" t="s">
        <v>43</v>
      </c>
      <c r="FB8" s="13" t="s">
        <v>44</v>
      </c>
      <c r="FC8" s="36" t="s">
        <v>45</v>
      </c>
      <c r="FD8" s="37" t="s">
        <v>83</v>
      </c>
      <c r="FE8" s="13" t="s">
        <v>47</v>
      </c>
      <c r="FF8" s="13" t="s">
        <v>48</v>
      </c>
      <c r="FG8" s="13" t="s">
        <v>49</v>
      </c>
      <c r="FH8" s="13" t="s">
        <v>50</v>
      </c>
      <c r="FI8" s="13" t="s">
        <v>51</v>
      </c>
      <c r="FJ8" s="14" t="s">
        <v>45</v>
      </c>
      <c r="FK8" s="666"/>
      <c r="FL8" s="35" t="s">
        <v>43</v>
      </c>
      <c r="FM8" s="13" t="s">
        <v>44</v>
      </c>
      <c r="FN8" s="36" t="s">
        <v>45</v>
      </c>
      <c r="FO8" s="37" t="s">
        <v>83</v>
      </c>
      <c r="FP8" s="13" t="s">
        <v>47</v>
      </c>
      <c r="FQ8" s="13" t="s">
        <v>48</v>
      </c>
      <c r="FR8" s="13" t="s">
        <v>49</v>
      </c>
      <c r="FS8" s="13" t="s">
        <v>50</v>
      </c>
      <c r="FT8" s="13" t="s">
        <v>51</v>
      </c>
      <c r="FU8" s="14" t="s">
        <v>45</v>
      </c>
      <c r="FV8" s="664"/>
      <c r="FW8" s="35" t="s">
        <v>43</v>
      </c>
      <c r="FX8" s="13" t="s">
        <v>44</v>
      </c>
      <c r="FY8" s="36" t="s">
        <v>45</v>
      </c>
      <c r="FZ8" s="37" t="s">
        <v>83</v>
      </c>
      <c r="GA8" s="13" t="s">
        <v>47</v>
      </c>
      <c r="GB8" s="13" t="s">
        <v>48</v>
      </c>
      <c r="GC8" s="13" t="s">
        <v>49</v>
      </c>
      <c r="GD8" s="13" t="s">
        <v>50</v>
      </c>
      <c r="GE8" s="13" t="s">
        <v>51</v>
      </c>
      <c r="GF8" s="14" t="s">
        <v>45</v>
      </c>
      <c r="GG8" s="666"/>
      <c r="GH8" s="35" t="s">
        <v>43</v>
      </c>
      <c r="GI8" s="13" t="s">
        <v>44</v>
      </c>
      <c r="GJ8" s="36" t="s">
        <v>45</v>
      </c>
      <c r="GK8" s="37" t="s">
        <v>83</v>
      </c>
      <c r="GL8" s="13" t="s">
        <v>47</v>
      </c>
      <c r="GM8" s="13" t="s">
        <v>48</v>
      </c>
      <c r="GN8" s="13" t="s">
        <v>49</v>
      </c>
      <c r="GO8" s="13" t="s">
        <v>50</v>
      </c>
      <c r="GP8" s="13" t="s">
        <v>51</v>
      </c>
      <c r="GQ8" s="14" t="s">
        <v>45</v>
      </c>
      <c r="GR8" s="668"/>
      <c r="GS8" s="35" t="s">
        <v>43</v>
      </c>
      <c r="GT8" s="13" t="s">
        <v>44</v>
      </c>
      <c r="GU8" s="36" t="s">
        <v>45</v>
      </c>
      <c r="GV8" s="37" t="s">
        <v>83</v>
      </c>
      <c r="GW8" s="13" t="s">
        <v>47</v>
      </c>
      <c r="GX8" s="13" t="s">
        <v>48</v>
      </c>
      <c r="GY8" s="13" t="s">
        <v>49</v>
      </c>
      <c r="GZ8" s="13" t="s">
        <v>50</v>
      </c>
      <c r="HA8" s="13" t="s">
        <v>51</v>
      </c>
      <c r="HB8" s="14" t="s">
        <v>45</v>
      </c>
      <c r="HC8" s="668"/>
      <c r="HD8" s="35" t="s">
        <v>43</v>
      </c>
      <c r="HE8" s="13" t="s">
        <v>44</v>
      </c>
      <c r="HF8" s="36" t="s">
        <v>45</v>
      </c>
      <c r="HG8" s="37" t="s">
        <v>83</v>
      </c>
      <c r="HH8" s="13" t="s">
        <v>47</v>
      </c>
      <c r="HI8" s="13" t="s">
        <v>48</v>
      </c>
      <c r="HJ8" s="13" t="s">
        <v>49</v>
      </c>
      <c r="HK8" s="13" t="s">
        <v>50</v>
      </c>
      <c r="HL8" s="13" t="s">
        <v>51</v>
      </c>
      <c r="HM8" s="14" t="s">
        <v>45</v>
      </c>
      <c r="HN8" s="666"/>
      <c r="HO8" s="35" t="s">
        <v>43</v>
      </c>
      <c r="HP8" s="13" t="s">
        <v>44</v>
      </c>
      <c r="HQ8" s="36" t="s">
        <v>45</v>
      </c>
      <c r="HR8" s="37" t="s">
        <v>83</v>
      </c>
      <c r="HS8" s="13" t="s">
        <v>47</v>
      </c>
      <c r="HT8" s="13" t="s">
        <v>48</v>
      </c>
      <c r="HU8" s="13" t="s">
        <v>49</v>
      </c>
      <c r="HV8" s="13" t="s">
        <v>50</v>
      </c>
      <c r="HW8" s="13" t="s">
        <v>51</v>
      </c>
      <c r="HX8" s="14" t="s">
        <v>45</v>
      </c>
      <c r="HY8" s="666"/>
      <c r="HZ8" s="340" t="s">
        <v>43</v>
      </c>
      <c r="IA8" s="341" t="s">
        <v>44</v>
      </c>
      <c r="IB8" s="36" t="s">
        <v>45</v>
      </c>
      <c r="IC8" s="37" t="s">
        <v>83</v>
      </c>
      <c r="ID8" s="341" t="s">
        <v>47</v>
      </c>
      <c r="IE8" s="341" t="s">
        <v>48</v>
      </c>
      <c r="IF8" s="341" t="s">
        <v>49</v>
      </c>
      <c r="IG8" s="341" t="s">
        <v>50</v>
      </c>
      <c r="IH8" s="341" t="s">
        <v>51</v>
      </c>
      <c r="II8" s="14" t="s">
        <v>45</v>
      </c>
      <c r="IJ8" s="664"/>
      <c r="IK8" s="340" t="s">
        <v>43</v>
      </c>
      <c r="IL8" s="341" t="s">
        <v>44</v>
      </c>
      <c r="IM8" s="36" t="s">
        <v>45</v>
      </c>
      <c r="IN8" s="37" t="s">
        <v>83</v>
      </c>
      <c r="IO8" s="51" t="s">
        <v>47</v>
      </c>
      <c r="IP8" s="51" t="s">
        <v>48</v>
      </c>
      <c r="IQ8" s="51" t="s">
        <v>49</v>
      </c>
      <c r="IR8" s="51" t="s">
        <v>50</v>
      </c>
      <c r="IS8" s="51" t="s">
        <v>51</v>
      </c>
      <c r="IT8" s="54" t="s">
        <v>45</v>
      </c>
      <c r="IU8" s="663"/>
      <c r="IV8" s="53" t="s">
        <v>43</v>
      </c>
      <c r="IW8" s="51" t="s">
        <v>44</v>
      </c>
      <c r="IX8" s="54" t="s">
        <v>45</v>
      </c>
      <c r="IY8" s="28" t="s">
        <v>83</v>
      </c>
      <c r="IZ8" s="51" t="s">
        <v>47</v>
      </c>
      <c r="JA8" s="51" t="s">
        <v>48</v>
      </c>
      <c r="JB8" s="51" t="s">
        <v>49</v>
      </c>
      <c r="JC8" s="51" t="s">
        <v>50</v>
      </c>
      <c r="JD8" s="51" t="s">
        <v>51</v>
      </c>
      <c r="JE8" s="54" t="s">
        <v>45</v>
      </c>
      <c r="JF8" s="663"/>
      <c r="JG8" s="53" t="s">
        <v>43</v>
      </c>
      <c r="JH8" s="51" t="s">
        <v>44</v>
      </c>
      <c r="JI8" s="52" t="s">
        <v>45</v>
      </c>
      <c r="JJ8" s="28" t="s">
        <v>83</v>
      </c>
      <c r="JK8" s="51" t="s">
        <v>47</v>
      </c>
      <c r="JL8" s="51" t="s">
        <v>48</v>
      </c>
      <c r="JM8" s="51" t="s">
        <v>49</v>
      </c>
      <c r="JN8" s="51" t="s">
        <v>50</v>
      </c>
      <c r="JO8" s="51" t="s">
        <v>51</v>
      </c>
      <c r="JP8" s="54" t="s">
        <v>45</v>
      </c>
      <c r="JQ8" s="623"/>
      <c r="JR8" s="53" t="s">
        <v>43</v>
      </c>
      <c r="JS8" s="51" t="s">
        <v>44</v>
      </c>
      <c r="JT8" s="52" t="s">
        <v>45</v>
      </c>
      <c r="JU8" s="28" t="s">
        <v>83</v>
      </c>
      <c r="JV8" s="51" t="s">
        <v>47</v>
      </c>
      <c r="JW8" s="51" t="s">
        <v>48</v>
      </c>
      <c r="JX8" s="51" t="s">
        <v>49</v>
      </c>
      <c r="JY8" s="51" t="s">
        <v>50</v>
      </c>
      <c r="JZ8" s="51" t="s">
        <v>51</v>
      </c>
      <c r="KA8" s="54" t="s">
        <v>45</v>
      </c>
      <c r="KB8" s="623"/>
      <c r="KC8" s="53" t="s">
        <v>43</v>
      </c>
      <c r="KD8" s="51" t="s">
        <v>44</v>
      </c>
      <c r="KE8" s="52" t="s">
        <v>45</v>
      </c>
      <c r="KF8" s="28" t="s">
        <v>83</v>
      </c>
      <c r="KG8" s="51" t="s">
        <v>47</v>
      </c>
      <c r="KH8" s="51" t="s">
        <v>48</v>
      </c>
      <c r="KI8" s="51" t="s">
        <v>49</v>
      </c>
      <c r="KJ8" s="51" t="s">
        <v>50</v>
      </c>
      <c r="KK8" s="51" t="s">
        <v>51</v>
      </c>
      <c r="KL8" s="54" t="s">
        <v>45</v>
      </c>
      <c r="KM8" s="623"/>
      <c r="KN8" s="53" t="s">
        <v>43</v>
      </c>
      <c r="KO8" s="51" t="s">
        <v>44</v>
      </c>
      <c r="KP8" s="52" t="s">
        <v>45</v>
      </c>
      <c r="KQ8" s="37" t="s">
        <v>83</v>
      </c>
      <c r="KR8" s="51" t="s">
        <v>47</v>
      </c>
      <c r="KS8" s="51" t="s">
        <v>48</v>
      </c>
      <c r="KT8" s="51" t="s">
        <v>49</v>
      </c>
      <c r="KU8" s="51" t="s">
        <v>50</v>
      </c>
      <c r="KV8" s="51" t="s">
        <v>51</v>
      </c>
      <c r="KW8" s="54" t="s">
        <v>45</v>
      </c>
      <c r="KX8" s="623"/>
      <c r="KY8" s="53" t="s">
        <v>43</v>
      </c>
      <c r="KZ8" s="51" t="s">
        <v>44</v>
      </c>
      <c r="LA8" s="52" t="s">
        <v>45</v>
      </c>
      <c r="LB8" s="37" t="s">
        <v>83</v>
      </c>
      <c r="LC8" s="51" t="s">
        <v>47</v>
      </c>
      <c r="LD8" s="51" t="s">
        <v>48</v>
      </c>
      <c r="LE8" s="51" t="s">
        <v>49</v>
      </c>
      <c r="LF8" s="51" t="s">
        <v>50</v>
      </c>
      <c r="LG8" s="51" t="s">
        <v>51</v>
      </c>
      <c r="LH8" s="54" t="s">
        <v>45</v>
      </c>
      <c r="LI8" s="623"/>
      <c r="LJ8" s="53" t="s">
        <v>43</v>
      </c>
      <c r="LK8" s="51" t="s">
        <v>44</v>
      </c>
      <c r="LL8" s="52" t="s">
        <v>45</v>
      </c>
      <c r="LM8" s="37" t="s">
        <v>83</v>
      </c>
      <c r="LN8" s="51" t="s">
        <v>47</v>
      </c>
      <c r="LO8" s="51" t="s">
        <v>48</v>
      </c>
      <c r="LP8" s="51" t="s">
        <v>49</v>
      </c>
      <c r="LQ8" s="51" t="s">
        <v>50</v>
      </c>
      <c r="LR8" s="51" t="s">
        <v>51</v>
      </c>
      <c r="LS8" s="54" t="s">
        <v>45</v>
      </c>
      <c r="LT8" s="623"/>
      <c r="LU8" s="53" t="s">
        <v>43</v>
      </c>
      <c r="LV8" s="51" t="s">
        <v>44</v>
      </c>
      <c r="LW8" s="52" t="s">
        <v>45</v>
      </c>
      <c r="LX8" s="37" t="s">
        <v>83</v>
      </c>
      <c r="LY8" s="51" t="s">
        <v>47</v>
      </c>
      <c r="LZ8" s="51" t="s">
        <v>48</v>
      </c>
      <c r="MA8" s="51" t="s">
        <v>49</v>
      </c>
      <c r="MB8" s="51" t="s">
        <v>50</v>
      </c>
      <c r="MC8" s="51" t="s">
        <v>51</v>
      </c>
      <c r="MD8" s="54" t="s">
        <v>45</v>
      </c>
      <c r="ME8" s="623"/>
      <c r="MF8" s="53" t="s">
        <v>43</v>
      </c>
      <c r="MG8" s="51" t="s">
        <v>44</v>
      </c>
      <c r="MH8" s="52" t="s">
        <v>45</v>
      </c>
      <c r="MI8" s="37" t="s">
        <v>83</v>
      </c>
      <c r="MJ8" s="51" t="s">
        <v>47</v>
      </c>
      <c r="MK8" s="51" t="s">
        <v>48</v>
      </c>
      <c r="ML8" s="51" t="s">
        <v>49</v>
      </c>
      <c r="MM8" s="51" t="s">
        <v>50</v>
      </c>
      <c r="MN8" s="51" t="s">
        <v>51</v>
      </c>
      <c r="MO8" s="54" t="s">
        <v>45</v>
      </c>
      <c r="MP8" s="623"/>
      <c r="MQ8" s="53" t="s">
        <v>43</v>
      </c>
      <c r="MR8" s="51" t="s">
        <v>44</v>
      </c>
      <c r="MS8" s="52" t="s">
        <v>45</v>
      </c>
      <c r="MT8" s="37" t="s">
        <v>83</v>
      </c>
      <c r="MU8" s="51" t="s">
        <v>47</v>
      </c>
      <c r="MV8" s="51" t="s">
        <v>48</v>
      </c>
      <c r="MW8" s="51" t="s">
        <v>49</v>
      </c>
      <c r="MX8" s="51" t="s">
        <v>50</v>
      </c>
      <c r="MY8" s="51" t="s">
        <v>51</v>
      </c>
      <c r="MZ8" s="54" t="s">
        <v>45</v>
      </c>
      <c r="NA8" s="623"/>
      <c r="NB8" s="53" t="s">
        <v>43</v>
      </c>
      <c r="NC8" s="51" t="s">
        <v>44</v>
      </c>
      <c r="ND8" s="52" t="s">
        <v>45</v>
      </c>
      <c r="NE8" s="37" t="s">
        <v>83</v>
      </c>
      <c r="NF8" s="51" t="s">
        <v>47</v>
      </c>
      <c r="NG8" s="51" t="s">
        <v>48</v>
      </c>
      <c r="NH8" s="51" t="s">
        <v>49</v>
      </c>
      <c r="NI8" s="51" t="s">
        <v>50</v>
      </c>
      <c r="NJ8" s="51" t="s">
        <v>51</v>
      </c>
      <c r="NK8" s="54" t="s">
        <v>45</v>
      </c>
      <c r="NL8" s="623"/>
      <c r="NM8" s="53" t="s">
        <v>43</v>
      </c>
      <c r="NN8" s="51" t="s">
        <v>44</v>
      </c>
      <c r="NO8" s="52" t="s">
        <v>45</v>
      </c>
      <c r="NP8" s="37" t="s">
        <v>83</v>
      </c>
      <c r="NQ8" s="51" t="s">
        <v>47</v>
      </c>
      <c r="NR8" s="51" t="s">
        <v>48</v>
      </c>
      <c r="NS8" s="51" t="s">
        <v>49</v>
      </c>
      <c r="NT8" s="51" t="s">
        <v>50</v>
      </c>
      <c r="NU8" s="51" t="s">
        <v>51</v>
      </c>
      <c r="NV8" s="54" t="s">
        <v>45</v>
      </c>
      <c r="NW8" s="623"/>
      <c r="NX8" s="53" t="s">
        <v>43</v>
      </c>
      <c r="NY8" s="51" t="s">
        <v>44</v>
      </c>
      <c r="NZ8" s="52" t="s">
        <v>45</v>
      </c>
      <c r="OA8" s="37" t="s">
        <v>83</v>
      </c>
      <c r="OB8" s="51" t="s">
        <v>47</v>
      </c>
      <c r="OC8" s="51" t="s">
        <v>48</v>
      </c>
      <c r="OD8" s="51" t="s">
        <v>49</v>
      </c>
      <c r="OE8" s="51" t="s">
        <v>50</v>
      </c>
      <c r="OF8" s="51" t="s">
        <v>51</v>
      </c>
      <c r="OG8" s="54" t="s">
        <v>45</v>
      </c>
      <c r="OH8" s="623"/>
      <c r="OI8" s="53" t="s">
        <v>43</v>
      </c>
      <c r="OJ8" s="51" t="s">
        <v>44</v>
      </c>
      <c r="OK8" s="52" t="s">
        <v>45</v>
      </c>
      <c r="OL8" s="28" t="s">
        <v>83</v>
      </c>
      <c r="OM8" s="51" t="s">
        <v>47</v>
      </c>
      <c r="ON8" s="51" t="s">
        <v>48</v>
      </c>
      <c r="OO8" s="51" t="s">
        <v>49</v>
      </c>
      <c r="OP8" s="51" t="s">
        <v>50</v>
      </c>
      <c r="OQ8" s="51" t="s">
        <v>51</v>
      </c>
      <c r="OR8" s="54" t="s">
        <v>45</v>
      </c>
      <c r="OS8" s="623"/>
    </row>
    <row r="9" spans="1:409" s="401" customFormat="1" ht="21" customHeight="1" x14ac:dyDescent="0.2">
      <c r="A9" s="39"/>
      <c r="B9" s="466" t="s">
        <v>4</v>
      </c>
      <c r="C9" s="358">
        <v>411894054</v>
      </c>
      <c r="D9" s="359">
        <v>855634972</v>
      </c>
      <c r="E9" s="360">
        <v>1267529026</v>
      </c>
      <c r="F9" s="361">
        <v>0</v>
      </c>
      <c r="G9" s="359">
        <v>5284723863</v>
      </c>
      <c r="H9" s="359">
        <v>7344914063</v>
      </c>
      <c r="I9" s="359">
        <v>6086627246</v>
      </c>
      <c r="J9" s="359">
        <v>5746802704</v>
      </c>
      <c r="K9" s="359">
        <v>4338606187</v>
      </c>
      <c r="L9" s="362">
        <v>28801674063</v>
      </c>
      <c r="M9" s="363">
        <v>30069203089</v>
      </c>
      <c r="N9" s="358">
        <v>103169167</v>
      </c>
      <c r="O9" s="359">
        <v>263048136</v>
      </c>
      <c r="P9" s="364">
        <v>366217303</v>
      </c>
      <c r="Q9" s="358">
        <v>0</v>
      </c>
      <c r="R9" s="359">
        <v>1530296456</v>
      </c>
      <c r="S9" s="359">
        <v>2393498612</v>
      </c>
      <c r="T9" s="359">
        <v>2056376867</v>
      </c>
      <c r="U9" s="359">
        <v>2241025222</v>
      </c>
      <c r="V9" s="359">
        <v>2242269544</v>
      </c>
      <c r="W9" s="364">
        <v>10463466701</v>
      </c>
      <c r="X9" s="363">
        <v>10829684004</v>
      </c>
      <c r="Y9" s="358">
        <v>0</v>
      </c>
      <c r="Z9" s="359">
        <v>0</v>
      </c>
      <c r="AA9" s="364">
        <v>0</v>
      </c>
      <c r="AB9" s="365">
        <v>0</v>
      </c>
      <c r="AC9" s="366">
        <v>717635900</v>
      </c>
      <c r="AD9" s="366">
        <v>1161868429</v>
      </c>
      <c r="AE9" s="366">
        <v>1139302536</v>
      </c>
      <c r="AF9" s="366">
        <v>1305590846</v>
      </c>
      <c r="AG9" s="366">
        <v>1315159975</v>
      </c>
      <c r="AH9" s="364">
        <v>5639557686</v>
      </c>
      <c r="AI9" s="363">
        <v>5639557686</v>
      </c>
      <c r="AJ9" s="367">
        <v>84865</v>
      </c>
      <c r="AK9" s="366">
        <v>484353</v>
      </c>
      <c r="AL9" s="364">
        <v>569218</v>
      </c>
      <c r="AM9" s="365">
        <v>0</v>
      </c>
      <c r="AN9" s="366">
        <v>4967655</v>
      </c>
      <c r="AO9" s="362">
        <v>23607802</v>
      </c>
      <c r="AP9" s="366">
        <v>49782733</v>
      </c>
      <c r="AQ9" s="366">
        <v>124983192</v>
      </c>
      <c r="AR9" s="366">
        <v>246272379</v>
      </c>
      <c r="AS9" s="364">
        <v>449613761</v>
      </c>
      <c r="AT9" s="363">
        <v>450182979</v>
      </c>
      <c r="AU9" s="367">
        <v>58976125</v>
      </c>
      <c r="AV9" s="366">
        <v>188901700</v>
      </c>
      <c r="AW9" s="364">
        <v>247877825</v>
      </c>
      <c r="AX9" s="365">
        <v>0</v>
      </c>
      <c r="AY9" s="366">
        <v>499007313</v>
      </c>
      <c r="AZ9" s="366">
        <v>802072355</v>
      </c>
      <c r="BA9" s="366">
        <v>514289642</v>
      </c>
      <c r="BB9" s="366">
        <v>469120134</v>
      </c>
      <c r="BC9" s="366">
        <v>422788603</v>
      </c>
      <c r="BD9" s="364">
        <v>2707278047</v>
      </c>
      <c r="BE9" s="368">
        <v>2955155872</v>
      </c>
      <c r="BF9" s="367">
        <v>6697070</v>
      </c>
      <c r="BG9" s="362">
        <v>26224222</v>
      </c>
      <c r="BH9" s="369">
        <v>32921292</v>
      </c>
      <c r="BI9" s="365">
        <v>0</v>
      </c>
      <c r="BJ9" s="366">
        <v>42563836</v>
      </c>
      <c r="BK9" s="366">
        <v>69565809</v>
      </c>
      <c r="BL9" s="366">
        <v>46291661</v>
      </c>
      <c r="BM9" s="366">
        <v>38786800</v>
      </c>
      <c r="BN9" s="366">
        <v>23632355</v>
      </c>
      <c r="BO9" s="364">
        <v>220840461</v>
      </c>
      <c r="BP9" s="363">
        <v>253761753</v>
      </c>
      <c r="BQ9" s="367">
        <v>37411107</v>
      </c>
      <c r="BR9" s="366">
        <v>47437861</v>
      </c>
      <c r="BS9" s="364">
        <v>84848968</v>
      </c>
      <c r="BT9" s="365">
        <v>0</v>
      </c>
      <c r="BU9" s="366">
        <v>266121752</v>
      </c>
      <c r="BV9" s="366">
        <v>336384217</v>
      </c>
      <c r="BW9" s="366">
        <v>306710295</v>
      </c>
      <c r="BX9" s="366">
        <v>302544250</v>
      </c>
      <c r="BY9" s="366">
        <v>234416232</v>
      </c>
      <c r="BZ9" s="364">
        <v>1446176746</v>
      </c>
      <c r="CA9" s="363">
        <v>1531025714</v>
      </c>
      <c r="CB9" s="367">
        <v>38588966</v>
      </c>
      <c r="CC9" s="366">
        <v>114064698</v>
      </c>
      <c r="CD9" s="364">
        <v>152653664</v>
      </c>
      <c r="CE9" s="365">
        <v>0</v>
      </c>
      <c r="CF9" s="366">
        <v>1458760819</v>
      </c>
      <c r="CG9" s="366">
        <v>1978622512</v>
      </c>
      <c r="CH9" s="370">
        <v>1400658718</v>
      </c>
      <c r="CI9" s="366">
        <v>926530397</v>
      </c>
      <c r="CJ9" s="366">
        <v>452167743</v>
      </c>
      <c r="CK9" s="364">
        <v>6216740189</v>
      </c>
      <c r="CL9" s="363">
        <v>6369393853</v>
      </c>
      <c r="CM9" s="358">
        <v>0</v>
      </c>
      <c r="CN9" s="359">
        <v>0</v>
      </c>
      <c r="CO9" s="364">
        <v>0</v>
      </c>
      <c r="CP9" s="365">
        <v>0</v>
      </c>
      <c r="CQ9" s="366">
        <v>1225399194</v>
      </c>
      <c r="CR9" s="366">
        <v>1555646158</v>
      </c>
      <c r="CS9" s="366">
        <v>1090272676</v>
      </c>
      <c r="CT9" s="366">
        <v>707921674</v>
      </c>
      <c r="CU9" s="366">
        <v>363876399</v>
      </c>
      <c r="CV9" s="371">
        <v>4943116101</v>
      </c>
      <c r="CW9" s="363">
        <v>4943116101</v>
      </c>
      <c r="CX9" s="367">
        <v>38588966</v>
      </c>
      <c r="CY9" s="366">
        <v>114064698</v>
      </c>
      <c r="CZ9" s="364">
        <v>152653664</v>
      </c>
      <c r="DA9" s="365">
        <v>0</v>
      </c>
      <c r="DB9" s="366">
        <v>233361625</v>
      </c>
      <c r="DC9" s="366">
        <v>422976354</v>
      </c>
      <c r="DD9" s="366">
        <v>310386042</v>
      </c>
      <c r="DE9" s="366">
        <v>218608723</v>
      </c>
      <c r="DF9" s="366">
        <v>88291344</v>
      </c>
      <c r="DG9" s="364">
        <v>1273624088</v>
      </c>
      <c r="DH9" s="363">
        <v>1426277752</v>
      </c>
      <c r="DI9" s="367">
        <v>1976310</v>
      </c>
      <c r="DJ9" s="366">
        <v>9765258</v>
      </c>
      <c r="DK9" s="369">
        <v>11741568</v>
      </c>
      <c r="DL9" s="365">
        <v>0</v>
      </c>
      <c r="DM9" s="366">
        <v>141302109</v>
      </c>
      <c r="DN9" s="366">
        <v>306875383</v>
      </c>
      <c r="DO9" s="366">
        <v>535623340</v>
      </c>
      <c r="DP9" s="366">
        <v>466999865</v>
      </c>
      <c r="DQ9" s="366">
        <v>271361019</v>
      </c>
      <c r="DR9" s="372">
        <v>1722161716</v>
      </c>
      <c r="DS9" s="363">
        <v>1733903284</v>
      </c>
      <c r="DT9" s="367">
        <v>1832992</v>
      </c>
      <c r="DU9" s="366">
        <v>8749792</v>
      </c>
      <c r="DV9" s="364">
        <v>10582784</v>
      </c>
      <c r="DW9" s="365">
        <v>0</v>
      </c>
      <c r="DX9" s="366">
        <v>126734141</v>
      </c>
      <c r="DY9" s="366">
        <v>267757231</v>
      </c>
      <c r="DZ9" s="366">
        <v>479581647</v>
      </c>
      <c r="EA9" s="366">
        <v>405790005</v>
      </c>
      <c r="EB9" s="366">
        <v>231394837</v>
      </c>
      <c r="EC9" s="364">
        <v>1511257861</v>
      </c>
      <c r="ED9" s="363">
        <v>1521840645</v>
      </c>
      <c r="EE9" s="367">
        <v>143318</v>
      </c>
      <c r="EF9" s="362">
        <v>1015466</v>
      </c>
      <c r="EG9" s="364">
        <v>1158784</v>
      </c>
      <c r="EH9" s="368">
        <v>0</v>
      </c>
      <c r="EI9" s="366">
        <v>14567968</v>
      </c>
      <c r="EJ9" s="366">
        <v>39118152</v>
      </c>
      <c r="EK9" s="366">
        <v>56041693</v>
      </c>
      <c r="EL9" s="366">
        <v>61209860</v>
      </c>
      <c r="EM9" s="370">
        <v>39921137</v>
      </c>
      <c r="EN9" s="362">
        <v>210858810</v>
      </c>
      <c r="EO9" s="363">
        <v>212017594</v>
      </c>
      <c r="EP9" s="367">
        <v>0</v>
      </c>
      <c r="EQ9" s="366">
        <v>0</v>
      </c>
      <c r="ER9" s="362">
        <v>0</v>
      </c>
      <c r="ES9" s="365">
        <v>0</v>
      </c>
      <c r="ET9" s="366">
        <v>0</v>
      </c>
      <c r="EU9" s="366">
        <v>0</v>
      </c>
      <c r="EV9" s="366">
        <v>0</v>
      </c>
      <c r="EW9" s="366">
        <v>0</v>
      </c>
      <c r="EX9" s="366">
        <v>45045</v>
      </c>
      <c r="EY9" s="371">
        <v>45045</v>
      </c>
      <c r="EZ9" s="363">
        <v>45045</v>
      </c>
      <c r="FA9" s="367">
        <v>0</v>
      </c>
      <c r="FB9" s="366">
        <v>0</v>
      </c>
      <c r="FC9" s="362">
        <v>0</v>
      </c>
      <c r="FD9" s="373"/>
      <c r="FE9" s="366">
        <v>0</v>
      </c>
      <c r="FF9" s="366">
        <v>0</v>
      </c>
      <c r="FG9" s="366">
        <v>0</v>
      </c>
      <c r="FH9" s="366">
        <v>0</v>
      </c>
      <c r="FI9" s="366">
        <v>0</v>
      </c>
      <c r="FJ9" s="371">
        <v>0</v>
      </c>
      <c r="FK9" s="363">
        <v>0</v>
      </c>
      <c r="FL9" s="367">
        <v>98624051</v>
      </c>
      <c r="FM9" s="366">
        <v>204906890</v>
      </c>
      <c r="FN9" s="364">
        <v>303530941</v>
      </c>
      <c r="FO9" s="365">
        <v>0</v>
      </c>
      <c r="FP9" s="366">
        <v>264977019</v>
      </c>
      <c r="FQ9" s="366">
        <v>669094714</v>
      </c>
      <c r="FR9" s="366">
        <v>471647292</v>
      </c>
      <c r="FS9" s="366">
        <v>423826737</v>
      </c>
      <c r="FT9" s="366">
        <v>313399640</v>
      </c>
      <c r="FU9" s="364">
        <v>2142945402</v>
      </c>
      <c r="FV9" s="363">
        <v>2446476343</v>
      </c>
      <c r="FW9" s="367">
        <v>56182142</v>
      </c>
      <c r="FX9" s="366">
        <v>154011141</v>
      </c>
      <c r="FY9" s="362">
        <v>210193283</v>
      </c>
      <c r="FZ9" s="368">
        <v>0</v>
      </c>
      <c r="GA9" s="366">
        <v>207446778</v>
      </c>
      <c r="GB9" s="374">
        <v>615077119</v>
      </c>
      <c r="GC9" s="366">
        <v>436935562</v>
      </c>
      <c r="GD9" s="374">
        <v>396607617</v>
      </c>
      <c r="GE9" s="366">
        <v>301801625</v>
      </c>
      <c r="GF9" s="371">
        <v>1957868701</v>
      </c>
      <c r="GG9" s="375">
        <v>2168061984</v>
      </c>
      <c r="GH9" s="376">
        <v>7197269</v>
      </c>
      <c r="GI9" s="366">
        <v>11965224</v>
      </c>
      <c r="GJ9" s="374">
        <v>19162493</v>
      </c>
      <c r="GK9" s="361">
        <v>0</v>
      </c>
      <c r="GL9" s="366">
        <v>13911419</v>
      </c>
      <c r="GM9" s="362">
        <v>18637060</v>
      </c>
      <c r="GN9" s="366">
        <v>13614235</v>
      </c>
      <c r="GO9" s="362">
        <v>11356939</v>
      </c>
      <c r="GP9" s="366">
        <v>5493788</v>
      </c>
      <c r="GQ9" s="372">
        <v>63013441</v>
      </c>
      <c r="GR9" s="363">
        <v>82175934</v>
      </c>
      <c r="GS9" s="362">
        <v>35244640</v>
      </c>
      <c r="GT9" s="366">
        <v>38930525</v>
      </c>
      <c r="GU9" s="364">
        <v>74175165</v>
      </c>
      <c r="GV9" s="362">
        <v>0</v>
      </c>
      <c r="GW9" s="366">
        <v>43618822</v>
      </c>
      <c r="GX9" s="362">
        <v>35380535</v>
      </c>
      <c r="GY9" s="366">
        <v>21097495</v>
      </c>
      <c r="GZ9" s="362">
        <v>15862181</v>
      </c>
      <c r="HA9" s="366">
        <v>6104227</v>
      </c>
      <c r="HB9" s="362">
        <v>122063260</v>
      </c>
      <c r="HC9" s="363">
        <v>196238425</v>
      </c>
      <c r="HD9" s="362">
        <v>96349461</v>
      </c>
      <c r="HE9" s="366">
        <v>118236655</v>
      </c>
      <c r="HF9" s="362">
        <v>214586116</v>
      </c>
      <c r="HG9" s="368">
        <v>0</v>
      </c>
      <c r="HH9" s="366">
        <v>1020564108</v>
      </c>
      <c r="HI9" s="374">
        <v>1060335831</v>
      </c>
      <c r="HJ9" s="366">
        <v>1020280886</v>
      </c>
      <c r="HK9" s="374">
        <v>1271862559</v>
      </c>
      <c r="HL9" s="366">
        <v>804437556</v>
      </c>
      <c r="HM9" s="371">
        <v>5177480940</v>
      </c>
      <c r="HN9" s="362">
        <v>5392067056</v>
      </c>
      <c r="HO9" s="376">
        <v>73186099</v>
      </c>
      <c r="HP9" s="366">
        <v>145613335</v>
      </c>
      <c r="HQ9" s="371">
        <v>218799434</v>
      </c>
      <c r="HR9" s="362">
        <v>0</v>
      </c>
      <c r="HS9" s="366">
        <v>868823352</v>
      </c>
      <c r="HT9" s="362">
        <v>936487011</v>
      </c>
      <c r="HU9" s="366">
        <v>602040143</v>
      </c>
      <c r="HV9" s="362">
        <v>416557924</v>
      </c>
      <c r="HW9" s="366">
        <v>254970685</v>
      </c>
      <c r="HX9" s="362">
        <v>3078879115</v>
      </c>
      <c r="HY9" s="363">
        <v>3297678549</v>
      </c>
      <c r="HZ9" s="377">
        <v>8761140</v>
      </c>
      <c r="IA9" s="378">
        <v>33422810</v>
      </c>
      <c r="IB9" s="379">
        <v>42183950</v>
      </c>
      <c r="IC9" s="380">
        <v>0</v>
      </c>
      <c r="ID9" s="378">
        <v>1618661120</v>
      </c>
      <c r="IE9" s="381">
        <v>2211859768</v>
      </c>
      <c r="IF9" s="382">
        <v>2349364043</v>
      </c>
      <c r="IG9" s="378">
        <v>1744211245</v>
      </c>
      <c r="IH9" s="382">
        <v>1286372842</v>
      </c>
      <c r="II9" s="383">
        <v>9210469018</v>
      </c>
      <c r="IJ9" s="384">
        <v>9252652968</v>
      </c>
      <c r="IK9" s="385">
        <v>0</v>
      </c>
      <c r="IL9" s="386">
        <v>0</v>
      </c>
      <c r="IM9" s="387">
        <v>0</v>
      </c>
      <c r="IN9" s="388"/>
      <c r="IO9" s="389">
        <v>24913252</v>
      </c>
      <c r="IP9" s="389">
        <v>52208344</v>
      </c>
      <c r="IQ9" s="389">
        <v>68718204</v>
      </c>
      <c r="IR9" s="389">
        <v>107097931</v>
      </c>
      <c r="IS9" s="389">
        <v>111662757</v>
      </c>
      <c r="IT9" s="390">
        <v>364600488</v>
      </c>
      <c r="IU9" s="391">
        <v>364600488</v>
      </c>
      <c r="IV9" s="392">
        <v>0</v>
      </c>
      <c r="IW9" s="389">
        <v>0</v>
      </c>
      <c r="IX9" s="393">
        <v>0</v>
      </c>
      <c r="IY9" s="394"/>
      <c r="IZ9" s="389">
        <v>3665545</v>
      </c>
      <c r="JA9" s="389">
        <v>11064400</v>
      </c>
      <c r="JB9" s="389">
        <v>11042908</v>
      </c>
      <c r="JC9" s="389">
        <v>14719091</v>
      </c>
      <c r="JD9" s="389">
        <v>16185581</v>
      </c>
      <c r="JE9" s="393">
        <v>56677525</v>
      </c>
      <c r="JF9" s="395">
        <v>56677525</v>
      </c>
      <c r="JG9" s="392">
        <v>0</v>
      </c>
      <c r="JH9" s="389">
        <v>0</v>
      </c>
      <c r="JI9" s="390">
        <v>0</v>
      </c>
      <c r="JJ9" s="396">
        <v>0</v>
      </c>
      <c r="JK9" s="389">
        <v>640534192</v>
      </c>
      <c r="JL9" s="389">
        <v>782256352</v>
      </c>
      <c r="JM9" s="389">
        <v>594179045</v>
      </c>
      <c r="JN9" s="389">
        <v>344026623</v>
      </c>
      <c r="JO9" s="389">
        <v>187274381</v>
      </c>
      <c r="JP9" s="393">
        <v>2548270593</v>
      </c>
      <c r="JQ9" s="391">
        <v>2548270593</v>
      </c>
      <c r="JR9" s="392">
        <v>210676</v>
      </c>
      <c r="JS9" s="389">
        <v>386366</v>
      </c>
      <c r="JT9" s="390">
        <v>597042</v>
      </c>
      <c r="JU9" s="396">
        <v>0</v>
      </c>
      <c r="JV9" s="389">
        <v>71562178</v>
      </c>
      <c r="JW9" s="389">
        <v>109065336</v>
      </c>
      <c r="JX9" s="389">
        <v>153541490</v>
      </c>
      <c r="JY9" s="389">
        <v>96428951</v>
      </c>
      <c r="JZ9" s="389">
        <v>73614324</v>
      </c>
      <c r="KA9" s="393">
        <v>504212279</v>
      </c>
      <c r="KB9" s="391">
        <v>504809321</v>
      </c>
      <c r="KC9" s="397">
        <v>8550464</v>
      </c>
      <c r="KD9" s="398">
        <v>23726757</v>
      </c>
      <c r="KE9" s="393">
        <v>32277221</v>
      </c>
      <c r="KF9" s="396">
        <v>0</v>
      </c>
      <c r="KG9" s="389">
        <v>200449757</v>
      </c>
      <c r="KH9" s="389">
        <v>307640092</v>
      </c>
      <c r="KI9" s="389">
        <v>361881062</v>
      </c>
      <c r="KJ9" s="389">
        <v>269654406</v>
      </c>
      <c r="KK9" s="389">
        <v>172628844</v>
      </c>
      <c r="KL9" s="393">
        <v>1312254161</v>
      </c>
      <c r="KM9" s="399">
        <v>1344531382</v>
      </c>
      <c r="KN9" s="385">
        <v>0</v>
      </c>
      <c r="KO9" s="386">
        <v>9309687</v>
      </c>
      <c r="KP9" s="387">
        <v>9309687</v>
      </c>
      <c r="KQ9" s="388"/>
      <c r="KR9" s="389">
        <v>636949396</v>
      </c>
      <c r="KS9" s="389">
        <v>860169240</v>
      </c>
      <c r="KT9" s="389">
        <v>1002404790</v>
      </c>
      <c r="KU9" s="389">
        <v>677987960</v>
      </c>
      <c r="KV9" s="389">
        <v>463648728</v>
      </c>
      <c r="KW9" s="393">
        <v>3641160114</v>
      </c>
      <c r="KX9" s="391">
        <v>3650469801</v>
      </c>
      <c r="KY9" s="392">
        <v>0</v>
      </c>
      <c r="KZ9" s="389">
        <v>0</v>
      </c>
      <c r="LA9" s="393">
        <v>0</v>
      </c>
      <c r="LB9" s="400"/>
      <c r="LC9" s="389">
        <v>6848766</v>
      </c>
      <c r="LD9" s="389">
        <v>8000278</v>
      </c>
      <c r="LE9" s="389">
        <v>12921527</v>
      </c>
      <c r="LF9" s="389">
        <v>14108580</v>
      </c>
      <c r="LG9" s="389">
        <v>13415114</v>
      </c>
      <c r="LH9" s="393">
        <v>55294265</v>
      </c>
      <c r="LI9" s="395">
        <v>55294265</v>
      </c>
      <c r="LJ9" s="392">
        <v>0</v>
      </c>
      <c r="LK9" s="389">
        <v>0</v>
      </c>
      <c r="LL9" s="393">
        <v>0</v>
      </c>
      <c r="LM9" s="400"/>
      <c r="LN9" s="389">
        <v>1391008</v>
      </c>
      <c r="LO9" s="389">
        <v>6866383</v>
      </c>
      <c r="LP9" s="389">
        <v>59448959</v>
      </c>
      <c r="LQ9" s="389">
        <v>95830400</v>
      </c>
      <c r="LR9" s="389">
        <v>77381942</v>
      </c>
      <c r="LS9" s="393">
        <v>240918692</v>
      </c>
      <c r="LT9" s="391">
        <v>240918692</v>
      </c>
      <c r="LU9" s="392">
        <v>0</v>
      </c>
      <c r="LV9" s="389">
        <v>0</v>
      </c>
      <c r="LW9" s="393">
        <v>0</v>
      </c>
      <c r="LX9" s="400"/>
      <c r="LY9" s="389">
        <v>32347026</v>
      </c>
      <c r="LZ9" s="389">
        <v>74589343</v>
      </c>
      <c r="MA9" s="389">
        <v>85226058</v>
      </c>
      <c r="MB9" s="389">
        <v>124357303</v>
      </c>
      <c r="MC9" s="389">
        <v>170561171</v>
      </c>
      <c r="MD9" s="393">
        <v>487080901</v>
      </c>
      <c r="ME9" s="395">
        <v>487080901</v>
      </c>
      <c r="MF9" s="392">
        <v>0</v>
      </c>
      <c r="MG9" s="389">
        <v>0</v>
      </c>
      <c r="MH9" s="393">
        <v>0</v>
      </c>
      <c r="MI9" s="400"/>
      <c r="MJ9" s="389">
        <v>528993763</v>
      </c>
      <c r="MK9" s="389">
        <v>1350469683</v>
      </c>
      <c r="ML9" s="389">
        <v>4011439124</v>
      </c>
      <c r="MM9" s="389">
        <v>6119675708</v>
      </c>
      <c r="MN9" s="389">
        <v>4238201967</v>
      </c>
      <c r="MO9" s="393">
        <v>16248780245</v>
      </c>
      <c r="MP9" s="399">
        <v>16248780245</v>
      </c>
      <c r="MQ9" s="392">
        <v>0</v>
      </c>
      <c r="MR9" s="389">
        <v>0</v>
      </c>
      <c r="MS9" s="393">
        <v>0</v>
      </c>
      <c r="MT9" s="400"/>
      <c r="MU9" s="389">
        <v>103254133</v>
      </c>
      <c r="MV9" s="389">
        <v>401029874</v>
      </c>
      <c r="MW9" s="389">
        <v>2591213626</v>
      </c>
      <c r="MX9" s="389">
        <v>4152120804</v>
      </c>
      <c r="MY9" s="389">
        <v>3037115906</v>
      </c>
      <c r="MZ9" s="393">
        <v>10284734343</v>
      </c>
      <c r="NA9" s="399">
        <v>10284734343</v>
      </c>
      <c r="NB9" s="392">
        <v>0</v>
      </c>
      <c r="NC9" s="389">
        <v>0</v>
      </c>
      <c r="ND9" s="393">
        <v>0</v>
      </c>
      <c r="NE9" s="400"/>
      <c r="NF9" s="389">
        <v>420914385</v>
      </c>
      <c r="NG9" s="389">
        <v>942014852</v>
      </c>
      <c r="NH9" s="389">
        <v>1396645511</v>
      </c>
      <c r="NI9" s="389">
        <v>1806234804</v>
      </c>
      <c r="NJ9" s="389">
        <v>974969356</v>
      </c>
      <c r="NK9" s="393">
        <v>5540778908</v>
      </c>
      <c r="NL9" s="391">
        <v>5540778908</v>
      </c>
      <c r="NM9" s="392">
        <v>0</v>
      </c>
      <c r="NN9" s="389">
        <v>0</v>
      </c>
      <c r="NO9" s="393">
        <v>0</v>
      </c>
      <c r="NP9" s="400"/>
      <c r="NQ9" s="389">
        <v>207612</v>
      </c>
      <c r="NR9" s="389">
        <v>0</v>
      </c>
      <c r="NS9" s="389">
        <v>1059351</v>
      </c>
      <c r="NT9" s="389">
        <v>30294405</v>
      </c>
      <c r="NU9" s="389">
        <v>39240708</v>
      </c>
      <c r="NV9" s="393">
        <v>70802076</v>
      </c>
      <c r="NW9" s="395">
        <v>70802076</v>
      </c>
      <c r="NX9" s="392">
        <v>0</v>
      </c>
      <c r="NY9" s="389">
        <v>0</v>
      </c>
      <c r="NZ9" s="393">
        <v>0</v>
      </c>
      <c r="OA9" s="400"/>
      <c r="OB9" s="389">
        <v>4617633</v>
      </c>
      <c r="OC9" s="389">
        <v>7424957</v>
      </c>
      <c r="OD9" s="389">
        <v>22520636</v>
      </c>
      <c r="OE9" s="389">
        <v>131025695</v>
      </c>
      <c r="OF9" s="389">
        <v>186875997</v>
      </c>
      <c r="OG9" s="393">
        <v>352464918</v>
      </c>
      <c r="OH9" s="395">
        <v>352464918</v>
      </c>
      <c r="OI9" s="392">
        <v>420655194</v>
      </c>
      <c r="OJ9" s="389">
        <v>889057782</v>
      </c>
      <c r="OK9" s="390">
        <v>1309712976</v>
      </c>
      <c r="OL9" s="396">
        <v>0</v>
      </c>
      <c r="OM9" s="389">
        <v>7432378746</v>
      </c>
      <c r="ON9" s="389">
        <v>10907243514</v>
      </c>
      <c r="OO9" s="389">
        <v>12447430413</v>
      </c>
      <c r="OP9" s="389">
        <v>13610689657</v>
      </c>
      <c r="OQ9" s="389">
        <v>9863180996</v>
      </c>
      <c r="OR9" s="393">
        <v>54260923326</v>
      </c>
      <c r="OS9" s="399">
        <v>55570636302</v>
      </c>
    </row>
    <row r="10" spans="1:409" s="401" customFormat="1" ht="21" customHeight="1" x14ac:dyDescent="0.2">
      <c r="A10" s="39"/>
      <c r="B10" s="467" t="s">
        <v>5</v>
      </c>
      <c r="C10" s="402">
        <v>166989613</v>
      </c>
      <c r="D10" s="403">
        <v>405850982</v>
      </c>
      <c r="E10" s="404">
        <v>572840595</v>
      </c>
      <c r="F10" s="405">
        <v>0</v>
      </c>
      <c r="G10" s="403">
        <v>1803383553</v>
      </c>
      <c r="H10" s="403">
        <v>3300478436</v>
      </c>
      <c r="I10" s="403">
        <v>2520259335</v>
      </c>
      <c r="J10" s="403">
        <v>2325419912</v>
      </c>
      <c r="K10" s="403">
        <v>1770894642</v>
      </c>
      <c r="L10" s="405">
        <v>11720435878</v>
      </c>
      <c r="M10" s="406">
        <v>12293276473</v>
      </c>
      <c r="N10" s="402">
        <v>44584629</v>
      </c>
      <c r="O10" s="403">
        <v>140123045</v>
      </c>
      <c r="P10" s="404">
        <v>184707674</v>
      </c>
      <c r="Q10" s="402">
        <v>0</v>
      </c>
      <c r="R10" s="403">
        <v>534473568</v>
      </c>
      <c r="S10" s="403">
        <v>1126374669</v>
      </c>
      <c r="T10" s="403">
        <v>871055203</v>
      </c>
      <c r="U10" s="403">
        <v>890826274</v>
      </c>
      <c r="V10" s="403">
        <v>914072311</v>
      </c>
      <c r="W10" s="404">
        <v>4336802025</v>
      </c>
      <c r="X10" s="406">
        <v>4521509699</v>
      </c>
      <c r="Y10" s="402">
        <v>0</v>
      </c>
      <c r="Z10" s="403">
        <v>0</v>
      </c>
      <c r="AA10" s="404">
        <v>0</v>
      </c>
      <c r="AB10" s="402">
        <v>0</v>
      </c>
      <c r="AC10" s="403">
        <v>241777570</v>
      </c>
      <c r="AD10" s="403">
        <v>522302539</v>
      </c>
      <c r="AE10" s="403">
        <v>443722948</v>
      </c>
      <c r="AF10" s="403">
        <v>478664957</v>
      </c>
      <c r="AG10" s="403">
        <v>506383344</v>
      </c>
      <c r="AH10" s="404">
        <v>2192851358</v>
      </c>
      <c r="AI10" s="406">
        <v>2192851358</v>
      </c>
      <c r="AJ10" s="402">
        <v>66371</v>
      </c>
      <c r="AK10" s="403">
        <v>214764</v>
      </c>
      <c r="AL10" s="404">
        <v>281135</v>
      </c>
      <c r="AM10" s="402">
        <v>0</v>
      </c>
      <c r="AN10" s="403">
        <v>923035</v>
      </c>
      <c r="AO10" s="403">
        <v>8376432</v>
      </c>
      <c r="AP10" s="403">
        <v>19828913</v>
      </c>
      <c r="AQ10" s="403">
        <v>50564972</v>
      </c>
      <c r="AR10" s="403">
        <v>110513958</v>
      </c>
      <c r="AS10" s="404">
        <v>190207310</v>
      </c>
      <c r="AT10" s="406">
        <v>190488445</v>
      </c>
      <c r="AU10" s="402">
        <v>26117164</v>
      </c>
      <c r="AV10" s="403">
        <v>102651390</v>
      </c>
      <c r="AW10" s="404">
        <v>128768554</v>
      </c>
      <c r="AX10" s="402">
        <v>0</v>
      </c>
      <c r="AY10" s="403">
        <v>180583258</v>
      </c>
      <c r="AZ10" s="403">
        <v>419447307</v>
      </c>
      <c r="BA10" s="403">
        <v>261303811</v>
      </c>
      <c r="BB10" s="403">
        <v>220196160</v>
      </c>
      <c r="BC10" s="403">
        <v>191360158</v>
      </c>
      <c r="BD10" s="404">
        <v>1272890694</v>
      </c>
      <c r="BE10" s="406">
        <v>1401659248</v>
      </c>
      <c r="BF10" s="402">
        <v>2182893</v>
      </c>
      <c r="BG10" s="403">
        <v>13220100</v>
      </c>
      <c r="BH10" s="407">
        <v>15402993</v>
      </c>
      <c r="BI10" s="408">
        <v>0</v>
      </c>
      <c r="BJ10" s="403">
        <v>10063139</v>
      </c>
      <c r="BK10" s="403">
        <v>27319730</v>
      </c>
      <c r="BL10" s="403">
        <v>19481616</v>
      </c>
      <c r="BM10" s="403">
        <v>15634964</v>
      </c>
      <c r="BN10" s="403">
        <v>9398148</v>
      </c>
      <c r="BO10" s="404">
        <v>81897597</v>
      </c>
      <c r="BP10" s="406">
        <v>97300590</v>
      </c>
      <c r="BQ10" s="402">
        <v>16218201</v>
      </c>
      <c r="BR10" s="403">
        <v>24036791</v>
      </c>
      <c r="BS10" s="404">
        <v>40254992</v>
      </c>
      <c r="BT10" s="402">
        <v>0</v>
      </c>
      <c r="BU10" s="403">
        <v>101126566</v>
      </c>
      <c r="BV10" s="403">
        <v>148928661</v>
      </c>
      <c r="BW10" s="403">
        <v>126717915</v>
      </c>
      <c r="BX10" s="403">
        <v>125765221</v>
      </c>
      <c r="BY10" s="403">
        <v>96416703</v>
      </c>
      <c r="BZ10" s="404">
        <v>598955066</v>
      </c>
      <c r="CA10" s="406">
        <v>639210058</v>
      </c>
      <c r="CB10" s="402">
        <v>16960757</v>
      </c>
      <c r="CC10" s="403">
        <v>51132292</v>
      </c>
      <c r="CD10" s="404">
        <v>68093049</v>
      </c>
      <c r="CE10" s="402">
        <v>0</v>
      </c>
      <c r="CF10" s="403">
        <v>450250072</v>
      </c>
      <c r="CG10" s="403">
        <v>823088615</v>
      </c>
      <c r="CH10" s="403">
        <v>527533921</v>
      </c>
      <c r="CI10" s="403">
        <v>335749088</v>
      </c>
      <c r="CJ10" s="403">
        <v>166948207</v>
      </c>
      <c r="CK10" s="404">
        <v>2303569903</v>
      </c>
      <c r="CL10" s="406">
        <v>2371662952</v>
      </c>
      <c r="CM10" s="402">
        <v>0</v>
      </c>
      <c r="CN10" s="403">
        <v>0</v>
      </c>
      <c r="CO10" s="404">
        <v>0</v>
      </c>
      <c r="CP10" s="408">
        <v>0</v>
      </c>
      <c r="CQ10" s="403">
        <v>379627974</v>
      </c>
      <c r="CR10" s="403">
        <v>630994677</v>
      </c>
      <c r="CS10" s="403">
        <v>390239444</v>
      </c>
      <c r="CT10" s="403">
        <v>238457405</v>
      </c>
      <c r="CU10" s="403">
        <v>128267514</v>
      </c>
      <c r="CV10" s="404">
        <v>1767587014</v>
      </c>
      <c r="CW10" s="406">
        <v>1767587014</v>
      </c>
      <c r="CX10" s="402">
        <v>16960757</v>
      </c>
      <c r="CY10" s="403">
        <v>51132292</v>
      </c>
      <c r="CZ10" s="404">
        <v>68093049</v>
      </c>
      <c r="DA10" s="402">
        <v>0</v>
      </c>
      <c r="DB10" s="403">
        <v>70622098</v>
      </c>
      <c r="DC10" s="403">
        <v>192093938</v>
      </c>
      <c r="DD10" s="403">
        <v>137294477</v>
      </c>
      <c r="DE10" s="403">
        <v>97291683</v>
      </c>
      <c r="DF10" s="403">
        <v>38680693</v>
      </c>
      <c r="DG10" s="404">
        <v>535982889</v>
      </c>
      <c r="DH10" s="406">
        <v>604075938</v>
      </c>
      <c r="DI10" s="402">
        <v>583123</v>
      </c>
      <c r="DJ10" s="403">
        <v>4478120</v>
      </c>
      <c r="DK10" s="407">
        <v>5061243</v>
      </c>
      <c r="DL10" s="408">
        <v>0</v>
      </c>
      <c r="DM10" s="403">
        <v>42951998</v>
      </c>
      <c r="DN10" s="403">
        <v>125256770</v>
      </c>
      <c r="DO10" s="403">
        <v>220551926</v>
      </c>
      <c r="DP10" s="403">
        <v>178793319</v>
      </c>
      <c r="DQ10" s="403">
        <v>114473600</v>
      </c>
      <c r="DR10" s="404">
        <v>682027613</v>
      </c>
      <c r="DS10" s="406">
        <v>687088856</v>
      </c>
      <c r="DT10" s="402">
        <v>561512</v>
      </c>
      <c r="DU10" s="403">
        <v>3849232</v>
      </c>
      <c r="DV10" s="404">
        <v>4410744</v>
      </c>
      <c r="DW10" s="402">
        <v>0</v>
      </c>
      <c r="DX10" s="403">
        <v>37582457</v>
      </c>
      <c r="DY10" s="403">
        <v>101342252</v>
      </c>
      <c r="DZ10" s="403">
        <v>187221564</v>
      </c>
      <c r="EA10" s="403">
        <v>143901516</v>
      </c>
      <c r="EB10" s="403">
        <v>90114055</v>
      </c>
      <c r="EC10" s="404">
        <v>560161844</v>
      </c>
      <c r="ED10" s="406">
        <v>564572588</v>
      </c>
      <c r="EE10" s="402">
        <v>21611</v>
      </c>
      <c r="EF10" s="407">
        <v>628888</v>
      </c>
      <c r="EG10" s="404">
        <v>650499</v>
      </c>
      <c r="EH10" s="402">
        <v>0</v>
      </c>
      <c r="EI10" s="403">
        <v>5369541</v>
      </c>
      <c r="EJ10" s="403">
        <v>23914518</v>
      </c>
      <c r="EK10" s="403">
        <v>33330362</v>
      </c>
      <c r="EL10" s="403">
        <v>34891803</v>
      </c>
      <c r="EM10" s="403">
        <v>24314500</v>
      </c>
      <c r="EN10" s="407">
        <v>121820724</v>
      </c>
      <c r="EO10" s="406">
        <v>122471223</v>
      </c>
      <c r="EP10" s="402">
        <v>0</v>
      </c>
      <c r="EQ10" s="403">
        <v>0</v>
      </c>
      <c r="ER10" s="407">
        <v>0</v>
      </c>
      <c r="ES10" s="408">
        <v>0</v>
      </c>
      <c r="ET10" s="403">
        <v>0</v>
      </c>
      <c r="EU10" s="403">
        <v>0</v>
      </c>
      <c r="EV10" s="403">
        <v>0</v>
      </c>
      <c r="EW10" s="403">
        <v>0</v>
      </c>
      <c r="EX10" s="403">
        <v>45045</v>
      </c>
      <c r="EY10" s="404">
        <v>45045</v>
      </c>
      <c r="EZ10" s="406">
        <v>45045</v>
      </c>
      <c r="FA10" s="402">
        <v>0</v>
      </c>
      <c r="FB10" s="403">
        <v>0</v>
      </c>
      <c r="FC10" s="407">
        <v>0</v>
      </c>
      <c r="FD10" s="409"/>
      <c r="FE10" s="403">
        <v>0</v>
      </c>
      <c r="FF10" s="403">
        <v>0</v>
      </c>
      <c r="FG10" s="403">
        <v>0</v>
      </c>
      <c r="FH10" s="403">
        <v>0</v>
      </c>
      <c r="FI10" s="403">
        <v>0</v>
      </c>
      <c r="FJ10" s="404">
        <v>0</v>
      </c>
      <c r="FK10" s="406">
        <v>0</v>
      </c>
      <c r="FL10" s="402">
        <v>36175848</v>
      </c>
      <c r="FM10" s="403">
        <v>88930123</v>
      </c>
      <c r="FN10" s="404">
        <v>125105971</v>
      </c>
      <c r="FO10" s="402">
        <v>0</v>
      </c>
      <c r="FP10" s="403">
        <v>70641384</v>
      </c>
      <c r="FQ10" s="403">
        <v>288044852</v>
      </c>
      <c r="FR10" s="403">
        <v>192274300</v>
      </c>
      <c r="FS10" s="403">
        <v>166597356</v>
      </c>
      <c r="FT10" s="403">
        <v>124926822</v>
      </c>
      <c r="FU10" s="404">
        <v>842484714</v>
      </c>
      <c r="FV10" s="406">
        <v>967590685</v>
      </c>
      <c r="FW10" s="410">
        <v>17549210</v>
      </c>
      <c r="FX10" s="403">
        <v>64841230</v>
      </c>
      <c r="FY10" s="407">
        <v>82390440</v>
      </c>
      <c r="FZ10" s="408">
        <v>0</v>
      </c>
      <c r="GA10" s="403">
        <v>52533029</v>
      </c>
      <c r="GB10" s="403">
        <v>265907235</v>
      </c>
      <c r="GC10" s="403">
        <v>177209294</v>
      </c>
      <c r="GD10" s="403">
        <v>154741909</v>
      </c>
      <c r="GE10" s="403">
        <v>119809829</v>
      </c>
      <c r="GF10" s="404">
        <v>770201296</v>
      </c>
      <c r="GG10" s="411">
        <v>852591736</v>
      </c>
      <c r="GH10" s="410">
        <v>2714754</v>
      </c>
      <c r="GI10" s="403">
        <v>4935184</v>
      </c>
      <c r="GJ10" s="407">
        <v>7649938</v>
      </c>
      <c r="GK10" s="408">
        <v>0</v>
      </c>
      <c r="GL10" s="403">
        <v>3275567</v>
      </c>
      <c r="GM10" s="403">
        <v>7887350</v>
      </c>
      <c r="GN10" s="403">
        <v>5612677</v>
      </c>
      <c r="GO10" s="403">
        <v>4621433</v>
      </c>
      <c r="GP10" s="403">
        <v>2385970</v>
      </c>
      <c r="GQ10" s="404">
        <v>23782997</v>
      </c>
      <c r="GR10" s="406">
        <v>31432935</v>
      </c>
      <c r="GS10" s="402">
        <v>15911884</v>
      </c>
      <c r="GT10" s="403">
        <v>19153709</v>
      </c>
      <c r="GU10" s="404">
        <v>35065593</v>
      </c>
      <c r="GV10" s="402">
        <v>0</v>
      </c>
      <c r="GW10" s="403">
        <v>14832788</v>
      </c>
      <c r="GX10" s="403">
        <v>14250267</v>
      </c>
      <c r="GY10" s="403">
        <v>9452329</v>
      </c>
      <c r="GZ10" s="403">
        <v>7234014</v>
      </c>
      <c r="HA10" s="403">
        <v>2731023</v>
      </c>
      <c r="HB10" s="407">
        <v>48500421</v>
      </c>
      <c r="HC10" s="406">
        <v>83566014</v>
      </c>
      <c r="HD10" s="402">
        <v>41688859</v>
      </c>
      <c r="HE10" s="403">
        <v>54803661</v>
      </c>
      <c r="HF10" s="407">
        <v>96492520</v>
      </c>
      <c r="HG10" s="408">
        <v>0</v>
      </c>
      <c r="HH10" s="403">
        <v>416354572</v>
      </c>
      <c r="HI10" s="403">
        <v>504241788</v>
      </c>
      <c r="HJ10" s="403">
        <v>451088169</v>
      </c>
      <c r="HK10" s="403">
        <v>580980494</v>
      </c>
      <c r="HL10" s="403">
        <v>343070638</v>
      </c>
      <c r="HM10" s="404">
        <v>2295735661</v>
      </c>
      <c r="HN10" s="405">
        <v>2392228181</v>
      </c>
      <c r="HO10" s="410">
        <v>26996397</v>
      </c>
      <c r="HP10" s="403">
        <v>66383741</v>
      </c>
      <c r="HQ10" s="404">
        <v>93380138</v>
      </c>
      <c r="HR10" s="402">
        <v>0</v>
      </c>
      <c r="HS10" s="403">
        <v>288711959</v>
      </c>
      <c r="HT10" s="403">
        <v>433471742</v>
      </c>
      <c r="HU10" s="403">
        <v>257755816</v>
      </c>
      <c r="HV10" s="403">
        <v>172473381</v>
      </c>
      <c r="HW10" s="403">
        <v>107403064</v>
      </c>
      <c r="HX10" s="407">
        <v>1259815962</v>
      </c>
      <c r="HY10" s="406">
        <v>1353196100</v>
      </c>
      <c r="HZ10" s="412">
        <v>3852778</v>
      </c>
      <c r="IA10" s="413">
        <v>12185954</v>
      </c>
      <c r="IB10" s="414">
        <v>16038732</v>
      </c>
      <c r="IC10" s="415">
        <v>0</v>
      </c>
      <c r="ID10" s="416">
        <v>647763658</v>
      </c>
      <c r="IE10" s="417">
        <v>994412528</v>
      </c>
      <c r="IF10" s="418">
        <v>1019031277</v>
      </c>
      <c r="IG10" s="416">
        <v>747044492</v>
      </c>
      <c r="IH10" s="418">
        <v>572631699</v>
      </c>
      <c r="II10" s="419">
        <v>3980883654</v>
      </c>
      <c r="IJ10" s="420">
        <v>3996922386</v>
      </c>
      <c r="IK10" s="421">
        <v>0</v>
      </c>
      <c r="IL10" s="422">
        <v>0</v>
      </c>
      <c r="IM10" s="423">
        <v>0</v>
      </c>
      <c r="IN10" s="424"/>
      <c r="IO10" s="425">
        <v>10305439</v>
      </c>
      <c r="IP10" s="425">
        <v>25290556</v>
      </c>
      <c r="IQ10" s="425">
        <v>35283011</v>
      </c>
      <c r="IR10" s="425">
        <v>51017689</v>
      </c>
      <c r="IS10" s="425">
        <v>51003059</v>
      </c>
      <c r="IT10" s="426">
        <v>172899754</v>
      </c>
      <c r="IU10" s="427">
        <v>172899754</v>
      </c>
      <c r="IV10" s="428">
        <v>0</v>
      </c>
      <c r="IW10" s="425">
        <v>0</v>
      </c>
      <c r="IX10" s="429">
        <v>0</v>
      </c>
      <c r="IY10" s="430"/>
      <c r="IZ10" s="425">
        <v>1892541</v>
      </c>
      <c r="JA10" s="425">
        <v>8243075</v>
      </c>
      <c r="JB10" s="425">
        <v>8268490</v>
      </c>
      <c r="JC10" s="425">
        <v>11023328</v>
      </c>
      <c r="JD10" s="425">
        <v>12501760</v>
      </c>
      <c r="JE10" s="429">
        <v>41929194</v>
      </c>
      <c r="JF10" s="431">
        <v>41929194</v>
      </c>
      <c r="JG10" s="428">
        <v>0</v>
      </c>
      <c r="JH10" s="425">
        <v>0</v>
      </c>
      <c r="JI10" s="426">
        <v>0</v>
      </c>
      <c r="JJ10" s="432">
        <v>0</v>
      </c>
      <c r="JK10" s="425">
        <v>224873245</v>
      </c>
      <c r="JL10" s="425">
        <v>370854178</v>
      </c>
      <c r="JM10" s="425">
        <v>278396880</v>
      </c>
      <c r="JN10" s="425">
        <v>159836462</v>
      </c>
      <c r="JO10" s="425">
        <v>89496961</v>
      </c>
      <c r="JP10" s="429">
        <v>1123457726</v>
      </c>
      <c r="JQ10" s="427">
        <v>1123457726</v>
      </c>
      <c r="JR10" s="428">
        <v>102344</v>
      </c>
      <c r="JS10" s="425">
        <v>128498</v>
      </c>
      <c r="JT10" s="426">
        <v>230842</v>
      </c>
      <c r="JU10" s="432">
        <v>0</v>
      </c>
      <c r="JV10" s="425">
        <v>37529460</v>
      </c>
      <c r="JW10" s="425">
        <v>57759879</v>
      </c>
      <c r="JX10" s="425">
        <v>79541318</v>
      </c>
      <c r="JY10" s="425">
        <v>55998878</v>
      </c>
      <c r="JZ10" s="425">
        <v>40638526</v>
      </c>
      <c r="KA10" s="429">
        <v>271468061</v>
      </c>
      <c r="KB10" s="427">
        <v>271698903</v>
      </c>
      <c r="KC10" s="433">
        <v>3750434</v>
      </c>
      <c r="KD10" s="434">
        <v>9022995</v>
      </c>
      <c r="KE10" s="429">
        <v>12773429</v>
      </c>
      <c r="KF10" s="432">
        <v>0</v>
      </c>
      <c r="KG10" s="425">
        <v>79760523</v>
      </c>
      <c r="KH10" s="425">
        <v>139592932</v>
      </c>
      <c r="KI10" s="425">
        <v>153113366</v>
      </c>
      <c r="KJ10" s="425">
        <v>129527759</v>
      </c>
      <c r="KK10" s="425">
        <v>85227542</v>
      </c>
      <c r="KL10" s="429">
        <v>587222122</v>
      </c>
      <c r="KM10" s="435">
        <v>599995551</v>
      </c>
      <c r="KN10" s="421">
        <v>0</v>
      </c>
      <c r="KO10" s="422">
        <v>3034461</v>
      </c>
      <c r="KP10" s="423">
        <v>3034461</v>
      </c>
      <c r="KQ10" s="424"/>
      <c r="KR10" s="425">
        <v>288429026</v>
      </c>
      <c r="KS10" s="425">
        <v>371527790</v>
      </c>
      <c r="KT10" s="425">
        <v>437000030</v>
      </c>
      <c r="KU10" s="425">
        <v>294412906</v>
      </c>
      <c r="KV10" s="425">
        <v>214937440</v>
      </c>
      <c r="KW10" s="429">
        <v>1606307192</v>
      </c>
      <c r="KX10" s="427">
        <v>1609341653</v>
      </c>
      <c r="KY10" s="428">
        <v>0</v>
      </c>
      <c r="KZ10" s="425">
        <v>0</v>
      </c>
      <c r="LA10" s="429">
        <v>0</v>
      </c>
      <c r="LB10" s="436"/>
      <c r="LC10" s="425">
        <v>0</v>
      </c>
      <c r="LD10" s="425">
        <v>381440</v>
      </c>
      <c r="LE10" s="425">
        <v>1063205</v>
      </c>
      <c r="LF10" s="425">
        <v>0</v>
      </c>
      <c r="LG10" s="425">
        <v>1273050</v>
      </c>
      <c r="LH10" s="429">
        <v>2717695</v>
      </c>
      <c r="LI10" s="431">
        <v>2717695</v>
      </c>
      <c r="LJ10" s="428">
        <v>0</v>
      </c>
      <c r="LK10" s="425">
        <v>0</v>
      </c>
      <c r="LL10" s="429">
        <v>0</v>
      </c>
      <c r="LM10" s="436"/>
      <c r="LN10" s="425">
        <v>793739</v>
      </c>
      <c r="LO10" s="425">
        <v>2747891</v>
      </c>
      <c r="LP10" s="425">
        <v>7287484</v>
      </c>
      <c r="LQ10" s="425">
        <v>11277137</v>
      </c>
      <c r="LR10" s="425">
        <v>13297443</v>
      </c>
      <c r="LS10" s="429">
        <v>35403694</v>
      </c>
      <c r="LT10" s="427">
        <v>35403694</v>
      </c>
      <c r="LU10" s="428">
        <v>0</v>
      </c>
      <c r="LV10" s="425">
        <v>0</v>
      </c>
      <c r="LW10" s="429">
        <v>0</v>
      </c>
      <c r="LX10" s="436"/>
      <c r="LY10" s="425">
        <v>4179685</v>
      </c>
      <c r="LZ10" s="425">
        <v>18014787</v>
      </c>
      <c r="MA10" s="425">
        <v>19077493</v>
      </c>
      <c r="MB10" s="425">
        <v>33950333</v>
      </c>
      <c r="MC10" s="425">
        <v>64255918</v>
      </c>
      <c r="MD10" s="429">
        <v>139478216</v>
      </c>
      <c r="ME10" s="431">
        <v>139478216</v>
      </c>
      <c r="MF10" s="428">
        <v>0</v>
      </c>
      <c r="MG10" s="425">
        <v>0</v>
      </c>
      <c r="MH10" s="429">
        <v>0</v>
      </c>
      <c r="MI10" s="436"/>
      <c r="MJ10" s="425">
        <v>216147594</v>
      </c>
      <c r="MK10" s="425">
        <v>709254644</v>
      </c>
      <c r="ML10" s="425">
        <v>1767027594</v>
      </c>
      <c r="MM10" s="425">
        <v>2634241516</v>
      </c>
      <c r="MN10" s="425">
        <v>1835730532</v>
      </c>
      <c r="MO10" s="429">
        <v>7162401880</v>
      </c>
      <c r="MP10" s="435">
        <v>7162401880</v>
      </c>
      <c r="MQ10" s="428">
        <v>0</v>
      </c>
      <c r="MR10" s="425">
        <v>0</v>
      </c>
      <c r="MS10" s="429">
        <v>0</v>
      </c>
      <c r="MT10" s="436"/>
      <c r="MU10" s="425">
        <v>60037165</v>
      </c>
      <c r="MV10" s="425">
        <v>268243681</v>
      </c>
      <c r="MW10" s="425">
        <v>1155492202</v>
      </c>
      <c r="MX10" s="425">
        <v>1750752652</v>
      </c>
      <c r="MY10" s="425">
        <v>1300840818</v>
      </c>
      <c r="MZ10" s="429">
        <v>4535366518</v>
      </c>
      <c r="NA10" s="435">
        <v>4535366518</v>
      </c>
      <c r="NB10" s="428">
        <v>0</v>
      </c>
      <c r="NC10" s="425">
        <v>0</v>
      </c>
      <c r="ND10" s="429">
        <v>0</v>
      </c>
      <c r="NE10" s="436"/>
      <c r="NF10" s="425">
        <v>155865242</v>
      </c>
      <c r="NG10" s="425">
        <v>439703983</v>
      </c>
      <c r="NH10" s="425">
        <v>607500944</v>
      </c>
      <c r="NI10" s="425">
        <v>834841760</v>
      </c>
      <c r="NJ10" s="425">
        <v>469965094</v>
      </c>
      <c r="NK10" s="429">
        <v>2507877023</v>
      </c>
      <c r="NL10" s="427">
        <v>2507877023</v>
      </c>
      <c r="NM10" s="428">
        <v>0</v>
      </c>
      <c r="NN10" s="425">
        <v>0</v>
      </c>
      <c r="NO10" s="429">
        <v>0</v>
      </c>
      <c r="NP10" s="436"/>
      <c r="NQ10" s="425">
        <v>0</v>
      </c>
      <c r="NR10" s="425">
        <v>0</v>
      </c>
      <c r="NS10" s="425">
        <v>341809</v>
      </c>
      <c r="NT10" s="425">
        <v>11017320</v>
      </c>
      <c r="NU10" s="425">
        <v>14838763</v>
      </c>
      <c r="NV10" s="429">
        <v>26197892</v>
      </c>
      <c r="NW10" s="431">
        <v>26197892</v>
      </c>
      <c r="NX10" s="428">
        <v>0</v>
      </c>
      <c r="NY10" s="425">
        <v>0</v>
      </c>
      <c r="NZ10" s="429">
        <v>0</v>
      </c>
      <c r="OA10" s="436"/>
      <c r="OB10" s="425">
        <v>245187</v>
      </c>
      <c r="OC10" s="425">
        <v>1306980</v>
      </c>
      <c r="OD10" s="425">
        <v>3692639</v>
      </c>
      <c r="OE10" s="425">
        <v>37629784</v>
      </c>
      <c r="OF10" s="425">
        <v>50085857</v>
      </c>
      <c r="OG10" s="429">
        <v>92960447</v>
      </c>
      <c r="OH10" s="431">
        <v>92960447</v>
      </c>
      <c r="OI10" s="428">
        <v>170842391</v>
      </c>
      <c r="OJ10" s="425">
        <v>418036936</v>
      </c>
      <c r="OK10" s="426">
        <v>588879327</v>
      </c>
      <c r="OL10" s="432">
        <v>0</v>
      </c>
      <c r="OM10" s="425">
        <v>2667294805</v>
      </c>
      <c r="ON10" s="425">
        <v>5004145608</v>
      </c>
      <c r="OO10" s="425">
        <v>5306318206</v>
      </c>
      <c r="OP10" s="425">
        <v>5706705920</v>
      </c>
      <c r="OQ10" s="425">
        <v>4179256873</v>
      </c>
      <c r="OR10" s="429">
        <v>22863721412</v>
      </c>
      <c r="OS10" s="435">
        <v>23452600739</v>
      </c>
    </row>
    <row r="11" spans="1:409" ht="21" customHeight="1" x14ac:dyDescent="0.2">
      <c r="B11" s="468" t="s">
        <v>6</v>
      </c>
      <c r="C11" s="100">
        <v>56547162</v>
      </c>
      <c r="D11" s="104">
        <v>99813450</v>
      </c>
      <c r="E11" s="103">
        <v>156360612</v>
      </c>
      <c r="F11" s="99">
        <v>0</v>
      </c>
      <c r="G11" s="104">
        <v>899156869</v>
      </c>
      <c r="H11" s="104">
        <v>990590961</v>
      </c>
      <c r="I11" s="104">
        <v>841696366</v>
      </c>
      <c r="J11" s="104">
        <v>828996227</v>
      </c>
      <c r="K11" s="104">
        <v>686160223</v>
      </c>
      <c r="L11" s="99">
        <v>4246600646</v>
      </c>
      <c r="M11" s="106">
        <v>4402961258</v>
      </c>
      <c r="N11" s="100">
        <v>16139764</v>
      </c>
      <c r="O11" s="104">
        <v>33344462</v>
      </c>
      <c r="P11" s="103">
        <v>49484226</v>
      </c>
      <c r="Q11" s="100">
        <v>0</v>
      </c>
      <c r="R11" s="104">
        <v>295640803</v>
      </c>
      <c r="S11" s="104">
        <v>353284087</v>
      </c>
      <c r="T11" s="104">
        <v>295315798</v>
      </c>
      <c r="U11" s="104">
        <v>340974310</v>
      </c>
      <c r="V11" s="104">
        <v>366097238</v>
      </c>
      <c r="W11" s="103">
        <v>1651312236</v>
      </c>
      <c r="X11" s="106">
        <v>1700796462</v>
      </c>
      <c r="Y11" s="100">
        <v>0</v>
      </c>
      <c r="Z11" s="104">
        <v>0</v>
      </c>
      <c r="AA11" s="103">
        <v>0</v>
      </c>
      <c r="AB11" s="100">
        <v>0</v>
      </c>
      <c r="AC11" s="104">
        <v>139098107</v>
      </c>
      <c r="AD11" s="104">
        <v>176777749</v>
      </c>
      <c r="AE11" s="104">
        <v>165796465</v>
      </c>
      <c r="AF11" s="104">
        <v>205983194</v>
      </c>
      <c r="AG11" s="104">
        <v>219689722</v>
      </c>
      <c r="AH11" s="103">
        <v>907345237</v>
      </c>
      <c r="AI11" s="106">
        <v>907345237</v>
      </c>
      <c r="AJ11" s="100">
        <v>18494</v>
      </c>
      <c r="AK11" s="104">
        <v>57624</v>
      </c>
      <c r="AL11" s="103">
        <v>76118</v>
      </c>
      <c r="AM11" s="100">
        <v>0</v>
      </c>
      <c r="AN11" s="104">
        <v>920589</v>
      </c>
      <c r="AO11" s="104">
        <v>3224791</v>
      </c>
      <c r="AP11" s="104">
        <v>6601365</v>
      </c>
      <c r="AQ11" s="104">
        <v>15931194</v>
      </c>
      <c r="AR11" s="104">
        <v>36861283</v>
      </c>
      <c r="AS11" s="103">
        <v>63539222</v>
      </c>
      <c r="AT11" s="106">
        <v>63615340</v>
      </c>
      <c r="AU11" s="100">
        <v>9360568</v>
      </c>
      <c r="AV11" s="104">
        <v>24277044</v>
      </c>
      <c r="AW11" s="103">
        <v>33637612</v>
      </c>
      <c r="AX11" s="100">
        <v>0</v>
      </c>
      <c r="AY11" s="104">
        <v>97204837</v>
      </c>
      <c r="AZ11" s="104">
        <v>109562413</v>
      </c>
      <c r="BA11" s="104">
        <v>67995558</v>
      </c>
      <c r="BB11" s="104">
        <v>65315064</v>
      </c>
      <c r="BC11" s="104">
        <v>63755423</v>
      </c>
      <c r="BD11" s="103">
        <v>403833295</v>
      </c>
      <c r="BE11" s="106">
        <v>437470907</v>
      </c>
      <c r="BF11" s="100">
        <v>575508</v>
      </c>
      <c r="BG11" s="104">
        <v>2046238</v>
      </c>
      <c r="BH11" s="102">
        <v>2621746</v>
      </c>
      <c r="BI11" s="101">
        <v>0</v>
      </c>
      <c r="BJ11" s="104">
        <v>7130277</v>
      </c>
      <c r="BK11" s="104">
        <v>8342358</v>
      </c>
      <c r="BL11" s="104">
        <v>4765642</v>
      </c>
      <c r="BM11" s="104">
        <v>4494316</v>
      </c>
      <c r="BN11" s="104">
        <v>3012853</v>
      </c>
      <c r="BO11" s="103">
        <v>27745446</v>
      </c>
      <c r="BP11" s="106">
        <v>30367192</v>
      </c>
      <c r="BQ11" s="100">
        <v>6185194</v>
      </c>
      <c r="BR11" s="104">
        <v>6963556</v>
      </c>
      <c r="BS11" s="103">
        <v>13148750</v>
      </c>
      <c r="BT11" s="100">
        <v>0</v>
      </c>
      <c r="BU11" s="104">
        <v>51286993</v>
      </c>
      <c r="BV11" s="104">
        <v>55376776</v>
      </c>
      <c r="BW11" s="104">
        <v>50156768</v>
      </c>
      <c r="BX11" s="104">
        <v>49250542</v>
      </c>
      <c r="BY11" s="104">
        <v>42777957</v>
      </c>
      <c r="BZ11" s="103">
        <v>248849036</v>
      </c>
      <c r="CA11" s="106">
        <v>261997786</v>
      </c>
      <c r="CB11" s="100">
        <v>2968255</v>
      </c>
      <c r="CC11" s="104">
        <v>9279372</v>
      </c>
      <c r="CD11" s="103">
        <v>12247627</v>
      </c>
      <c r="CE11" s="100">
        <v>0</v>
      </c>
      <c r="CF11" s="104">
        <v>236520840</v>
      </c>
      <c r="CG11" s="104">
        <v>260131757</v>
      </c>
      <c r="CH11" s="104">
        <v>193629948</v>
      </c>
      <c r="CI11" s="104">
        <v>132753939</v>
      </c>
      <c r="CJ11" s="104">
        <v>67077637</v>
      </c>
      <c r="CK11" s="103">
        <v>890114121</v>
      </c>
      <c r="CL11" s="106">
        <v>902361748</v>
      </c>
      <c r="CM11" s="100">
        <v>0</v>
      </c>
      <c r="CN11" s="104">
        <v>0</v>
      </c>
      <c r="CO11" s="103">
        <v>0</v>
      </c>
      <c r="CP11" s="101">
        <v>0</v>
      </c>
      <c r="CQ11" s="104">
        <v>201603397</v>
      </c>
      <c r="CR11" s="104">
        <v>210984494</v>
      </c>
      <c r="CS11" s="104">
        <v>152216472</v>
      </c>
      <c r="CT11" s="104">
        <v>103677654</v>
      </c>
      <c r="CU11" s="104">
        <v>54247813</v>
      </c>
      <c r="CV11" s="103">
        <v>722729830</v>
      </c>
      <c r="CW11" s="106">
        <v>722729830</v>
      </c>
      <c r="CX11" s="100">
        <v>2968255</v>
      </c>
      <c r="CY11" s="104">
        <v>9279372</v>
      </c>
      <c r="CZ11" s="103">
        <v>12247627</v>
      </c>
      <c r="DA11" s="100">
        <v>0</v>
      </c>
      <c r="DB11" s="104">
        <v>34917443</v>
      </c>
      <c r="DC11" s="104">
        <v>49147263</v>
      </c>
      <c r="DD11" s="104">
        <v>41413476</v>
      </c>
      <c r="DE11" s="104">
        <v>29076285</v>
      </c>
      <c r="DF11" s="104">
        <v>12829824</v>
      </c>
      <c r="DG11" s="103">
        <v>167384291</v>
      </c>
      <c r="DH11" s="106">
        <v>179631918</v>
      </c>
      <c r="DI11" s="100">
        <v>103956</v>
      </c>
      <c r="DJ11" s="104">
        <v>704099</v>
      </c>
      <c r="DK11" s="102">
        <v>808055</v>
      </c>
      <c r="DL11" s="101">
        <v>0</v>
      </c>
      <c r="DM11" s="104">
        <v>17096543</v>
      </c>
      <c r="DN11" s="104">
        <v>34148293</v>
      </c>
      <c r="DO11" s="104">
        <v>56468675</v>
      </c>
      <c r="DP11" s="104">
        <v>52992975</v>
      </c>
      <c r="DQ11" s="104">
        <v>34024807</v>
      </c>
      <c r="DR11" s="103">
        <v>194731293</v>
      </c>
      <c r="DS11" s="106">
        <v>195539348</v>
      </c>
      <c r="DT11" s="100">
        <v>103956</v>
      </c>
      <c r="DU11" s="104">
        <v>618041</v>
      </c>
      <c r="DV11" s="103">
        <v>721997</v>
      </c>
      <c r="DW11" s="100">
        <v>0</v>
      </c>
      <c r="DX11" s="104">
        <v>15003373</v>
      </c>
      <c r="DY11" s="104">
        <v>30111340</v>
      </c>
      <c r="DZ11" s="104">
        <v>49783167</v>
      </c>
      <c r="EA11" s="104">
        <v>44352252</v>
      </c>
      <c r="EB11" s="104">
        <v>29045157</v>
      </c>
      <c r="EC11" s="103">
        <v>168295289</v>
      </c>
      <c r="ED11" s="106">
        <v>169017286</v>
      </c>
      <c r="EE11" s="100">
        <v>0</v>
      </c>
      <c r="EF11" s="102">
        <v>86058</v>
      </c>
      <c r="EG11" s="103">
        <v>86058</v>
      </c>
      <c r="EH11" s="100">
        <v>0</v>
      </c>
      <c r="EI11" s="104">
        <v>2093170</v>
      </c>
      <c r="EJ11" s="104">
        <v>4036953</v>
      </c>
      <c r="EK11" s="104">
        <v>6685508</v>
      </c>
      <c r="EL11" s="104">
        <v>8640723</v>
      </c>
      <c r="EM11" s="104">
        <v>4979650</v>
      </c>
      <c r="EN11" s="102">
        <v>26436004</v>
      </c>
      <c r="EO11" s="106">
        <v>26522062</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2"/>
      <c r="FE11" s="104">
        <v>0</v>
      </c>
      <c r="FF11" s="104">
        <v>0</v>
      </c>
      <c r="FG11" s="104">
        <v>0</v>
      </c>
      <c r="FH11" s="104">
        <v>0</v>
      </c>
      <c r="FI11" s="104">
        <v>0</v>
      </c>
      <c r="FJ11" s="103">
        <v>0</v>
      </c>
      <c r="FK11" s="106">
        <v>0</v>
      </c>
      <c r="FL11" s="100">
        <v>13010502</v>
      </c>
      <c r="FM11" s="104">
        <v>22859499</v>
      </c>
      <c r="FN11" s="103">
        <v>35870001</v>
      </c>
      <c r="FO11" s="100">
        <v>0</v>
      </c>
      <c r="FP11" s="104">
        <v>51328401</v>
      </c>
      <c r="FQ11" s="104">
        <v>89387842</v>
      </c>
      <c r="FR11" s="104">
        <v>67433231</v>
      </c>
      <c r="FS11" s="104">
        <v>61689445</v>
      </c>
      <c r="FT11" s="104">
        <v>48787043</v>
      </c>
      <c r="FU11" s="103">
        <v>318625962</v>
      </c>
      <c r="FV11" s="106">
        <v>354495963</v>
      </c>
      <c r="FW11" s="105">
        <v>8668428</v>
      </c>
      <c r="FX11" s="104">
        <v>18904803</v>
      </c>
      <c r="FY11" s="102">
        <v>27573231</v>
      </c>
      <c r="FZ11" s="101">
        <v>0</v>
      </c>
      <c r="GA11" s="104">
        <v>43228737</v>
      </c>
      <c r="GB11" s="104">
        <v>81697211</v>
      </c>
      <c r="GC11" s="104">
        <v>61861789</v>
      </c>
      <c r="GD11" s="104">
        <v>58623481</v>
      </c>
      <c r="GE11" s="104">
        <v>47602265</v>
      </c>
      <c r="GF11" s="103">
        <v>293013483</v>
      </c>
      <c r="GG11" s="294">
        <v>320586714</v>
      </c>
      <c r="GH11" s="105">
        <v>735235</v>
      </c>
      <c r="GI11" s="104">
        <v>1314480</v>
      </c>
      <c r="GJ11" s="102">
        <v>2049715</v>
      </c>
      <c r="GK11" s="101">
        <v>0</v>
      </c>
      <c r="GL11" s="104">
        <v>2580701</v>
      </c>
      <c r="GM11" s="104">
        <v>3147856</v>
      </c>
      <c r="GN11" s="104">
        <v>1935836</v>
      </c>
      <c r="GO11" s="104">
        <v>1525936</v>
      </c>
      <c r="GP11" s="104">
        <v>1004678</v>
      </c>
      <c r="GQ11" s="103">
        <v>10195007</v>
      </c>
      <c r="GR11" s="106">
        <v>12244722</v>
      </c>
      <c r="GS11" s="100">
        <v>3606839</v>
      </c>
      <c r="GT11" s="104">
        <v>2640216</v>
      </c>
      <c r="GU11" s="103">
        <v>6247055</v>
      </c>
      <c r="GV11" s="100">
        <v>0</v>
      </c>
      <c r="GW11" s="104">
        <v>5518963</v>
      </c>
      <c r="GX11" s="104">
        <v>4542775</v>
      </c>
      <c r="GY11" s="104">
        <v>3635606</v>
      </c>
      <c r="GZ11" s="104">
        <v>1540028</v>
      </c>
      <c r="HA11" s="104">
        <v>180100</v>
      </c>
      <c r="HB11" s="102">
        <v>15417472</v>
      </c>
      <c r="HC11" s="106">
        <v>21664527</v>
      </c>
      <c r="HD11" s="100">
        <v>13503274</v>
      </c>
      <c r="HE11" s="104">
        <v>15557187</v>
      </c>
      <c r="HF11" s="102">
        <v>29060461</v>
      </c>
      <c r="HG11" s="101">
        <v>0</v>
      </c>
      <c r="HH11" s="104">
        <v>154445847</v>
      </c>
      <c r="HI11" s="104">
        <v>134147931</v>
      </c>
      <c r="HJ11" s="104">
        <v>147375455</v>
      </c>
      <c r="HK11" s="104">
        <v>181228083</v>
      </c>
      <c r="HL11" s="104">
        <v>130861855</v>
      </c>
      <c r="HM11" s="103">
        <v>748059171</v>
      </c>
      <c r="HN11" s="99">
        <v>777119632</v>
      </c>
      <c r="HO11" s="105">
        <v>10821411</v>
      </c>
      <c r="HP11" s="104">
        <v>18068831</v>
      </c>
      <c r="HQ11" s="103">
        <v>28890242</v>
      </c>
      <c r="HR11" s="100">
        <v>0</v>
      </c>
      <c r="HS11" s="104">
        <v>144124435</v>
      </c>
      <c r="HT11" s="104">
        <v>119491051</v>
      </c>
      <c r="HU11" s="104">
        <v>81473259</v>
      </c>
      <c r="HV11" s="104">
        <v>59357475</v>
      </c>
      <c r="HW11" s="104">
        <v>39311643</v>
      </c>
      <c r="HX11" s="102">
        <v>443757863</v>
      </c>
      <c r="HY11" s="106">
        <v>472648105</v>
      </c>
      <c r="HZ11" s="118">
        <v>1197932</v>
      </c>
      <c r="IA11" s="119">
        <v>3695454</v>
      </c>
      <c r="IB11" s="120">
        <v>4893386</v>
      </c>
      <c r="IC11" s="133">
        <v>0</v>
      </c>
      <c r="ID11" s="119">
        <v>273122088</v>
      </c>
      <c r="IE11" s="134">
        <v>342921797</v>
      </c>
      <c r="IF11" s="120">
        <v>361245495</v>
      </c>
      <c r="IG11" s="119">
        <v>296773204</v>
      </c>
      <c r="IH11" s="120">
        <v>239494707</v>
      </c>
      <c r="II11" s="135">
        <v>1513557291</v>
      </c>
      <c r="IJ11" s="126">
        <v>1518450677</v>
      </c>
      <c r="IK11" s="219">
        <v>0</v>
      </c>
      <c r="IL11" s="223">
        <v>0</v>
      </c>
      <c r="IM11" s="224">
        <v>0</v>
      </c>
      <c r="IN11" s="127"/>
      <c r="IO11" s="109">
        <v>5608709</v>
      </c>
      <c r="IP11" s="109">
        <v>8363690</v>
      </c>
      <c r="IQ11" s="109">
        <v>13837854</v>
      </c>
      <c r="IR11" s="109">
        <v>27799398</v>
      </c>
      <c r="IS11" s="109">
        <v>30217497</v>
      </c>
      <c r="IT11" s="128">
        <v>85827148</v>
      </c>
      <c r="IU11" s="296">
        <v>85827148</v>
      </c>
      <c r="IV11" s="129">
        <v>0</v>
      </c>
      <c r="IW11" s="109">
        <v>0</v>
      </c>
      <c r="IX11" s="110">
        <v>0</v>
      </c>
      <c r="IY11" s="131"/>
      <c r="IZ11" s="109">
        <v>1359999</v>
      </c>
      <c r="JA11" s="109">
        <v>2437680</v>
      </c>
      <c r="JB11" s="109">
        <v>2358871</v>
      </c>
      <c r="JC11" s="109">
        <v>2579552</v>
      </c>
      <c r="JD11" s="109">
        <v>3221797</v>
      </c>
      <c r="JE11" s="110">
        <v>11957899</v>
      </c>
      <c r="JF11" s="111">
        <v>11957899</v>
      </c>
      <c r="JG11" s="129">
        <v>0</v>
      </c>
      <c r="JH11" s="109">
        <v>0</v>
      </c>
      <c r="JI11" s="128">
        <v>0</v>
      </c>
      <c r="JJ11" s="108">
        <v>0</v>
      </c>
      <c r="JK11" s="109">
        <v>89306046</v>
      </c>
      <c r="JL11" s="109">
        <v>87617122</v>
      </c>
      <c r="JM11" s="109">
        <v>73693408</v>
      </c>
      <c r="JN11" s="109">
        <v>48229707</v>
      </c>
      <c r="JO11" s="109">
        <v>28019730</v>
      </c>
      <c r="JP11" s="110">
        <v>326866013</v>
      </c>
      <c r="JQ11" s="296">
        <v>326866013</v>
      </c>
      <c r="JR11" s="129">
        <v>66427</v>
      </c>
      <c r="JS11" s="109">
        <v>59838</v>
      </c>
      <c r="JT11" s="128">
        <v>126265</v>
      </c>
      <c r="JU11" s="108">
        <v>0</v>
      </c>
      <c r="JV11" s="109">
        <v>15783986</v>
      </c>
      <c r="JW11" s="109">
        <v>25423214</v>
      </c>
      <c r="JX11" s="109">
        <v>33717069</v>
      </c>
      <c r="JY11" s="109">
        <v>18956050</v>
      </c>
      <c r="JZ11" s="109">
        <v>16155999</v>
      </c>
      <c r="KA11" s="110">
        <v>110036318</v>
      </c>
      <c r="KB11" s="296">
        <v>110162583</v>
      </c>
      <c r="KC11" s="221">
        <v>1131505</v>
      </c>
      <c r="KD11" s="217">
        <v>2690695</v>
      </c>
      <c r="KE11" s="110">
        <v>3822200</v>
      </c>
      <c r="KF11" s="108">
        <v>0</v>
      </c>
      <c r="KG11" s="109">
        <v>32420095</v>
      </c>
      <c r="KH11" s="109">
        <v>42947868</v>
      </c>
      <c r="KI11" s="109">
        <v>50030336</v>
      </c>
      <c r="KJ11" s="109">
        <v>34115365</v>
      </c>
      <c r="KK11" s="109">
        <v>22819234</v>
      </c>
      <c r="KL11" s="110">
        <v>182332898</v>
      </c>
      <c r="KM11" s="130">
        <v>186155098</v>
      </c>
      <c r="KN11" s="219">
        <v>0</v>
      </c>
      <c r="KO11" s="223">
        <v>944921</v>
      </c>
      <c r="KP11" s="224">
        <v>944921</v>
      </c>
      <c r="KQ11" s="127"/>
      <c r="KR11" s="109">
        <v>116138162</v>
      </c>
      <c r="KS11" s="109">
        <v>153931243</v>
      </c>
      <c r="KT11" s="109">
        <v>150386722</v>
      </c>
      <c r="KU11" s="109">
        <v>105976788</v>
      </c>
      <c r="KV11" s="109">
        <v>76295051</v>
      </c>
      <c r="KW11" s="110">
        <v>602727966</v>
      </c>
      <c r="KX11" s="296">
        <v>603672887</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419141</v>
      </c>
      <c r="LO11" s="109">
        <v>1553719</v>
      </c>
      <c r="LP11" s="109">
        <v>19974652</v>
      </c>
      <c r="LQ11" s="109">
        <v>29367899</v>
      </c>
      <c r="LR11" s="109">
        <v>22075948</v>
      </c>
      <c r="LS11" s="110">
        <v>73391359</v>
      </c>
      <c r="LT11" s="296">
        <v>73391359</v>
      </c>
      <c r="LU11" s="129">
        <v>0</v>
      </c>
      <c r="LV11" s="109">
        <v>0</v>
      </c>
      <c r="LW11" s="110">
        <v>0</v>
      </c>
      <c r="LX11" s="132"/>
      <c r="LY11" s="109">
        <v>12085950</v>
      </c>
      <c r="LZ11" s="109">
        <v>20647261</v>
      </c>
      <c r="MA11" s="109">
        <v>17246583</v>
      </c>
      <c r="MB11" s="109">
        <v>29748445</v>
      </c>
      <c r="MC11" s="109">
        <v>40689451</v>
      </c>
      <c r="MD11" s="110">
        <v>120417690</v>
      </c>
      <c r="ME11" s="111">
        <v>120417690</v>
      </c>
      <c r="MF11" s="129">
        <v>0</v>
      </c>
      <c r="MG11" s="109">
        <v>0</v>
      </c>
      <c r="MH11" s="110">
        <v>0</v>
      </c>
      <c r="MI11" s="132"/>
      <c r="MJ11" s="109">
        <v>75693795</v>
      </c>
      <c r="MK11" s="109">
        <v>133902817</v>
      </c>
      <c r="ML11" s="109">
        <v>467437101</v>
      </c>
      <c r="MM11" s="109">
        <v>744378812</v>
      </c>
      <c r="MN11" s="109">
        <v>542713660</v>
      </c>
      <c r="MO11" s="110">
        <v>1964126185</v>
      </c>
      <c r="MP11" s="130">
        <v>1964126185</v>
      </c>
      <c r="MQ11" s="129">
        <v>0</v>
      </c>
      <c r="MR11" s="109">
        <v>0</v>
      </c>
      <c r="MS11" s="110">
        <v>0</v>
      </c>
      <c r="MT11" s="132"/>
      <c r="MU11" s="109">
        <v>19655422</v>
      </c>
      <c r="MV11" s="109">
        <v>44004681</v>
      </c>
      <c r="MW11" s="109">
        <v>311438243</v>
      </c>
      <c r="MX11" s="109">
        <v>502810432</v>
      </c>
      <c r="MY11" s="109">
        <v>391368343</v>
      </c>
      <c r="MZ11" s="110">
        <v>1269277121</v>
      </c>
      <c r="NA11" s="130">
        <v>1269277121</v>
      </c>
      <c r="NB11" s="129">
        <v>0</v>
      </c>
      <c r="NC11" s="109">
        <v>0</v>
      </c>
      <c r="ND11" s="110">
        <v>0</v>
      </c>
      <c r="NE11" s="132"/>
      <c r="NF11" s="109">
        <v>55830761</v>
      </c>
      <c r="NG11" s="109">
        <v>89787328</v>
      </c>
      <c r="NH11" s="109">
        <v>154436217</v>
      </c>
      <c r="NI11" s="109">
        <v>215624016</v>
      </c>
      <c r="NJ11" s="109">
        <v>112763668</v>
      </c>
      <c r="NK11" s="110">
        <v>628441990</v>
      </c>
      <c r="NL11" s="296">
        <v>628441990</v>
      </c>
      <c r="NM11" s="129">
        <v>0</v>
      </c>
      <c r="NN11" s="109">
        <v>0</v>
      </c>
      <c r="NO11" s="110">
        <v>0</v>
      </c>
      <c r="NP11" s="132"/>
      <c r="NQ11" s="109">
        <v>207612</v>
      </c>
      <c r="NR11" s="109">
        <v>0</v>
      </c>
      <c r="NS11" s="109">
        <v>427731</v>
      </c>
      <c r="NT11" s="109">
        <v>9845297</v>
      </c>
      <c r="NU11" s="109">
        <v>15660940</v>
      </c>
      <c r="NV11" s="110">
        <v>26141580</v>
      </c>
      <c r="NW11" s="111">
        <v>26141580</v>
      </c>
      <c r="NX11" s="129">
        <v>0</v>
      </c>
      <c r="NY11" s="109">
        <v>0</v>
      </c>
      <c r="NZ11" s="110">
        <v>0</v>
      </c>
      <c r="OA11" s="132"/>
      <c r="OB11" s="109">
        <v>0</v>
      </c>
      <c r="OC11" s="109">
        <v>110808</v>
      </c>
      <c r="OD11" s="109">
        <v>1134910</v>
      </c>
      <c r="OE11" s="109">
        <v>16099067</v>
      </c>
      <c r="OF11" s="109">
        <v>22920709</v>
      </c>
      <c r="OG11" s="110">
        <v>40265494</v>
      </c>
      <c r="OH11" s="111">
        <v>40265494</v>
      </c>
      <c r="OI11" s="129">
        <v>57745094</v>
      </c>
      <c r="OJ11" s="109">
        <v>103508904</v>
      </c>
      <c r="OK11" s="128">
        <v>161253998</v>
      </c>
      <c r="OL11" s="108">
        <v>0</v>
      </c>
      <c r="OM11" s="109">
        <v>1247972752</v>
      </c>
      <c r="ON11" s="109">
        <v>1467415575</v>
      </c>
      <c r="OO11" s="109">
        <v>1670378962</v>
      </c>
      <c r="OP11" s="109">
        <v>1870148243</v>
      </c>
      <c r="OQ11" s="109">
        <v>1468368590</v>
      </c>
      <c r="OR11" s="110">
        <v>7724284122</v>
      </c>
      <c r="OS11" s="130">
        <v>7885538120</v>
      </c>
    </row>
    <row r="12" spans="1:409" ht="21" customHeight="1" x14ac:dyDescent="0.2">
      <c r="B12" s="468" t="s">
        <v>14</v>
      </c>
      <c r="C12" s="100">
        <v>27157777</v>
      </c>
      <c r="D12" s="104">
        <v>72894212</v>
      </c>
      <c r="E12" s="103">
        <v>100051989</v>
      </c>
      <c r="F12" s="99">
        <v>0</v>
      </c>
      <c r="G12" s="104">
        <v>337277186</v>
      </c>
      <c r="H12" s="104">
        <v>543078158</v>
      </c>
      <c r="I12" s="104">
        <v>503041314</v>
      </c>
      <c r="J12" s="104">
        <v>456942228</v>
      </c>
      <c r="K12" s="104">
        <v>298230354</v>
      </c>
      <c r="L12" s="102">
        <v>2138569240</v>
      </c>
      <c r="M12" s="106">
        <v>2238621229</v>
      </c>
      <c r="N12" s="100">
        <v>5422148</v>
      </c>
      <c r="O12" s="104">
        <v>17997939</v>
      </c>
      <c r="P12" s="103">
        <v>23420087</v>
      </c>
      <c r="Q12" s="100">
        <v>0</v>
      </c>
      <c r="R12" s="104">
        <v>93012376</v>
      </c>
      <c r="S12" s="104">
        <v>173034196</v>
      </c>
      <c r="T12" s="104">
        <v>171655755</v>
      </c>
      <c r="U12" s="104">
        <v>180636719</v>
      </c>
      <c r="V12" s="104">
        <v>154286574</v>
      </c>
      <c r="W12" s="103">
        <v>772625620</v>
      </c>
      <c r="X12" s="106">
        <v>796045707</v>
      </c>
      <c r="Y12" s="100">
        <v>0</v>
      </c>
      <c r="Z12" s="104">
        <v>0</v>
      </c>
      <c r="AA12" s="103">
        <v>0</v>
      </c>
      <c r="AB12" s="100">
        <v>0</v>
      </c>
      <c r="AC12" s="104">
        <v>46904293</v>
      </c>
      <c r="AD12" s="104">
        <v>90331956</v>
      </c>
      <c r="AE12" s="104">
        <v>101333447</v>
      </c>
      <c r="AF12" s="104">
        <v>110271976</v>
      </c>
      <c r="AG12" s="104">
        <v>92684355</v>
      </c>
      <c r="AH12" s="103">
        <v>441526027</v>
      </c>
      <c r="AI12" s="106">
        <v>441526027</v>
      </c>
      <c r="AJ12" s="100">
        <v>0</v>
      </c>
      <c r="AK12" s="104">
        <v>56184</v>
      </c>
      <c r="AL12" s="103">
        <v>56184</v>
      </c>
      <c r="AM12" s="100">
        <v>0</v>
      </c>
      <c r="AN12" s="104">
        <v>27454</v>
      </c>
      <c r="AO12" s="104">
        <v>1063089</v>
      </c>
      <c r="AP12" s="104">
        <v>3214857</v>
      </c>
      <c r="AQ12" s="104">
        <v>9301365</v>
      </c>
      <c r="AR12" s="104">
        <v>14832330</v>
      </c>
      <c r="AS12" s="103">
        <v>28439095</v>
      </c>
      <c r="AT12" s="106">
        <v>28495279</v>
      </c>
      <c r="AU12" s="100">
        <v>2676756</v>
      </c>
      <c r="AV12" s="104">
        <v>12547822</v>
      </c>
      <c r="AW12" s="103">
        <v>15224578</v>
      </c>
      <c r="AX12" s="100">
        <v>0</v>
      </c>
      <c r="AY12" s="104">
        <v>26672383</v>
      </c>
      <c r="AZ12" s="104">
        <v>52961810</v>
      </c>
      <c r="BA12" s="104">
        <v>38008305</v>
      </c>
      <c r="BB12" s="104">
        <v>35311279</v>
      </c>
      <c r="BC12" s="104">
        <v>28217503</v>
      </c>
      <c r="BD12" s="103">
        <v>181171280</v>
      </c>
      <c r="BE12" s="106">
        <v>196395858</v>
      </c>
      <c r="BF12" s="100">
        <v>157325</v>
      </c>
      <c r="BG12" s="104">
        <v>1299655</v>
      </c>
      <c r="BH12" s="102">
        <v>1456980</v>
      </c>
      <c r="BI12" s="101">
        <v>0</v>
      </c>
      <c r="BJ12" s="104">
        <v>1143662</v>
      </c>
      <c r="BK12" s="104">
        <v>3235860</v>
      </c>
      <c r="BL12" s="104">
        <v>1989155</v>
      </c>
      <c r="BM12" s="104">
        <v>1714656</v>
      </c>
      <c r="BN12" s="104">
        <v>812895</v>
      </c>
      <c r="BO12" s="103">
        <v>8896228</v>
      </c>
      <c r="BP12" s="106">
        <v>10353208</v>
      </c>
      <c r="BQ12" s="100">
        <v>2588067</v>
      </c>
      <c r="BR12" s="104">
        <v>4094278</v>
      </c>
      <c r="BS12" s="103">
        <v>6682345</v>
      </c>
      <c r="BT12" s="100">
        <v>0</v>
      </c>
      <c r="BU12" s="104">
        <v>18264584</v>
      </c>
      <c r="BV12" s="104">
        <v>25441481</v>
      </c>
      <c r="BW12" s="104">
        <v>27109991</v>
      </c>
      <c r="BX12" s="104">
        <v>24037443</v>
      </c>
      <c r="BY12" s="104">
        <v>17739491</v>
      </c>
      <c r="BZ12" s="103">
        <v>112592990</v>
      </c>
      <c r="CA12" s="106">
        <v>119275335</v>
      </c>
      <c r="CB12" s="100">
        <v>1915338</v>
      </c>
      <c r="CC12" s="104">
        <v>7237991</v>
      </c>
      <c r="CD12" s="103">
        <v>9153329</v>
      </c>
      <c r="CE12" s="100">
        <v>0</v>
      </c>
      <c r="CF12" s="104">
        <v>102103167</v>
      </c>
      <c r="CG12" s="104">
        <v>165324174</v>
      </c>
      <c r="CH12" s="104">
        <v>134085555</v>
      </c>
      <c r="CI12" s="104">
        <v>86303102</v>
      </c>
      <c r="CJ12" s="104">
        <v>38127366</v>
      </c>
      <c r="CK12" s="103">
        <v>525943364</v>
      </c>
      <c r="CL12" s="106">
        <v>535096693</v>
      </c>
      <c r="CM12" s="100">
        <v>0</v>
      </c>
      <c r="CN12" s="104">
        <v>0</v>
      </c>
      <c r="CO12" s="103">
        <v>0</v>
      </c>
      <c r="CP12" s="101">
        <v>0</v>
      </c>
      <c r="CQ12" s="104">
        <v>95030636</v>
      </c>
      <c r="CR12" s="104">
        <v>140224236</v>
      </c>
      <c r="CS12" s="104">
        <v>114580754</v>
      </c>
      <c r="CT12" s="104">
        <v>72068197</v>
      </c>
      <c r="CU12" s="104">
        <v>32938386</v>
      </c>
      <c r="CV12" s="103">
        <v>454842209</v>
      </c>
      <c r="CW12" s="106">
        <v>454842209</v>
      </c>
      <c r="CX12" s="100">
        <v>1915338</v>
      </c>
      <c r="CY12" s="104">
        <v>7237991</v>
      </c>
      <c r="CZ12" s="103">
        <v>9153329</v>
      </c>
      <c r="DA12" s="100">
        <v>0</v>
      </c>
      <c r="DB12" s="104">
        <v>7072531</v>
      </c>
      <c r="DC12" s="104">
        <v>25099938</v>
      </c>
      <c r="DD12" s="104">
        <v>19504801</v>
      </c>
      <c r="DE12" s="104">
        <v>14234905</v>
      </c>
      <c r="DF12" s="104">
        <v>5188980</v>
      </c>
      <c r="DG12" s="103">
        <v>71101155</v>
      </c>
      <c r="DH12" s="106">
        <v>80254484</v>
      </c>
      <c r="DI12" s="100">
        <v>120428</v>
      </c>
      <c r="DJ12" s="104">
        <v>520266</v>
      </c>
      <c r="DK12" s="102">
        <v>640694</v>
      </c>
      <c r="DL12" s="101">
        <v>0</v>
      </c>
      <c r="DM12" s="104">
        <v>7702852</v>
      </c>
      <c r="DN12" s="104">
        <v>20439918</v>
      </c>
      <c r="DO12" s="104">
        <v>45142274</v>
      </c>
      <c r="DP12" s="104">
        <v>45463122</v>
      </c>
      <c r="DQ12" s="104">
        <v>22540200</v>
      </c>
      <c r="DR12" s="103">
        <v>141288366</v>
      </c>
      <c r="DS12" s="106">
        <v>141929060</v>
      </c>
      <c r="DT12" s="100">
        <v>120428</v>
      </c>
      <c r="DU12" s="104">
        <v>489722</v>
      </c>
      <c r="DV12" s="103">
        <v>610150</v>
      </c>
      <c r="DW12" s="100">
        <v>0</v>
      </c>
      <c r="DX12" s="104">
        <v>7505109</v>
      </c>
      <c r="DY12" s="104">
        <v>19944454</v>
      </c>
      <c r="DZ12" s="104">
        <v>44142554</v>
      </c>
      <c r="EA12" s="104">
        <v>44640632</v>
      </c>
      <c r="EB12" s="104">
        <v>22124807</v>
      </c>
      <c r="EC12" s="103">
        <v>138357556</v>
      </c>
      <c r="ED12" s="106">
        <v>138967706</v>
      </c>
      <c r="EE12" s="100">
        <v>0</v>
      </c>
      <c r="EF12" s="102">
        <v>30544</v>
      </c>
      <c r="EG12" s="103">
        <v>30544</v>
      </c>
      <c r="EH12" s="100">
        <v>0</v>
      </c>
      <c r="EI12" s="104">
        <v>197743</v>
      </c>
      <c r="EJ12" s="104">
        <v>495464</v>
      </c>
      <c r="EK12" s="104">
        <v>999720</v>
      </c>
      <c r="EL12" s="104">
        <v>822490</v>
      </c>
      <c r="EM12" s="104">
        <v>415393</v>
      </c>
      <c r="EN12" s="102">
        <v>2930810</v>
      </c>
      <c r="EO12" s="106">
        <v>2961354</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2"/>
      <c r="FE12" s="104">
        <v>0</v>
      </c>
      <c r="FF12" s="104">
        <v>0</v>
      </c>
      <c r="FG12" s="104">
        <v>0</v>
      </c>
      <c r="FH12" s="104">
        <v>0</v>
      </c>
      <c r="FI12" s="104">
        <v>0</v>
      </c>
      <c r="FJ12" s="103">
        <v>0</v>
      </c>
      <c r="FK12" s="106">
        <v>0</v>
      </c>
      <c r="FL12" s="100">
        <v>7739396</v>
      </c>
      <c r="FM12" s="104">
        <v>22867214</v>
      </c>
      <c r="FN12" s="103">
        <v>30606610</v>
      </c>
      <c r="FO12" s="100">
        <v>0</v>
      </c>
      <c r="FP12" s="104">
        <v>18471842</v>
      </c>
      <c r="FQ12" s="104">
        <v>56713497</v>
      </c>
      <c r="FR12" s="104">
        <v>42195715</v>
      </c>
      <c r="FS12" s="104">
        <v>36666328</v>
      </c>
      <c r="FT12" s="104">
        <v>23259290</v>
      </c>
      <c r="FU12" s="103">
        <v>177306672</v>
      </c>
      <c r="FV12" s="106">
        <v>207913282</v>
      </c>
      <c r="FW12" s="105">
        <v>5006647</v>
      </c>
      <c r="FX12" s="104">
        <v>18198166</v>
      </c>
      <c r="FY12" s="102">
        <v>23204813</v>
      </c>
      <c r="FZ12" s="101">
        <v>0</v>
      </c>
      <c r="GA12" s="104">
        <v>15907840</v>
      </c>
      <c r="GB12" s="104">
        <v>51912771</v>
      </c>
      <c r="GC12" s="104">
        <v>38872067</v>
      </c>
      <c r="GD12" s="104">
        <v>34353946</v>
      </c>
      <c r="GE12" s="104">
        <v>22611242</v>
      </c>
      <c r="GF12" s="103">
        <v>163657866</v>
      </c>
      <c r="GG12" s="294">
        <v>186862679</v>
      </c>
      <c r="GH12" s="105">
        <v>657371</v>
      </c>
      <c r="GI12" s="104">
        <v>1111964</v>
      </c>
      <c r="GJ12" s="102">
        <v>1769335</v>
      </c>
      <c r="GK12" s="101">
        <v>0</v>
      </c>
      <c r="GL12" s="104">
        <v>1048791</v>
      </c>
      <c r="GM12" s="104">
        <v>1599090</v>
      </c>
      <c r="GN12" s="104">
        <v>1097638</v>
      </c>
      <c r="GO12" s="104">
        <v>829411</v>
      </c>
      <c r="GP12" s="104">
        <v>408654</v>
      </c>
      <c r="GQ12" s="103">
        <v>4983584</v>
      </c>
      <c r="GR12" s="106">
        <v>6752919</v>
      </c>
      <c r="GS12" s="100">
        <v>2075378</v>
      </c>
      <c r="GT12" s="104">
        <v>3557084</v>
      </c>
      <c r="GU12" s="103">
        <v>5632462</v>
      </c>
      <c r="GV12" s="100">
        <v>0</v>
      </c>
      <c r="GW12" s="104">
        <v>1515211</v>
      </c>
      <c r="GX12" s="104">
        <v>3201636</v>
      </c>
      <c r="GY12" s="104">
        <v>2226010</v>
      </c>
      <c r="GZ12" s="104">
        <v>1482971</v>
      </c>
      <c r="HA12" s="104">
        <v>239394</v>
      </c>
      <c r="HB12" s="102">
        <v>8665222</v>
      </c>
      <c r="HC12" s="106">
        <v>14297684</v>
      </c>
      <c r="HD12" s="100">
        <v>6783175</v>
      </c>
      <c r="HE12" s="104">
        <v>10865520</v>
      </c>
      <c r="HF12" s="102">
        <v>17648695</v>
      </c>
      <c r="HG12" s="101">
        <v>0</v>
      </c>
      <c r="HH12" s="104">
        <v>57109693</v>
      </c>
      <c r="HI12" s="104">
        <v>52038321</v>
      </c>
      <c r="HJ12" s="104">
        <v>57989354</v>
      </c>
      <c r="HK12" s="104">
        <v>72798455</v>
      </c>
      <c r="HL12" s="104">
        <v>41140649</v>
      </c>
      <c r="HM12" s="103">
        <v>281076472</v>
      </c>
      <c r="HN12" s="99">
        <v>298725167</v>
      </c>
      <c r="HO12" s="105">
        <v>5177292</v>
      </c>
      <c r="HP12" s="104">
        <v>13405282</v>
      </c>
      <c r="HQ12" s="103">
        <v>18582574</v>
      </c>
      <c r="HR12" s="100">
        <v>0</v>
      </c>
      <c r="HS12" s="104">
        <v>58877256</v>
      </c>
      <c r="HT12" s="104">
        <v>75528052</v>
      </c>
      <c r="HU12" s="104">
        <v>51972661</v>
      </c>
      <c r="HV12" s="104">
        <v>35074502</v>
      </c>
      <c r="HW12" s="104">
        <v>18876275</v>
      </c>
      <c r="HX12" s="102">
        <v>240328746</v>
      </c>
      <c r="HY12" s="106">
        <v>258911320</v>
      </c>
      <c r="HZ12" s="118">
        <v>801342</v>
      </c>
      <c r="IA12" s="119">
        <v>3011828</v>
      </c>
      <c r="IB12" s="120">
        <v>3813170</v>
      </c>
      <c r="IC12" s="121">
        <v>0</v>
      </c>
      <c r="ID12" s="122">
        <v>117531111</v>
      </c>
      <c r="IE12" s="123">
        <v>178593846</v>
      </c>
      <c r="IF12" s="124">
        <v>207593712</v>
      </c>
      <c r="IG12" s="122">
        <v>138818836</v>
      </c>
      <c r="IH12" s="124">
        <v>93323062</v>
      </c>
      <c r="II12" s="125">
        <v>735860567</v>
      </c>
      <c r="IJ12" s="126">
        <v>739673737</v>
      </c>
      <c r="IK12" s="219">
        <v>0</v>
      </c>
      <c r="IL12" s="223">
        <v>0</v>
      </c>
      <c r="IM12" s="224">
        <v>0</v>
      </c>
      <c r="IN12" s="127"/>
      <c r="IO12" s="109">
        <v>2119263</v>
      </c>
      <c r="IP12" s="109">
        <v>4147319</v>
      </c>
      <c r="IQ12" s="109">
        <v>5359474</v>
      </c>
      <c r="IR12" s="109">
        <v>7815769</v>
      </c>
      <c r="IS12" s="109">
        <v>7996369</v>
      </c>
      <c r="IT12" s="128">
        <v>27438194</v>
      </c>
      <c r="IU12" s="296">
        <v>27438194</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47375838</v>
      </c>
      <c r="JL12" s="109">
        <v>67921205</v>
      </c>
      <c r="JM12" s="109">
        <v>50702078</v>
      </c>
      <c r="JN12" s="109">
        <v>30632488</v>
      </c>
      <c r="JO12" s="109">
        <v>17724416</v>
      </c>
      <c r="JP12" s="110">
        <v>214356025</v>
      </c>
      <c r="JQ12" s="296">
        <v>214356025</v>
      </c>
      <c r="JR12" s="129">
        <v>0</v>
      </c>
      <c r="JS12" s="109">
        <v>0</v>
      </c>
      <c r="JT12" s="128">
        <v>0</v>
      </c>
      <c r="JU12" s="108">
        <v>0</v>
      </c>
      <c r="JV12" s="109">
        <v>1431020</v>
      </c>
      <c r="JW12" s="109">
        <v>2617775</v>
      </c>
      <c r="JX12" s="109">
        <v>6746296</v>
      </c>
      <c r="JY12" s="109">
        <v>3609019</v>
      </c>
      <c r="JZ12" s="109">
        <v>3220122</v>
      </c>
      <c r="KA12" s="110">
        <v>17624232</v>
      </c>
      <c r="KB12" s="296">
        <v>17624232</v>
      </c>
      <c r="KC12" s="221">
        <v>801342</v>
      </c>
      <c r="KD12" s="217">
        <v>2536231</v>
      </c>
      <c r="KE12" s="110">
        <v>3337573</v>
      </c>
      <c r="KF12" s="108">
        <v>0</v>
      </c>
      <c r="KG12" s="109">
        <v>15154138</v>
      </c>
      <c r="KH12" s="109">
        <v>27008412</v>
      </c>
      <c r="KI12" s="109">
        <v>31915018</v>
      </c>
      <c r="KJ12" s="109">
        <v>20681995</v>
      </c>
      <c r="KK12" s="109">
        <v>7293682</v>
      </c>
      <c r="KL12" s="110">
        <v>102053245</v>
      </c>
      <c r="KM12" s="130">
        <v>105390818</v>
      </c>
      <c r="KN12" s="219">
        <v>0</v>
      </c>
      <c r="KO12" s="223">
        <v>475597</v>
      </c>
      <c r="KP12" s="224">
        <v>475597</v>
      </c>
      <c r="KQ12" s="127"/>
      <c r="KR12" s="109">
        <v>49993128</v>
      </c>
      <c r="KS12" s="109">
        <v>71291108</v>
      </c>
      <c r="KT12" s="109">
        <v>101913185</v>
      </c>
      <c r="KU12" s="109">
        <v>56607785</v>
      </c>
      <c r="KV12" s="109">
        <v>40600232</v>
      </c>
      <c r="KW12" s="110">
        <v>320405438</v>
      </c>
      <c r="KX12" s="296">
        <v>320881035</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76186</v>
      </c>
      <c r="LP12" s="109">
        <v>2878569</v>
      </c>
      <c r="LQ12" s="109">
        <v>8153057</v>
      </c>
      <c r="LR12" s="109">
        <v>3942403</v>
      </c>
      <c r="LS12" s="110">
        <v>15150215</v>
      </c>
      <c r="LT12" s="296">
        <v>15150215</v>
      </c>
      <c r="LU12" s="129">
        <v>0</v>
      </c>
      <c r="LV12" s="109">
        <v>0</v>
      </c>
      <c r="LW12" s="110">
        <v>0</v>
      </c>
      <c r="LX12" s="132"/>
      <c r="LY12" s="109">
        <v>1457724</v>
      </c>
      <c r="LZ12" s="109">
        <v>5431841</v>
      </c>
      <c r="MA12" s="109">
        <v>8079092</v>
      </c>
      <c r="MB12" s="109">
        <v>11318723</v>
      </c>
      <c r="MC12" s="109">
        <v>12545838</v>
      </c>
      <c r="MD12" s="110">
        <v>38833218</v>
      </c>
      <c r="ME12" s="111">
        <v>38833218</v>
      </c>
      <c r="MF12" s="129">
        <v>0</v>
      </c>
      <c r="MG12" s="109">
        <v>0</v>
      </c>
      <c r="MH12" s="110">
        <v>0</v>
      </c>
      <c r="MI12" s="132"/>
      <c r="MJ12" s="109">
        <v>19547805</v>
      </c>
      <c r="MK12" s="109">
        <v>66059283</v>
      </c>
      <c r="ML12" s="109">
        <v>306924442</v>
      </c>
      <c r="MM12" s="109">
        <v>517685304</v>
      </c>
      <c r="MN12" s="109">
        <v>350643150</v>
      </c>
      <c r="MO12" s="110">
        <v>1260859984</v>
      </c>
      <c r="MP12" s="130">
        <v>1260859984</v>
      </c>
      <c r="MQ12" s="129">
        <v>0</v>
      </c>
      <c r="MR12" s="109">
        <v>0</v>
      </c>
      <c r="MS12" s="110">
        <v>0</v>
      </c>
      <c r="MT12" s="132"/>
      <c r="MU12" s="109">
        <v>2236208</v>
      </c>
      <c r="MV12" s="109">
        <v>9937361</v>
      </c>
      <c r="MW12" s="109">
        <v>215738345</v>
      </c>
      <c r="MX12" s="109">
        <v>360529408</v>
      </c>
      <c r="MY12" s="109">
        <v>246376546</v>
      </c>
      <c r="MZ12" s="110">
        <v>834817868</v>
      </c>
      <c r="NA12" s="130">
        <v>834817868</v>
      </c>
      <c r="NB12" s="129">
        <v>0</v>
      </c>
      <c r="NC12" s="109">
        <v>0</v>
      </c>
      <c r="ND12" s="110">
        <v>0</v>
      </c>
      <c r="NE12" s="132"/>
      <c r="NF12" s="109">
        <v>17311597</v>
      </c>
      <c r="NG12" s="109">
        <v>56093596</v>
      </c>
      <c r="NH12" s="109">
        <v>87694342</v>
      </c>
      <c r="NI12" s="109">
        <v>118186191</v>
      </c>
      <c r="NJ12" s="109">
        <v>67527622</v>
      </c>
      <c r="NK12" s="110">
        <v>346813348</v>
      </c>
      <c r="NL12" s="296">
        <v>346813348</v>
      </c>
      <c r="NM12" s="129">
        <v>0</v>
      </c>
      <c r="NN12" s="109">
        <v>0</v>
      </c>
      <c r="NO12" s="110">
        <v>0</v>
      </c>
      <c r="NP12" s="132"/>
      <c r="NQ12" s="109">
        <v>0</v>
      </c>
      <c r="NR12" s="109">
        <v>0</v>
      </c>
      <c r="NS12" s="109">
        <v>289811</v>
      </c>
      <c r="NT12" s="109">
        <v>7272962</v>
      </c>
      <c r="NU12" s="109">
        <v>3763636</v>
      </c>
      <c r="NV12" s="110">
        <v>11326409</v>
      </c>
      <c r="NW12" s="111">
        <v>11326409</v>
      </c>
      <c r="NX12" s="129">
        <v>0</v>
      </c>
      <c r="NY12" s="109">
        <v>0</v>
      </c>
      <c r="NZ12" s="110">
        <v>0</v>
      </c>
      <c r="OA12" s="132"/>
      <c r="OB12" s="109">
        <v>0</v>
      </c>
      <c r="OC12" s="109">
        <v>28326</v>
      </c>
      <c r="OD12" s="109">
        <v>3201944</v>
      </c>
      <c r="OE12" s="109">
        <v>31696743</v>
      </c>
      <c r="OF12" s="109">
        <v>32975346</v>
      </c>
      <c r="OG12" s="110">
        <v>67902359</v>
      </c>
      <c r="OH12" s="111">
        <v>67902359</v>
      </c>
      <c r="OI12" s="129">
        <v>27959119</v>
      </c>
      <c r="OJ12" s="109">
        <v>75906040</v>
      </c>
      <c r="OK12" s="128">
        <v>103865159</v>
      </c>
      <c r="OL12" s="108">
        <v>0</v>
      </c>
      <c r="OM12" s="109">
        <v>474356102</v>
      </c>
      <c r="ON12" s="109">
        <v>787731287</v>
      </c>
      <c r="OO12" s="109">
        <v>1017559468</v>
      </c>
      <c r="OP12" s="109">
        <v>1113446368</v>
      </c>
      <c r="OQ12" s="109">
        <v>742196566</v>
      </c>
      <c r="OR12" s="110">
        <v>4135289791</v>
      </c>
      <c r="OS12" s="130">
        <v>4239154950</v>
      </c>
    </row>
    <row r="13" spans="1:409" ht="21" customHeight="1" x14ac:dyDescent="0.2">
      <c r="B13" s="468" t="s">
        <v>7</v>
      </c>
      <c r="C13" s="100">
        <v>15556333</v>
      </c>
      <c r="D13" s="104">
        <v>19716931</v>
      </c>
      <c r="E13" s="103">
        <v>35273264</v>
      </c>
      <c r="F13" s="99">
        <v>0</v>
      </c>
      <c r="G13" s="104">
        <v>370271845</v>
      </c>
      <c r="H13" s="104">
        <v>344061694</v>
      </c>
      <c r="I13" s="104">
        <v>275413212</v>
      </c>
      <c r="J13" s="104">
        <v>280151645</v>
      </c>
      <c r="K13" s="104">
        <v>203133205</v>
      </c>
      <c r="L13" s="99">
        <v>1473031601</v>
      </c>
      <c r="M13" s="106">
        <v>1508304865</v>
      </c>
      <c r="N13" s="100">
        <v>2507491</v>
      </c>
      <c r="O13" s="104">
        <v>2232241</v>
      </c>
      <c r="P13" s="103">
        <v>4739732</v>
      </c>
      <c r="Q13" s="100">
        <v>0</v>
      </c>
      <c r="R13" s="104">
        <v>90336374</v>
      </c>
      <c r="S13" s="104">
        <v>98657550</v>
      </c>
      <c r="T13" s="104">
        <v>92704484</v>
      </c>
      <c r="U13" s="104">
        <v>121774152</v>
      </c>
      <c r="V13" s="104">
        <v>110882778</v>
      </c>
      <c r="W13" s="103">
        <v>514355338</v>
      </c>
      <c r="X13" s="106">
        <v>519095070</v>
      </c>
      <c r="Y13" s="100">
        <v>0</v>
      </c>
      <c r="Z13" s="104">
        <v>0</v>
      </c>
      <c r="AA13" s="103">
        <v>0</v>
      </c>
      <c r="AB13" s="100">
        <v>0</v>
      </c>
      <c r="AC13" s="104">
        <v>49761823</v>
      </c>
      <c r="AD13" s="104">
        <v>54300150</v>
      </c>
      <c r="AE13" s="104">
        <v>57928845</v>
      </c>
      <c r="AF13" s="104">
        <v>79124876</v>
      </c>
      <c r="AG13" s="104">
        <v>71045779</v>
      </c>
      <c r="AH13" s="103">
        <v>312161473</v>
      </c>
      <c r="AI13" s="106">
        <v>312161473</v>
      </c>
      <c r="AJ13" s="100">
        <v>0</v>
      </c>
      <c r="AK13" s="104">
        <v>0</v>
      </c>
      <c r="AL13" s="103">
        <v>0</v>
      </c>
      <c r="AM13" s="100">
        <v>0</v>
      </c>
      <c r="AN13" s="104">
        <v>419416</v>
      </c>
      <c r="AO13" s="104">
        <v>2020431</v>
      </c>
      <c r="AP13" s="104">
        <v>3397918</v>
      </c>
      <c r="AQ13" s="104">
        <v>8253853</v>
      </c>
      <c r="AR13" s="104">
        <v>13030472</v>
      </c>
      <c r="AS13" s="103">
        <v>27122090</v>
      </c>
      <c r="AT13" s="106">
        <v>27122090</v>
      </c>
      <c r="AU13" s="100">
        <v>624457</v>
      </c>
      <c r="AV13" s="104">
        <v>893059</v>
      </c>
      <c r="AW13" s="103">
        <v>1517516</v>
      </c>
      <c r="AX13" s="100">
        <v>0</v>
      </c>
      <c r="AY13" s="104">
        <v>22103663</v>
      </c>
      <c r="AZ13" s="104">
        <v>24751165</v>
      </c>
      <c r="BA13" s="104">
        <v>16584645</v>
      </c>
      <c r="BB13" s="104">
        <v>18325256</v>
      </c>
      <c r="BC13" s="104">
        <v>16613855</v>
      </c>
      <c r="BD13" s="103">
        <v>98378584</v>
      </c>
      <c r="BE13" s="106">
        <v>99896100</v>
      </c>
      <c r="BF13" s="100">
        <v>198941</v>
      </c>
      <c r="BG13" s="104">
        <v>330477</v>
      </c>
      <c r="BH13" s="102">
        <v>529418</v>
      </c>
      <c r="BI13" s="101">
        <v>0</v>
      </c>
      <c r="BJ13" s="104">
        <v>2614594</v>
      </c>
      <c r="BK13" s="104">
        <v>3238460</v>
      </c>
      <c r="BL13" s="104">
        <v>2056187</v>
      </c>
      <c r="BM13" s="104">
        <v>2267277</v>
      </c>
      <c r="BN13" s="104">
        <v>920754</v>
      </c>
      <c r="BO13" s="103">
        <v>11097272</v>
      </c>
      <c r="BP13" s="106">
        <v>11626690</v>
      </c>
      <c r="BQ13" s="100">
        <v>1684093</v>
      </c>
      <c r="BR13" s="104">
        <v>1008705</v>
      </c>
      <c r="BS13" s="103">
        <v>2692798</v>
      </c>
      <c r="BT13" s="100">
        <v>0</v>
      </c>
      <c r="BU13" s="104">
        <v>15436878</v>
      </c>
      <c r="BV13" s="104">
        <v>14347344</v>
      </c>
      <c r="BW13" s="104">
        <v>12736889</v>
      </c>
      <c r="BX13" s="104">
        <v>13802890</v>
      </c>
      <c r="BY13" s="104">
        <v>9271918</v>
      </c>
      <c r="BZ13" s="103">
        <v>65595919</v>
      </c>
      <c r="CA13" s="106">
        <v>68288717</v>
      </c>
      <c r="CB13" s="100">
        <v>1251862</v>
      </c>
      <c r="CC13" s="104">
        <v>2713667</v>
      </c>
      <c r="CD13" s="103">
        <v>3965529</v>
      </c>
      <c r="CE13" s="100">
        <v>0</v>
      </c>
      <c r="CF13" s="104">
        <v>105508462</v>
      </c>
      <c r="CG13" s="104">
        <v>87997334</v>
      </c>
      <c r="CH13" s="104">
        <v>54213965</v>
      </c>
      <c r="CI13" s="104">
        <v>36444770</v>
      </c>
      <c r="CJ13" s="104">
        <v>16500388</v>
      </c>
      <c r="CK13" s="103">
        <v>300664919</v>
      </c>
      <c r="CL13" s="106">
        <v>304630448</v>
      </c>
      <c r="CM13" s="100">
        <v>0</v>
      </c>
      <c r="CN13" s="104">
        <v>0</v>
      </c>
      <c r="CO13" s="103">
        <v>0</v>
      </c>
      <c r="CP13" s="101">
        <v>0</v>
      </c>
      <c r="CQ13" s="104">
        <v>89864351</v>
      </c>
      <c r="CR13" s="104">
        <v>73145337</v>
      </c>
      <c r="CS13" s="104">
        <v>42201801</v>
      </c>
      <c r="CT13" s="104">
        <v>30628909</v>
      </c>
      <c r="CU13" s="104">
        <v>14301203</v>
      </c>
      <c r="CV13" s="103">
        <v>250141601</v>
      </c>
      <c r="CW13" s="106">
        <v>250141601</v>
      </c>
      <c r="CX13" s="100">
        <v>1251862</v>
      </c>
      <c r="CY13" s="104">
        <v>2713667</v>
      </c>
      <c r="CZ13" s="103">
        <v>3965529</v>
      </c>
      <c r="DA13" s="100">
        <v>0</v>
      </c>
      <c r="DB13" s="104">
        <v>15644111</v>
      </c>
      <c r="DC13" s="104">
        <v>14851997</v>
      </c>
      <c r="DD13" s="104">
        <v>12012164</v>
      </c>
      <c r="DE13" s="104">
        <v>5815861</v>
      </c>
      <c r="DF13" s="104">
        <v>2199185</v>
      </c>
      <c r="DG13" s="103">
        <v>50523318</v>
      </c>
      <c r="DH13" s="106">
        <v>54488847</v>
      </c>
      <c r="DI13" s="100">
        <v>13938</v>
      </c>
      <c r="DJ13" s="104">
        <v>45385</v>
      </c>
      <c r="DK13" s="102">
        <v>59323</v>
      </c>
      <c r="DL13" s="101">
        <v>0</v>
      </c>
      <c r="DM13" s="104">
        <v>15081489</v>
      </c>
      <c r="DN13" s="104">
        <v>23742136</v>
      </c>
      <c r="DO13" s="104">
        <v>27936159</v>
      </c>
      <c r="DP13" s="104">
        <v>22876412</v>
      </c>
      <c r="DQ13" s="104">
        <v>12805650</v>
      </c>
      <c r="DR13" s="103">
        <v>102441846</v>
      </c>
      <c r="DS13" s="106">
        <v>102501169</v>
      </c>
      <c r="DT13" s="100">
        <v>13938</v>
      </c>
      <c r="DU13" s="104">
        <v>45385</v>
      </c>
      <c r="DV13" s="103">
        <v>59323</v>
      </c>
      <c r="DW13" s="100">
        <v>0</v>
      </c>
      <c r="DX13" s="104">
        <v>13553696</v>
      </c>
      <c r="DY13" s="104">
        <v>21890162</v>
      </c>
      <c r="DZ13" s="104">
        <v>25743801</v>
      </c>
      <c r="EA13" s="104">
        <v>21601355</v>
      </c>
      <c r="EB13" s="104">
        <v>11851728</v>
      </c>
      <c r="EC13" s="103">
        <v>94640742</v>
      </c>
      <c r="ED13" s="106">
        <v>94700065</v>
      </c>
      <c r="EE13" s="100">
        <v>0</v>
      </c>
      <c r="EF13" s="102">
        <v>0</v>
      </c>
      <c r="EG13" s="103">
        <v>0</v>
      </c>
      <c r="EH13" s="100">
        <v>0</v>
      </c>
      <c r="EI13" s="104">
        <v>1527793</v>
      </c>
      <c r="EJ13" s="104">
        <v>1851974</v>
      </c>
      <c r="EK13" s="104">
        <v>2192358</v>
      </c>
      <c r="EL13" s="104">
        <v>1275057</v>
      </c>
      <c r="EM13" s="104">
        <v>953922</v>
      </c>
      <c r="EN13" s="102">
        <v>7801104</v>
      </c>
      <c r="EO13" s="106">
        <v>7801104</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2"/>
      <c r="FE13" s="104">
        <v>0</v>
      </c>
      <c r="FF13" s="104">
        <v>0</v>
      </c>
      <c r="FG13" s="104">
        <v>0</v>
      </c>
      <c r="FH13" s="104">
        <v>0</v>
      </c>
      <c r="FI13" s="104">
        <v>0</v>
      </c>
      <c r="FJ13" s="103">
        <v>0</v>
      </c>
      <c r="FK13" s="106">
        <v>0</v>
      </c>
      <c r="FL13" s="100">
        <v>4351387</v>
      </c>
      <c r="FM13" s="104">
        <v>6932067</v>
      </c>
      <c r="FN13" s="103">
        <v>11283454</v>
      </c>
      <c r="FO13" s="100">
        <v>0</v>
      </c>
      <c r="FP13" s="104">
        <v>17200971</v>
      </c>
      <c r="FQ13" s="104">
        <v>32063226</v>
      </c>
      <c r="FR13" s="104">
        <v>21006017</v>
      </c>
      <c r="FS13" s="104">
        <v>18372151</v>
      </c>
      <c r="FT13" s="104">
        <v>13680122</v>
      </c>
      <c r="FU13" s="103">
        <v>102322487</v>
      </c>
      <c r="FV13" s="106">
        <v>113605941</v>
      </c>
      <c r="FW13" s="105">
        <v>1684145</v>
      </c>
      <c r="FX13" s="104">
        <v>3643572</v>
      </c>
      <c r="FY13" s="102">
        <v>5327717</v>
      </c>
      <c r="FZ13" s="101">
        <v>0</v>
      </c>
      <c r="GA13" s="104">
        <v>12629463</v>
      </c>
      <c r="GB13" s="104">
        <v>29221060</v>
      </c>
      <c r="GC13" s="104">
        <v>19387422</v>
      </c>
      <c r="GD13" s="104">
        <v>17660027</v>
      </c>
      <c r="GE13" s="104">
        <v>13057770</v>
      </c>
      <c r="GF13" s="103">
        <v>91955742</v>
      </c>
      <c r="GG13" s="294">
        <v>97283459</v>
      </c>
      <c r="GH13" s="105">
        <v>292571</v>
      </c>
      <c r="GI13" s="104">
        <v>468885</v>
      </c>
      <c r="GJ13" s="102">
        <v>761456</v>
      </c>
      <c r="GK13" s="101">
        <v>0</v>
      </c>
      <c r="GL13" s="104">
        <v>960528</v>
      </c>
      <c r="GM13" s="104">
        <v>896653</v>
      </c>
      <c r="GN13" s="104">
        <v>647839</v>
      </c>
      <c r="GO13" s="104">
        <v>476212</v>
      </c>
      <c r="GP13" s="104">
        <v>220952</v>
      </c>
      <c r="GQ13" s="103">
        <v>3202184</v>
      </c>
      <c r="GR13" s="106">
        <v>3963640</v>
      </c>
      <c r="GS13" s="100">
        <v>2374671</v>
      </c>
      <c r="GT13" s="104">
        <v>2819610</v>
      </c>
      <c r="GU13" s="103">
        <v>5194281</v>
      </c>
      <c r="GV13" s="100">
        <v>0</v>
      </c>
      <c r="GW13" s="104">
        <v>3610980</v>
      </c>
      <c r="GX13" s="104">
        <v>1945513</v>
      </c>
      <c r="GY13" s="104">
        <v>970756</v>
      </c>
      <c r="GZ13" s="104">
        <v>235912</v>
      </c>
      <c r="HA13" s="104">
        <v>401400</v>
      </c>
      <c r="HB13" s="102">
        <v>7164561</v>
      </c>
      <c r="HC13" s="106">
        <v>12358842</v>
      </c>
      <c r="HD13" s="100">
        <v>5160271</v>
      </c>
      <c r="HE13" s="104">
        <v>3829425</v>
      </c>
      <c r="HF13" s="102">
        <v>8989696</v>
      </c>
      <c r="HG13" s="101">
        <v>0</v>
      </c>
      <c r="HH13" s="104">
        <v>74469565</v>
      </c>
      <c r="HI13" s="104">
        <v>55822080</v>
      </c>
      <c r="HJ13" s="104">
        <v>51785118</v>
      </c>
      <c r="HK13" s="104">
        <v>60603129</v>
      </c>
      <c r="HL13" s="104">
        <v>37419617</v>
      </c>
      <c r="HM13" s="103">
        <v>280099509</v>
      </c>
      <c r="HN13" s="99">
        <v>289089205</v>
      </c>
      <c r="HO13" s="105">
        <v>2271384</v>
      </c>
      <c r="HP13" s="104">
        <v>3964146</v>
      </c>
      <c r="HQ13" s="103">
        <v>6235530</v>
      </c>
      <c r="HR13" s="100">
        <v>0</v>
      </c>
      <c r="HS13" s="104">
        <v>67674984</v>
      </c>
      <c r="HT13" s="104">
        <v>45779368</v>
      </c>
      <c r="HU13" s="104">
        <v>27767469</v>
      </c>
      <c r="HV13" s="104">
        <v>20081031</v>
      </c>
      <c r="HW13" s="104">
        <v>11844650</v>
      </c>
      <c r="HX13" s="102">
        <v>173147502</v>
      </c>
      <c r="HY13" s="106">
        <v>179383032</v>
      </c>
      <c r="HZ13" s="118">
        <v>79270</v>
      </c>
      <c r="IA13" s="119">
        <v>477189</v>
      </c>
      <c r="IB13" s="120">
        <v>556459</v>
      </c>
      <c r="IC13" s="133">
        <v>0</v>
      </c>
      <c r="ID13" s="119">
        <v>98990230</v>
      </c>
      <c r="IE13" s="134">
        <v>100439162</v>
      </c>
      <c r="IF13" s="120">
        <v>92013480</v>
      </c>
      <c r="IG13" s="119">
        <v>64990071</v>
      </c>
      <c r="IH13" s="120">
        <v>39668795</v>
      </c>
      <c r="II13" s="135">
        <v>396101738</v>
      </c>
      <c r="IJ13" s="126">
        <v>396658197</v>
      </c>
      <c r="IK13" s="219">
        <v>0</v>
      </c>
      <c r="IL13" s="223">
        <v>0</v>
      </c>
      <c r="IM13" s="224">
        <v>0</v>
      </c>
      <c r="IN13" s="127"/>
      <c r="IO13" s="109">
        <v>800038</v>
      </c>
      <c r="IP13" s="109">
        <v>1139020</v>
      </c>
      <c r="IQ13" s="109">
        <v>854823</v>
      </c>
      <c r="IR13" s="109">
        <v>2561016</v>
      </c>
      <c r="IS13" s="109">
        <v>1349271</v>
      </c>
      <c r="IT13" s="128">
        <v>6704168</v>
      </c>
      <c r="IU13" s="296">
        <v>6704168</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52687237</v>
      </c>
      <c r="JL13" s="109">
        <v>41263725</v>
      </c>
      <c r="JM13" s="109">
        <v>24982543</v>
      </c>
      <c r="JN13" s="109">
        <v>10593931</v>
      </c>
      <c r="JO13" s="109">
        <v>6475516</v>
      </c>
      <c r="JP13" s="110">
        <v>136002952</v>
      </c>
      <c r="JQ13" s="296">
        <v>136002952</v>
      </c>
      <c r="JR13" s="129">
        <v>0</v>
      </c>
      <c r="JS13" s="109">
        <v>55849</v>
      </c>
      <c r="JT13" s="128">
        <v>55849</v>
      </c>
      <c r="JU13" s="108">
        <v>0</v>
      </c>
      <c r="JV13" s="109">
        <v>7784796</v>
      </c>
      <c r="JW13" s="109">
        <v>10424484</v>
      </c>
      <c r="JX13" s="109">
        <v>14314275</v>
      </c>
      <c r="JY13" s="109">
        <v>7281694</v>
      </c>
      <c r="JZ13" s="109">
        <v>2200467</v>
      </c>
      <c r="KA13" s="110">
        <v>42005716</v>
      </c>
      <c r="KB13" s="296">
        <v>42061565</v>
      </c>
      <c r="KC13" s="221">
        <v>79270</v>
      </c>
      <c r="KD13" s="217">
        <v>166484</v>
      </c>
      <c r="KE13" s="110">
        <v>245754</v>
      </c>
      <c r="KF13" s="108">
        <v>0</v>
      </c>
      <c r="KG13" s="109">
        <v>6025955</v>
      </c>
      <c r="KH13" s="109">
        <v>5872503</v>
      </c>
      <c r="KI13" s="109">
        <v>8578926</v>
      </c>
      <c r="KJ13" s="109">
        <v>5593671</v>
      </c>
      <c r="KK13" s="109">
        <v>2772488</v>
      </c>
      <c r="KL13" s="110">
        <v>28843543</v>
      </c>
      <c r="KM13" s="130">
        <v>29089297</v>
      </c>
      <c r="KN13" s="219">
        <v>0</v>
      </c>
      <c r="KO13" s="223">
        <v>254856</v>
      </c>
      <c r="KP13" s="224">
        <v>254856</v>
      </c>
      <c r="KQ13" s="127"/>
      <c r="KR13" s="109">
        <v>29510258</v>
      </c>
      <c r="KS13" s="109">
        <v>38648032</v>
      </c>
      <c r="KT13" s="109">
        <v>40362934</v>
      </c>
      <c r="KU13" s="109">
        <v>35642100</v>
      </c>
      <c r="KV13" s="109">
        <v>18953129</v>
      </c>
      <c r="KW13" s="110">
        <v>163116453</v>
      </c>
      <c r="KX13" s="296">
        <v>163371309</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6">
        <v>0</v>
      </c>
      <c r="LU13" s="129">
        <v>0</v>
      </c>
      <c r="LV13" s="109">
        <v>0</v>
      </c>
      <c r="LW13" s="110">
        <v>0</v>
      </c>
      <c r="LX13" s="132"/>
      <c r="LY13" s="109">
        <v>2181946</v>
      </c>
      <c r="LZ13" s="109">
        <v>3091398</v>
      </c>
      <c r="MA13" s="109">
        <v>2919979</v>
      </c>
      <c r="MB13" s="109">
        <v>3317659</v>
      </c>
      <c r="MC13" s="109">
        <v>7917924</v>
      </c>
      <c r="MD13" s="110">
        <v>19428906</v>
      </c>
      <c r="ME13" s="111">
        <v>19428906</v>
      </c>
      <c r="MF13" s="129">
        <v>0</v>
      </c>
      <c r="MG13" s="109">
        <v>0</v>
      </c>
      <c r="MH13" s="110">
        <v>0</v>
      </c>
      <c r="MI13" s="132"/>
      <c r="MJ13" s="109">
        <v>42780034</v>
      </c>
      <c r="MK13" s="109">
        <v>70697288</v>
      </c>
      <c r="ML13" s="109">
        <v>227983006</v>
      </c>
      <c r="MM13" s="109">
        <v>341363725</v>
      </c>
      <c r="MN13" s="109">
        <v>206121479</v>
      </c>
      <c r="MO13" s="110">
        <v>888945532</v>
      </c>
      <c r="MP13" s="130">
        <v>888945532</v>
      </c>
      <c r="MQ13" s="129">
        <v>0</v>
      </c>
      <c r="MR13" s="109">
        <v>0</v>
      </c>
      <c r="MS13" s="110">
        <v>0</v>
      </c>
      <c r="MT13" s="132"/>
      <c r="MU13" s="109">
        <v>4248228</v>
      </c>
      <c r="MV13" s="109">
        <v>11142484</v>
      </c>
      <c r="MW13" s="109">
        <v>149851597</v>
      </c>
      <c r="MX13" s="109">
        <v>249076959</v>
      </c>
      <c r="MY13" s="109">
        <v>167303598</v>
      </c>
      <c r="MZ13" s="110">
        <v>581622866</v>
      </c>
      <c r="NA13" s="130">
        <v>581622866</v>
      </c>
      <c r="NB13" s="129">
        <v>0</v>
      </c>
      <c r="NC13" s="109">
        <v>0</v>
      </c>
      <c r="ND13" s="110">
        <v>0</v>
      </c>
      <c r="NE13" s="132"/>
      <c r="NF13" s="109">
        <v>38531806</v>
      </c>
      <c r="NG13" s="109">
        <v>59554804</v>
      </c>
      <c r="NH13" s="109">
        <v>77481657</v>
      </c>
      <c r="NI13" s="109">
        <v>91190964</v>
      </c>
      <c r="NJ13" s="109">
        <v>37373642</v>
      </c>
      <c r="NK13" s="110">
        <v>304132873</v>
      </c>
      <c r="NL13" s="296">
        <v>304132873</v>
      </c>
      <c r="NM13" s="129">
        <v>0</v>
      </c>
      <c r="NN13" s="109">
        <v>0</v>
      </c>
      <c r="NO13" s="110">
        <v>0</v>
      </c>
      <c r="NP13" s="132"/>
      <c r="NQ13" s="109">
        <v>0</v>
      </c>
      <c r="NR13" s="109">
        <v>0</v>
      </c>
      <c r="NS13" s="109">
        <v>0</v>
      </c>
      <c r="NT13" s="109">
        <v>328563</v>
      </c>
      <c r="NU13" s="109">
        <v>1444239</v>
      </c>
      <c r="NV13" s="110">
        <v>1772802</v>
      </c>
      <c r="NW13" s="111">
        <v>1772802</v>
      </c>
      <c r="NX13" s="129">
        <v>0</v>
      </c>
      <c r="NY13" s="109">
        <v>0</v>
      </c>
      <c r="NZ13" s="110">
        <v>0</v>
      </c>
      <c r="OA13" s="132"/>
      <c r="OB13" s="109">
        <v>0</v>
      </c>
      <c r="OC13" s="109">
        <v>0</v>
      </c>
      <c r="OD13" s="109">
        <v>649752</v>
      </c>
      <c r="OE13" s="109">
        <v>767239</v>
      </c>
      <c r="OF13" s="109">
        <v>0</v>
      </c>
      <c r="OG13" s="110">
        <v>1416991</v>
      </c>
      <c r="OH13" s="111">
        <v>1416991</v>
      </c>
      <c r="OI13" s="129">
        <v>15635603</v>
      </c>
      <c r="OJ13" s="109">
        <v>20194120</v>
      </c>
      <c r="OK13" s="128">
        <v>35829723</v>
      </c>
      <c r="OL13" s="108">
        <v>0</v>
      </c>
      <c r="OM13" s="109">
        <v>512042109</v>
      </c>
      <c r="ON13" s="109">
        <v>515198144</v>
      </c>
      <c r="OO13" s="109">
        <v>595409698</v>
      </c>
      <c r="OP13" s="109">
        <v>686505441</v>
      </c>
      <c r="OQ13" s="109">
        <v>448923479</v>
      </c>
      <c r="OR13" s="110">
        <v>2758078871</v>
      </c>
      <c r="OS13" s="130">
        <v>2793908594</v>
      </c>
    </row>
    <row r="14" spans="1:409" ht="21" customHeight="1" x14ac:dyDescent="0.2">
      <c r="B14" s="468" t="s">
        <v>8</v>
      </c>
      <c r="C14" s="100">
        <v>11869185</v>
      </c>
      <c r="D14" s="104">
        <v>15043978</v>
      </c>
      <c r="E14" s="103">
        <v>26913163</v>
      </c>
      <c r="F14" s="99">
        <v>0</v>
      </c>
      <c r="G14" s="104">
        <v>154363406</v>
      </c>
      <c r="H14" s="104">
        <v>216339116</v>
      </c>
      <c r="I14" s="104">
        <v>194707339</v>
      </c>
      <c r="J14" s="104">
        <v>178728624</v>
      </c>
      <c r="K14" s="104">
        <v>134061632</v>
      </c>
      <c r="L14" s="99">
        <v>878200117</v>
      </c>
      <c r="M14" s="106">
        <v>905113280</v>
      </c>
      <c r="N14" s="100">
        <v>2283571</v>
      </c>
      <c r="O14" s="104">
        <v>3202476</v>
      </c>
      <c r="P14" s="103">
        <v>5486047</v>
      </c>
      <c r="Q14" s="100">
        <v>0</v>
      </c>
      <c r="R14" s="104">
        <v>43445823</v>
      </c>
      <c r="S14" s="104">
        <v>67044008</v>
      </c>
      <c r="T14" s="104">
        <v>66626879</v>
      </c>
      <c r="U14" s="104">
        <v>73364618</v>
      </c>
      <c r="V14" s="104">
        <v>72929192</v>
      </c>
      <c r="W14" s="103">
        <v>323410520</v>
      </c>
      <c r="X14" s="106">
        <v>328896567</v>
      </c>
      <c r="Y14" s="100">
        <v>0</v>
      </c>
      <c r="Z14" s="104">
        <v>0</v>
      </c>
      <c r="AA14" s="103">
        <v>0</v>
      </c>
      <c r="AB14" s="100">
        <v>0</v>
      </c>
      <c r="AC14" s="104">
        <v>22499105</v>
      </c>
      <c r="AD14" s="104">
        <v>36908164</v>
      </c>
      <c r="AE14" s="104">
        <v>42386604</v>
      </c>
      <c r="AF14" s="104">
        <v>49027951</v>
      </c>
      <c r="AG14" s="104">
        <v>47515381</v>
      </c>
      <c r="AH14" s="103">
        <v>198337205</v>
      </c>
      <c r="AI14" s="106">
        <v>198337205</v>
      </c>
      <c r="AJ14" s="100">
        <v>0</v>
      </c>
      <c r="AK14" s="104">
        <v>0</v>
      </c>
      <c r="AL14" s="103">
        <v>0</v>
      </c>
      <c r="AM14" s="100">
        <v>0</v>
      </c>
      <c r="AN14" s="104">
        <v>311937</v>
      </c>
      <c r="AO14" s="104">
        <v>1079666</v>
      </c>
      <c r="AP14" s="104">
        <v>1524157</v>
      </c>
      <c r="AQ14" s="104">
        <v>3142985</v>
      </c>
      <c r="AR14" s="104">
        <v>6947885</v>
      </c>
      <c r="AS14" s="103">
        <v>13006630</v>
      </c>
      <c r="AT14" s="106">
        <v>13006630</v>
      </c>
      <c r="AU14" s="100">
        <v>1181342</v>
      </c>
      <c r="AV14" s="104">
        <v>2064399</v>
      </c>
      <c r="AW14" s="103">
        <v>3245741</v>
      </c>
      <c r="AX14" s="100">
        <v>0</v>
      </c>
      <c r="AY14" s="104">
        <v>11115808</v>
      </c>
      <c r="AZ14" s="104">
        <v>17525096</v>
      </c>
      <c r="BA14" s="104">
        <v>12803252</v>
      </c>
      <c r="BB14" s="104">
        <v>11431514</v>
      </c>
      <c r="BC14" s="104">
        <v>11448498</v>
      </c>
      <c r="BD14" s="103">
        <v>64324168</v>
      </c>
      <c r="BE14" s="106">
        <v>67569909</v>
      </c>
      <c r="BF14" s="100">
        <v>276202</v>
      </c>
      <c r="BG14" s="104">
        <v>558907</v>
      </c>
      <c r="BH14" s="102">
        <v>835109</v>
      </c>
      <c r="BI14" s="101">
        <v>0</v>
      </c>
      <c r="BJ14" s="104">
        <v>3203599</v>
      </c>
      <c r="BK14" s="104">
        <v>3848543</v>
      </c>
      <c r="BL14" s="104">
        <v>2090819</v>
      </c>
      <c r="BM14" s="104">
        <v>2201485</v>
      </c>
      <c r="BN14" s="104">
        <v>1110415</v>
      </c>
      <c r="BO14" s="103">
        <v>12454861</v>
      </c>
      <c r="BP14" s="106">
        <v>13289970</v>
      </c>
      <c r="BQ14" s="100">
        <v>826027</v>
      </c>
      <c r="BR14" s="104">
        <v>579170</v>
      </c>
      <c r="BS14" s="103">
        <v>1405197</v>
      </c>
      <c r="BT14" s="100">
        <v>0</v>
      </c>
      <c r="BU14" s="104">
        <v>6315374</v>
      </c>
      <c r="BV14" s="104">
        <v>7682539</v>
      </c>
      <c r="BW14" s="104">
        <v>7822047</v>
      </c>
      <c r="BX14" s="104">
        <v>7560683</v>
      </c>
      <c r="BY14" s="104">
        <v>5907013</v>
      </c>
      <c r="BZ14" s="103">
        <v>35287656</v>
      </c>
      <c r="CA14" s="106">
        <v>36692853</v>
      </c>
      <c r="CB14" s="100">
        <v>774507</v>
      </c>
      <c r="CC14" s="104">
        <v>1956995</v>
      </c>
      <c r="CD14" s="103">
        <v>2731502</v>
      </c>
      <c r="CE14" s="100">
        <v>0</v>
      </c>
      <c r="CF14" s="104">
        <v>43532911</v>
      </c>
      <c r="CG14" s="104">
        <v>59996000</v>
      </c>
      <c r="CH14" s="104">
        <v>44725394</v>
      </c>
      <c r="CI14" s="104">
        <v>32995929</v>
      </c>
      <c r="CJ14" s="104">
        <v>17059101</v>
      </c>
      <c r="CK14" s="103">
        <v>198309335</v>
      </c>
      <c r="CL14" s="106">
        <v>201040837</v>
      </c>
      <c r="CM14" s="100">
        <v>0</v>
      </c>
      <c r="CN14" s="104">
        <v>0</v>
      </c>
      <c r="CO14" s="103">
        <v>0</v>
      </c>
      <c r="CP14" s="101">
        <v>0</v>
      </c>
      <c r="CQ14" s="104">
        <v>35533615</v>
      </c>
      <c r="CR14" s="104">
        <v>48442313</v>
      </c>
      <c r="CS14" s="104">
        <v>35791637</v>
      </c>
      <c r="CT14" s="104">
        <v>27048160</v>
      </c>
      <c r="CU14" s="104">
        <v>14831856</v>
      </c>
      <c r="CV14" s="103">
        <v>161647581</v>
      </c>
      <c r="CW14" s="106">
        <v>161647581</v>
      </c>
      <c r="CX14" s="100">
        <v>774507</v>
      </c>
      <c r="CY14" s="104">
        <v>1956995</v>
      </c>
      <c r="CZ14" s="103">
        <v>2731502</v>
      </c>
      <c r="DA14" s="100">
        <v>0</v>
      </c>
      <c r="DB14" s="104">
        <v>7999296</v>
      </c>
      <c r="DC14" s="104">
        <v>11553687</v>
      </c>
      <c r="DD14" s="104">
        <v>8933757</v>
      </c>
      <c r="DE14" s="104">
        <v>5947769</v>
      </c>
      <c r="DF14" s="104">
        <v>2227245</v>
      </c>
      <c r="DG14" s="103">
        <v>36661754</v>
      </c>
      <c r="DH14" s="106">
        <v>39393256</v>
      </c>
      <c r="DI14" s="100">
        <v>136759</v>
      </c>
      <c r="DJ14" s="104">
        <v>392983</v>
      </c>
      <c r="DK14" s="102">
        <v>529742</v>
      </c>
      <c r="DL14" s="101">
        <v>0</v>
      </c>
      <c r="DM14" s="104">
        <v>4204201</v>
      </c>
      <c r="DN14" s="104">
        <v>11819540</v>
      </c>
      <c r="DO14" s="104">
        <v>24943774</v>
      </c>
      <c r="DP14" s="104">
        <v>15642422</v>
      </c>
      <c r="DQ14" s="104">
        <v>7827183</v>
      </c>
      <c r="DR14" s="103">
        <v>64437120</v>
      </c>
      <c r="DS14" s="106">
        <v>64966862</v>
      </c>
      <c r="DT14" s="100">
        <v>136759</v>
      </c>
      <c r="DU14" s="104">
        <v>392983</v>
      </c>
      <c r="DV14" s="103">
        <v>529742</v>
      </c>
      <c r="DW14" s="100">
        <v>0</v>
      </c>
      <c r="DX14" s="104">
        <v>4204201</v>
      </c>
      <c r="DY14" s="104">
        <v>10983038</v>
      </c>
      <c r="DZ14" s="104">
        <v>24324724</v>
      </c>
      <c r="EA14" s="104">
        <v>15374327</v>
      </c>
      <c r="EB14" s="104">
        <v>7676452</v>
      </c>
      <c r="EC14" s="103">
        <v>62562742</v>
      </c>
      <c r="ED14" s="106">
        <v>63092484</v>
      </c>
      <c r="EE14" s="100">
        <v>0</v>
      </c>
      <c r="EF14" s="102">
        <v>0</v>
      </c>
      <c r="EG14" s="103">
        <v>0</v>
      </c>
      <c r="EH14" s="100">
        <v>0</v>
      </c>
      <c r="EI14" s="104">
        <v>0</v>
      </c>
      <c r="EJ14" s="104">
        <v>836502</v>
      </c>
      <c r="EK14" s="104">
        <v>619050</v>
      </c>
      <c r="EL14" s="104">
        <v>268095</v>
      </c>
      <c r="EM14" s="104">
        <v>150731</v>
      </c>
      <c r="EN14" s="102">
        <v>1874378</v>
      </c>
      <c r="EO14" s="106">
        <v>1874378</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2"/>
      <c r="FE14" s="104">
        <v>0</v>
      </c>
      <c r="FF14" s="104">
        <v>0</v>
      </c>
      <c r="FG14" s="104">
        <v>0</v>
      </c>
      <c r="FH14" s="104">
        <v>0</v>
      </c>
      <c r="FI14" s="104">
        <v>0</v>
      </c>
      <c r="FJ14" s="103">
        <v>0</v>
      </c>
      <c r="FK14" s="106">
        <v>0</v>
      </c>
      <c r="FL14" s="100">
        <v>3456615</v>
      </c>
      <c r="FM14" s="104">
        <v>4649646</v>
      </c>
      <c r="FN14" s="103">
        <v>8106261</v>
      </c>
      <c r="FO14" s="100">
        <v>0</v>
      </c>
      <c r="FP14" s="104">
        <v>10686188</v>
      </c>
      <c r="FQ14" s="104">
        <v>23334565</v>
      </c>
      <c r="FR14" s="104">
        <v>16119325</v>
      </c>
      <c r="FS14" s="104">
        <v>13741723</v>
      </c>
      <c r="FT14" s="104">
        <v>9644804</v>
      </c>
      <c r="FU14" s="103">
        <v>73526605</v>
      </c>
      <c r="FV14" s="106">
        <v>81632866</v>
      </c>
      <c r="FW14" s="105">
        <v>2268337</v>
      </c>
      <c r="FX14" s="104">
        <v>3722162</v>
      </c>
      <c r="FY14" s="102">
        <v>5990499</v>
      </c>
      <c r="FZ14" s="101">
        <v>0</v>
      </c>
      <c r="GA14" s="104">
        <v>8212903</v>
      </c>
      <c r="GB14" s="104">
        <v>21268380</v>
      </c>
      <c r="GC14" s="104">
        <v>15077603</v>
      </c>
      <c r="GD14" s="104">
        <v>12799422</v>
      </c>
      <c r="GE14" s="104">
        <v>9363834</v>
      </c>
      <c r="GF14" s="103">
        <v>66722142</v>
      </c>
      <c r="GG14" s="294">
        <v>72712641</v>
      </c>
      <c r="GH14" s="105">
        <v>252007</v>
      </c>
      <c r="GI14" s="104">
        <v>286550</v>
      </c>
      <c r="GJ14" s="102">
        <v>538557</v>
      </c>
      <c r="GK14" s="101">
        <v>0</v>
      </c>
      <c r="GL14" s="104">
        <v>350537</v>
      </c>
      <c r="GM14" s="104">
        <v>461545</v>
      </c>
      <c r="GN14" s="104">
        <v>642358</v>
      </c>
      <c r="GO14" s="104">
        <v>588537</v>
      </c>
      <c r="GP14" s="104">
        <v>240110</v>
      </c>
      <c r="GQ14" s="103">
        <v>2283087</v>
      </c>
      <c r="GR14" s="106">
        <v>2821644</v>
      </c>
      <c r="GS14" s="100">
        <v>936271</v>
      </c>
      <c r="GT14" s="104">
        <v>640934</v>
      </c>
      <c r="GU14" s="103">
        <v>1577205</v>
      </c>
      <c r="GV14" s="100">
        <v>0</v>
      </c>
      <c r="GW14" s="104">
        <v>2122748</v>
      </c>
      <c r="GX14" s="104">
        <v>1604640</v>
      </c>
      <c r="GY14" s="104">
        <v>399364</v>
      </c>
      <c r="GZ14" s="104">
        <v>353764</v>
      </c>
      <c r="HA14" s="104">
        <v>40860</v>
      </c>
      <c r="HB14" s="102">
        <v>4521376</v>
      </c>
      <c r="HC14" s="106">
        <v>6098581</v>
      </c>
      <c r="HD14" s="100">
        <v>2687985</v>
      </c>
      <c r="HE14" s="104">
        <v>1653734</v>
      </c>
      <c r="HF14" s="102">
        <v>4341719</v>
      </c>
      <c r="HG14" s="101">
        <v>0</v>
      </c>
      <c r="HH14" s="104">
        <v>23046906</v>
      </c>
      <c r="HI14" s="104">
        <v>24475454</v>
      </c>
      <c r="HJ14" s="104">
        <v>21956359</v>
      </c>
      <c r="HK14" s="104">
        <v>29953482</v>
      </c>
      <c r="HL14" s="104">
        <v>18814478</v>
      </c>
      <c r="HM14" s="103">
        <v>118246679</v>
      </c>
      <c r="HN14" s="99">
        <v>122588398</v>
      </c>
      <c r="HO14" s="105">
        <v>2529748</v>
      </c>
      <c r="HP14" s="104">
        <v>3188144</v>
      </c>
      <c r="HQ14" s="103">
        <v>5717892</v>
      </c>
      <c r="HR14" s="100">
        <v>0</v>
      </c>
      <c r="HS14" s="104">
        <v>29447377</v>
      </c>
      <c r="HT14" s="104">
        <v>29669549</v>
      </c>
      <c r="HU14" s="104">
        <v>20335608</v>
      </c>
      <c r="HV14" s="104">
        <v>13030450</v>
      </c>
      <c r="HW14" s="104">
        <v>7786874</v>
      </c>
      <c r="HX14" s="102">
        <v>100269858</v>
      </c>
      <c r="HY14" s="106">
        <v>105987750</v>
      </c>
      <c r="HZ14" s="118">
        <v>514221</v>
      </c>
      <c r="IA14" s="119">
        <v>1149523</v>
      </c>
      <c r="IB14" s="120">
        <v>1663744</v>
      </c>
      <c r="IC14" s="121">
        <v>0</v>
      </c>
      <c r="ID14" s="122">
        <v>57870741</v>
      </c>
      <c r="IE14" s="123">
        <v>66961706</v>
      </c>
      <c r="IF14" s="124">
        <v>69095241</v>
      </c>
      <c r="IG14" s="122">
        <v>56332421</v>
      </c>
      <c r="IH14" s="124">
        <v>27697339</v>
      </c>
      <c r="II14" s="125">
        <v>277957448</v>
      </c>
      <c r="IJ14" s="126">
        <v>279621192</v>
      </c>
      <c r="IK14" s="219">
        <v>0</v>
      </c>
      <c r="IL14" s="223">
        <v>0</v>
      </c>
      <c r="IM14" s="224">
        <v>0</v>
      </c>
      <c r="IN14" s="127"/>
      <c r="IO14" s="109">
        <v>610384</v>
      </c>
      <c r="IP14" s="109">
        <v>729678</v>
      </c>
      <c r="IQ14" s="109">
        <v>227094</v>
      </c>
      <c r="IR14" s="109">
        <v>1331964</v>
      </c>
      <c r="IS14" s="109">
        <v>1294086</v>
      </c>
      <c r="IT14" s="128">
        <v>4193206</v>
      </c>
      <c r="IU14" s="296">
        <v>4193206</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30564593</v>
      </c>
      <c r="JL14" s="109">
        <v>37148906</v>
      </c>
      <c r="JM14" s="109">
        <v>23028857</v>
      </c>
      <c r="JN14" s="109">
        <v>13164143</v>
      </c>
      <c r="JO14" s="109">
        <v>6266931</v>
      </c>
      <c r="JP14" s="110">
        <v>110173430</v>
      </c>
      <c r="JQ14" s="296">
        <v>110173430</v>
      </c>
      <c r="JR14" s="129">
        <v>0</v>
      </c>
      <c r="JS14" s="109">
        <v>0</v>
      </c>
      <c r="JT14" s="128">
        <v>0</v>
      </c>
      <c r="JU14" s="108">
        <v>0</v>
      </c>
      <c r="JV14" s="109">
        <v>589042</v>
      </c>
      <c r="JW14" s="109">
        <v>923230</v>
      </c>
      <c r="JX14" s="109">
        <v>908673</v>
      </c>
      <c r="JY14" s="109">
        <v>1386649</v>
      </c>
      <c r="JZ14" s="109">
        <v>1132758</v>
      </c>
      <c r="KA14" s="110">
        <v>4940352</v>
      </c>
      <c r="KB14" s="296">
        <v>4940352</v>
      </c>
      <c r="KC14" s="221">
        <v>514221</v>
      </c>
      <c r="KD14" s="217">
        <v>1149523</v>
      </c>
      <c r="KE14" s="110">
        <v>1663744</v>
      </c>
      <c r="KF14" s="108">
        <v>0</v>
      </c>
      <c r="KG14" s="109">
        <v>9199576</v>
      </c>
      <c r="KH14" s="109">
        <v>8316681</v>
      </c>
      <c r="KI14" s="109">
        <v>11693162</v>
      </c>
      <c r="KJ14" s="109">
        <v>7068175</v>
      </c>
      <c r="KK14" s="109">
        <v>3154158</v>
      </c>
      <c r="KL14" s="110">
        <v>39431752</v>
      </c>
      <c r="KM14" s="130">
        <v>41095496</v>
      </c>
      <c r="KN14" s="219">
        <v>0</v>
      </c>
      <c r="KO14" s="223">
        <v>0</v>
      </c>
      <c r="KP14" s="224">
        <v>0</v>
      </c>
      <c r="KQ14" s="127"/>
      <c r="KR14" s="109">
        <v>14749210</v>
      </c>
      <c r="KS14" s="109">
        <v>16141769</v>
      </c>
      <c r="KT14" s="109">
        <v>23368254</v>
      </c>
      <c r="KU14" s="109">
        <v>19884488</v>
      </c>
      <c r="KV14" s="109">
        <v>9467371</v>
      </c>
      <c r="KW14" s="110">
        <v>83611092</v>
      </c>
      <c r="KX14" s="296">
        <v>83611092</v>
      </c>
      <c r="KY14" s="129">
        <v>0</v>
      </c>
      <c r="KZ14" s="109">
        <v>0</v>
      </c>
      <c r="LA14" s="110">
        <v>0</v>
      </c>
      <c r="LB14" s="132"/>
      <c r="LC14" s="109">
        <v>342322</v>
      </c>
      <c r="LD14" s="109">
        <v>1177800</v>
      </c>
      <c r="LE14" s="109">
        <v>2574677</v>
      </c>
      <c r="LF14" s="109">
        <v>3252441</v>
      </c>
      <c r="LG14" s="109">
        <v>1730821</v>
      </c>
      <c r="LH14" s="110">
        <v>9078061</v>
      </c>
      <c r="LI14" s="111">
        <v>9078061</v>
      </c>
      <c r="LJ14" s="129">
        <v>0</v>
      </c>
      <c r="LK14" s="109">
        <v>0</v>
      </c>
      <c r="LL14" s="110">
        <v>0</v>
      </c>
      <c r="LM14" s="132"/>
      <c r="LN14" s="109">
        <v>0</v>
      </c>
      <c r="LO14" s="109">
        <v>226359</v>
      </c>
      <c r="LP14" s="109">
        <v>2381390</v>
      </c>
      <c r="LQ14" s="109">
        <v>6396360</v>
      </c>
      <c r="LR14" s="109">
        <v>2600722</v>
      </c>
      <c r="LS14" s="110">
        <v>11604831</v>
      </c>
      <c r="LT14" s="296">
        <v>11604831</v>
      </c>
      <c r="LU14" s="129">
        <v>0</v>
      </c>
      <c r="LV14" s="109">
        <v>0</v>
      </c>
      <c r="LW14" s="110">
        <v>0</v>
      </c>
      <c r="LX14" s="132"/>
      <c r="LY14" s="109">
        <v>1815614</v>
      </c>
      <c r="LZ14" s="109">
        <v>2297283</v>
      </c>
      <c r="MA14" s="109">
        <v>4913134</v>
      </c>
      <c r="MB14" s="109">
        <v>3848201</v>
      </c>
      <c r="MC14" s="109">
        <v>2050492</v>
      </c>
      <c r="MD14" s="110">
        <v>14924724</v>
      </c>
      <c r="ME14" s="111">
        <v>14924724</v>
      </c>
      <c r="MF14" s="129">
        <v>0</v>
      </c>
      <c r="MG14" s="109">
        <v>0</v>
      </c>
      <c r="MH14" s="110">
        <v>0</v>
      </c>
      <c r="MI14" s="132"/>
      <c r="MJ14" s="109">
        <v>13913857</v>
      </c>
      <c r="MK14" s="109">
        <v>37450651</v>
      </c>
      <c r="ML14" s="109">
        <v>140966064</v>
      </c>
      <c r="MM14" s="109">
        <v>155870678</v>
      </c>
      <c r="MN14" s="109">
        <v>94313333</v>
      </c>
      <c r="MO14" s="110">
        <v>442514583</v>
      </c>
      <c r="MP14" s="130">
        <v>442514583</v>
      </c>
      <c r="MQ14" s="129">
        <v>0</v>
      </c>
      <c r="MR14" s="109">
        <v>0</v>
      </c>
      <c r="MS14" s="110">
        <v>0</v>
      </c>
      <c r="MT14" s="132"/>
      <c r="MU14" s="109">
        <v>3488294</v>
      </c>
      <c r="MV14" s="109">
        <v>15159650</v>
      </c>
      <c r="MW14" s="109">
        <v>96512417</v>
      </c>
      <c r="MX14" s="109">
        <v>116052544</v>
      </c>
      <c r="MY14" s="109">
        <v>69804083</v>
      </c>
      <c r="MZ14" s="110">
        <v>301016988</v>
      </c>
      <c r="NA14" s="130">
        <v>301016988</v>
      </c>
      <c r="NB14" s="129">
        <v>0</v>
      </c>
      <c r="NC14" s="109">
        <v>0</v>
      </c>
      <c r="ND14" s="110">
        <v>0</v>
      </c>
      <c r="NE14" s="132"/>
      <c r="NF14" s="109">
        <v>9931499</v>
      </c>
      <c r="NG14" s="109">
        <v>22060779</v>
      </c>
      <c r="NH14" s="109">
        <v>43698849</v>
      </c>
      <c r="NI14" s="109">
        <v>37702376</v>
      </c>
      <c r="NJ14" s="109">
        <v>21635454</v>
      </c>
      <c r="NK14" s="110">
        <v>135028957</v>
      </c>
      <c r="NL14" s="296">
        <v>135028957</v>
      </c>
      <c r="NM14" s="129">
        <v>0</v>
      </c>
      <c r="NN14" s="109">
        <v>0</v>
      </c>
      <c r="NO14" s="110">
        <v>0</v>
      </c>
      <c r="NP14" s="132"/>
      <c r="NQ14" s="109">
        <v>0</v>
      </c>
      <c r="NR14" s="109">
        <v>0</v>
      </c>
      <c r="NS14" s="109">
        <v>0</v>
      </c>
      <c r="NT14" s="109">
        <v>344005</v>
      </c>
      <c r="NU14" s="109">
        <v>0</v>
      </c>
      <c r="NV14" s="110">
        <v>344005</v>
      </c>
      <c r="NW14" s="111">
        <v>344005</v>
      </c>
      <c r="NX14" s="129">
        <v>0</v>
      </c>
      <c r="NY14" s="109">
        <v>0</v>
      </c>
      <c r="NZ14" s="110">
        <v>0</v>
      </c>
      <c r="OA14" s="132"/>
      <c r="OB14" s="109">
        <v>494064</v>
      </c>
      <c r="OC14" s="109">
        <v>230222</v>
      </c>
      <c r="OD14" s="109">
        <v>754798</v>
      </c>
      <c r="OE14" s="109">
        <v>1771753</v>
      </c>
      <c r="OF14" s="109">
        <v>2873796</v>
      </c>
      <c r="OG14" s="110">
        <v>6124633</v>
      </c>
      <c r="OH14" s="111">
        <v>6124633</v>
      </c>
      <c r="OI14" s="129">
        <v>12383406</v>
      </c>
      <c r="OJ14" s="109">
        <v>16193501</v>
      </c>
      <c r="OK14" s="128">
        <v>28576907</v>
      </c>
      <c r="OL14" s="108">
        <v>0</v>
      </c>
      <c r="OM14" s="109">
        <v>226148004</v>
      </c>
      <c r="ON14" s="109">
        <v>320751473</v>
      </c>
      <c r="OO14" s="109">
        <v>404768644</v>
      </c>
      <c r="OP14" s="109">
        <v>390931723</v>
      </c>
      <c r="OQ14" s="109">
        <v>256072304</v>
      </c>
      <c r="OR14" s="110">
        <v>1598672148</v>
      </c>
      <c r="OS14" s="130">
        <v>1627249055</v>
      </c>
    </row>
    <row r="15" spans="1:409" ht="21" customHeight="1" x14ac:dyDescent="0.2">
      <c r="B15" s="468" t="s">
        <v>9</v>
      </c>
      <c r="C15" s="100">
        <v>13164398</v>
      </c>
      <c r="D15" s="104">
        <v>17110258</v>
      </c>
      <c r="E15" s="103">
        <v>30274656</v>
      </c>
      <c r="F15" s="101">
        <v>0</v>
      </c>
      <c r="G15" s="104">
        <v>156804406</v>
      </c>
      <c r="H15" s="104">
        <v>153613480</v>
      </c>
      <c r="I15" s="104">
        <v>161770604</v>
      </c>
      <c r="J15" s="104">
        <v>170577124</v>
      </c>
      <c r="K15" s="104">
        <v>135291600</v>
      </c>
      <c r="L15" s="99">
        <v>778057214</v>
      </c>
      <c r="M15" s="106">
        <v>808331870</v>
      </c>
      <c r="N15" s="100">
        <v>2556679</v>
      </c>
      <c r="O15" s="104">
        <v>3733400</v>
      </c>
      <c r="P15" s="103">
        <v>6290079</v>
      </c>
      <c r="Q15" s="100">
        <v>0</v>
      </c>
      <c r="R15" s="104">
        <v>46806063</v>
      </c>
      <c r="S15" s="104">
        <v>50688295</v>
      </c>
      <c r="T15" s="104">
        <v>56402284</v>
      </c>
      <c r="U15" s="104">
        <v>71200839</v>
      </c>
      <c r="V15" s="104">
        <v>71298242</v>
      </c>
      <c r="W15" s="103">
        <v>296395723</v>
      </c>
      <c r="X15" s="106">
        <v>302685802</v>
      </c>
      <c r="Y15" s="100">
        <v>0</v>
      </c>
      <c r="Z15" s="104">
        <v>0</v>
      </c>
      <c r="AA15" s="103">
        <v>0</v>
      </c>
      <c r="AB15" s="100">
        <v>0</v>
      </c>
      <c r="AC15" s="104">
        <v>22319979</v>
      </c>
      <c r="AD15" s="104">
        <v>26338563</v>
      </c>
      <c r="AE15" s="104">
        <v>34057656</v>
      </c>
      <c r="AF15" s="104">
        <v>44474789</v>
      </c>
      <c r="AG15" s="104">
        <v>45514669</v>
      </c>
      <c r="AH15" s="103">
        <v>172705656</v>
      </c>
      <c r="AI15" s="106">
        <v>172705656</v>
      </c>
      <c r="AJ15" s="100">
        <v>0</v>
      </c>
      <c r="AK15" s="104">
        <v>0</v>
      </c>
      <c r="AL15" s="103">
        <v>0</v>
      </c>
      <c r="AM15" s="100">
        <v>0</v>
      </c>
      <c r="AN15" s="104">
        <v>91202</v>
      </c>
      <c r="AO15" s="104">
        <v>292572</v>
      </c>
      <c r="AP15" s="104">
        <v>824882</v>
      </c>
      <c r="AQ15" s="104">
        <v>3400749</v>
      </c>
      <c r="AR15" s="104">
        <v>5863256</v>
      </c>
      <c r="AS15" s="103">
        <v>10472661</v>
      </c>
      <c r="AT15" s="106">
        <v>10472661</v>
      </c>
      <c r="AU15" s="100">
        <v>1474813</v>
      </c>
      <c r="AV15" s="104">
        <v>2418791</v>
      </c>
      <c r="AW15" s="103">
        <v>3893604</v>
      </c>
      <c r="AX15" s="100">
        <v>0</v>
      </c>
      <c r="AY15" s="104">
        <v>15257105</v>
      </c>
      <c r="AZ15" s="104">
        <v>14144891</v>
      </c>
      <c r="BA15" s="104">
        <v>11272772</v>
      </c>
      <c r="BB15" s="104">
        <v>12552246</v>
      </c>
      <c r="BC15" s="104">
        <v>12171771</v>
      </c>
      <c r="BD15" s="103">
        <v>65398785</v>
      </c>
      <c r="BE15" s="106">
        <v>69292389</v>
      </c>
      <c r="BF15" s="100">
        <v>197057</v>
      </c>
      <c r="BG15" s="104">
        <v>597581</v>
      </c>
      <c r="BH15" s="102">
        <v>794638</v>
      </c>
      <c r="BI15" s="101">
        <v>0</v>
      </c>
      <c r="BJ15" s="104">
        <v>1817855</v>
      </c>
      <c r="BK15" s="104">
        <v>2166198</v>
      </c>
      <c r="BL15" s="104">
        <v>1507835</v>
      </c>
      <c r="BM15" s="104">
        <v>1637002</v>
      </c>
      <c r="BN15" s="104">
        <v>1008792</v>
      </c>
      <c r="BO15" s="103">
        <v>8137682</v>
      </c>
      <c r="BP15" s="106">
        <v>8932320</v>
      </c>
      <c r="BQ15" s="100">
        <v>884809</v>
      </c>
      <c r="BR15" s="104">
        <v>717028</v>
      </c>
      <c r="BS15" s="103">
        <v>1601837</v>
      </c>
      <c r="BT15" s="100">
        <v>0</v>
      </c>
      <c r="BU15" s="104">
        <v>7319922</v>
      </c>
      <c r="BV15" s="104">
        <v>7746071</v>
      </c>
      <c r="BW15" s="104">
        <v>8739139</v>
      </c>
      <c r="BX15" s="104">
        <v>9136053</v>
      </c>
      <c r="BY15" s="104">
        <v>6739754</v>
      </c>
      <c r="BZ15" s="103">
        <v>39680939</v>
      </c>
      <c r="CA15" s="106">
        <v>41282776</v>
      </c>
      <c r="CB15" s="100">
        <v>1532187</v>
      </c>
      <c r="CC15" s="104">
        <v>4284324</v>
      </c>
      <c r="CD15" s="103">
        <v>5816511</v>
      </c>
      <c r="CE15" s="100">
        <v>0</v>
      </c>
      <c r="CF15" s="104">
        <v>35793889</v>
      </c>
      <c r="CG15" s="104">
        <v>33402651</v>
      </c>
      <c r="CH15" s="104">
        <v>27721186</v>
      </c>
      <c r="CI15" s="104">
        <v>22026987</v>
      </c>
      <c r="CJ15" s="104">
        <v>8674938</v>
      </c>
      <c r="CK15" s="103">
        <v>127619651</v>
      </c>
      <c r="CL15" s="106">
        <v>133436162</v>
      </c>
      <c r="CM15" s="100">
        <v>0</v>
      </c>
      <c r="CN15" s="104">
        <v>0</v>
      </c>
      <c r="CO15" s="103">
        <v>0</v>
      </c>
      <c r="CP15" s="101">
        <v>0</v>
      </c>
      <c r="CQ15" s="104">
        <v>29160085</v>
      </c>
      <c r="CR15" s="104">
        <v>25425641</v>
      </c>
      <c r="CS15" s="104">
        <v>21652981</v>
      </c>
      <c r="CT15" s="104">
        <v>15876872</v>
      </c>
      <c r="CU15" s="104">
        <v>6567619</v>
      </c>
      <c r="CV15" s="103">
        <v>98683198</v>
      </c>
      <c r="CW15" s="106">
        <v>98683198</v>
      </c>
      <c r="CX15" s="100">
        <v>1532187</v>
      </c>
      <c r="CY15" s="104">
        <v>4284324</v>
      </c>
      <c r="CZ15" s="103">
        <v>5816511</v>
      </c>
      <c r="DA15" s="100">
        <v>0</v>
      </c>
      <c r="DB15" s="104">
        <v>6633804</v>
      </c>
      <c r="DC15" s="104">
        <v>7977010</v>
      </c>
      <c r="DD15" s="104">
        <v>6068205</v>
      </c>
      <c r="DE15" s="104">
        <v>6150115</v>
      </c>
      <c r="DF15" s="104">
        <v>2107319</v>
      </c>
      <c r="DG15" s="103">
        <v>28936453</v>
      </c>
      <c r="DH15" s="106">
        <v>34752964</v>
      </c>
      <c r="DI15" s="100">
        <v>36871</v>
      </c>
      <c r="DJ15" s="104">
        <v>300181</v>
      </c>
      <c r="DK15" s="102">
        <v>337052</v>
      </c>
      <c r="DL15" s="101">
        <v>0</v>
      </c>
      <c r="DM15" s="104">
        <v>4704120</v>
      </c>
      <c r="DN15" s="104">
        <v>7458309</v>
      </c>
      <c r="DO15" s="104">
        <v>18560001</v>
      </c>
      <c r="DP15" s="104">
        <v>14972678</v>
      </c>
      <c r="DQ15" s="104">
        <v>9674223</v>
      </c>
      <c r="DR15" s="103">
        <v>55369331</v>
      </c>
      <c r="DS15" s="106">
        <v>55706383</v>
      </c>
      <c r="DT15" s="100">
        <v>36871</v>
      </c>
      <c r="DU15" s="104">
        <v>227445</v>
      </c>
      <c r="DV15" s="103">
        <v>264316</v>
      </c>
      <c r="DW15" s="100">
        <v>0</v>
      </c>
      <c r="DX15" s="104">
        <v>4148917</v>
      </c>
      <c r="DY15" s="104">
        <v>6633690</v>
      </c>
      <c r="DZ15" s="104">
        <v>15619820</v>
      </c>
      <c r="EA15" s="104">
        <v>11992075</v>
      </c>
      <c r="EB15" s="104">
        <v>7497753</v>
      </c>
      <c r="EC15" s="103">
        <v>45892255</v>
      </c>
      <c r="ED15" s="106">
        <v>46156571</v>
      </c>
      <c r="EE15" s="100">
        <v>0</v>
      </c>
      <c r="EF15" s="102">
        <v>72736</v>
      </c>
      <c r="EG15" s="103">
        <v>72736</v>
      </c>
      <c r="EH15" s="100">
        <v>0</v>
      </c>
      <c r="EI15" s="104">
        <v>555203</v>
      </c>
      <c r="EJ15" s="104">
        <v>824619</v>
      </c>
      <c r="EK15" s="104">
        <v>2940181</v>
      </c>
      <c r="EL15" s="104">
        <v>2980603</v>
      </c>
      <c r="EM15" s="104">
        <v>2176470</v>
      </c>
      <c r="EN15" s="102">
        <v>9477076</v>
      </c>
      <c r="EO15" s="106">
        <v>9549812</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2"/>
      <c r="FE15" s="104">
        <v>0</v>
      </c>
      <c r="FF15" s="104">
        <v>0</v>
      </c>
      <c r="FG15" s="104">
        <v>0</v>
      </c>
      <c r="FH15" s="104">
        <v>0</v>
      </c>
      <c r="FI15" s="104">
        <v>0</v>
      </c>
      <c r="FJ15" s="103">
        <v>0</v>
      </c>
      <c r="FK15" s="106">
        <v>0</v>
      </c>
      <c r="FL15" s="100">
        <v>3843005</v>
      </c>
      <c r="FM15" s="104">
        <v>3864590</v>
      </c>
      <c r="FN15" s="103">
        <v>7707595</v>
      </c>
      <c r="FO15" s="100">
        <v>0</v>
      </c>
      <c r="FP15" s="104">
        <v>8697583</v>
      </c>
      <c r="FQ15" s="104">
        <v>14239174</v>
      </c>
      <c r="FR15" s="104">
        <v>11404861</v>
      </c>
      <c r="FS15" s="104">
        <v>11742126</v>
      </c>
      <c r="FT15" s="104">
        <v>9911999</v>
      </c>
      <c r="FU15" s="103">
        <v>55995743</v>
      </c>
      <c r="FV15" s="106">
        <v>63703338</v>
      </c>
      <c r="FW15" s="105">
        <v>1909310</v>
      </c>
      <c r="FX15" s="104">
        <v>2904249</v>
      </c>
      <c r="FY15" s="102">
        <v>4813559</v>
      </c>
      <c r="FZ15" s="101">
        <v>0</v>
      </c>
      <c r="GA15" s="104">
        <v>7096080</v>
      </c>
      <c r="GB15" s="104">
        <v>13102624</v>
      </c>
      <c r="GC15" s="104">
        <v>10668565</v>
      </c>
      <c r="GD15" s="104">
        <v>11008063</v>
      </c>
      <c r="GE15" s="104">
        <v>9768377</v>
      </c>
      <c r="GF15" s="103">
        <v>51643709</v>
      </c>
      <c r="GG15" s="294">
        <v>56457268</v>
      </c>
      <c r="GH15" s="105">
        <v>328185</v>
      </c>
      <c r="GI15" s="104">
        <v>358972</v>
      </c>
      <c r="GJ15" s="102">
        <v>687157</v>
      </c>
      <c r="GK15" s="101">
        <v>0</v>
      </c>
      <c r="GL15" s="104">
        <v>404656</v>
      </c>
      <c r="GM15" s="104">
        <v>309550</v>
      </c>
      <c r="GN15" s="104">
        <v>210867</v>
      </c>
      <c r="GO15" s="104">
        <v>211164</v>
      </c>
      <c r="GP15" s="104">
        <v>119322</v>
      </c>
      <c r="GQ15" s="103">
        <v>1255559</v>
      </c>
      <c r="GR15" s="106">
        <v>1942716</v>
      </c>
      <c r="GS15" s="100">
        <v>1605510</v>
      </c>
      <c r="GT15" s="104">
        <v>601369</v>
      </c>
      <c r="GU15" s="103">
        <v>2206879</v>
      </c>
      <c r="GV15" s="100">
        <v>0</v>
      </c>
      <c r="GW15" s="104">
        <v>1196847</v>
      </c>
      <c r="GX15" s="104">
        <v>827000</v>
      </c>
      <c r="GY15" s="104">
        <v>525429</v>
      </c>
      <c r="GZ15" s="104">
        <v>522899</v>
      </c>
      <c r="HA15" s="104">
        <v>24300</v>
      </c>
      <c r="HB15" s="102">
        <v>3096475</v>
      </c>
      <c r="HC15" s="106">
        <v>5303354</v>
      </c>
      <c r="HD15" s="100">
        <v>2988182</v>
      </c>
      <c r="HE15" s="104">
        <v>2034165</v>
      </c>
      <c r="HF15" s="102">
        <v>5022347</v>
      </c>
      <c r="HG15" s="101">
        <v>0</v>
      </c>
      <c r="HH15" s="104">
        <v>33860773</v>
      </c>
      <c r="HI15" s="104">
        <v>28894038</v>
      </c>
      <c r="HJ15" s="104">
        <v>33443911</v>
      </c>
      <c r="HK15" s="104">
        <v>39373374</v>
      </c>
      <c r="HL15" s="104">
        <v>28646802</v>
      </c>
      <c r="HM15" s="103">
        <v>164218898</v>
      </c>
      <c r="HN15" s="99">
        <v>169241245</v>
      </c>
      <c r="HO15" s="105">
        <v>2207474</v>
      </c>
      <c r="HP15" s="104">
        <v>2893598</v>
      </c>
      <c r="HQ15" s="103">
        <v>5101072</v>
      </c>
      <c r="HR15" s="100">
        <v>0</v>
      </c>
      <c r="HS15" s="104">
        <v>26941978</v>
      </c>
      <c r="HT15" s="104">
        <v>18931013</v>
      </c>
      <c r="HU15" s="104">
        <v>14238361</v>
      </c>
      <c r="HV15" s="104">
        <v>11261120</v>
      </c>
      <c r="HW15" s="104">
        <v>7085396</v>
      </c>
      <c r="HX15" s="102">
        <v>78457868</v>
      </c>
      <c r="HY15" s="106">
        <v>83558940</v>
      </c>
      <c r="HZ15" s="115">
        <v>401964</v>
      </c>
      <c r="IA15" s="136">
        <v>860930</v>
      </c>
      <c r="IB15" s="116">
        <v>1262894</v>
      </c>
      <c r="IC15" s="133">
        <v>0</v>
      </c>
      <c r="ID15" s="119">
        <v>31686271</v>
      </c>
      <c r="IE15" s="134">
        <v>41317538</v>
      </c>
      <c r="IF15" s="120">
        <v>51191771</v>
      </c>
      <c r="IG15" s="119">
        <v>41375267</v>
      </c>
      <c r="IH15" s="120">
        <v>26189497</v>
      </c>
      <c r="II15" s="135">
        <v>191760344</v>
      </c>
      <c r="IJ15" s="117">
        <v>193023238</v>
      </c>
      <c r="IK15" s="219">
        <v>0</v>
      </c>
      <c r="IL15" s="223">
        <v>0</v>
      </c>
      <c r="IM15" s="224">
        <v>0</v>
      </c>
      <c r="IN15" s="127"/>
      <c r="IO15" s="109">
        <v>0</v>
      </c>
      <c r="IP15" s="109">
        <v>613763</v>
      </c>
      <c r="IQ15" s="109">
        <v>1063899</v>
      </c>
      <c r="IR15" s="109">
        <v>2267789</v>
      </c>
      <c r="IS15" s="109">
        <v>1297754</v>
      </c>
      <c r="IT15" s="128">
        <v>5243205</v>
      </c>
      <c r="IU15" s="296">
        <v>5243205</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9397018</v>
      </c>
      <c r="JL15" s="109">
        <v>14390860</v>
      </c>
      <c r="JM15" s="109">
        <v>16316507</v>
      </c>
      <c r="JN15" s="109">
        <v>9743725</v>
      </c>
      <c r="JO15" s="109">
        <v>4177929</v>
      </c>
      <c r="JP15" s="110">
        <v>64026039</v>
      </c>
      <c r="JQ15" s="296">
        <v>64026039</v>
      </c>
      <c r="JR15" s="129">
        <v>0</v>
      </c>
      <c r="JS15" s="109">
        <v>0</v>
      </c>
      <c r="JT15" s="128">
        <v>0</v>
      </c>
      <c r="JU15" s="108">
        <v>0</v>
      </c>
      <c r="JV15" s="109">
        <v>247639</v>
      </c>
      <c r="JW15" s="109">
        <v>738894</v>
      </c>
      <c r="JX15" s="109">
        <v>942635</v>
      </c>
      <c r="JY15" s="109">
        <v>0</v>
      </c>
      <c r="JZ15" s="109">
        <v>1256895</v>
      </c>
      <c r="KA15" s="110">
        <v>3186063</v>
      </c>
      <c r="KB15" s="296">
        <v>3186063</v>
      </c>
      <c r="KC15" s="221">
        <v>401964</v>
      </c>
      <c r="KD15" s="217">
        <v>610586</v>
      </c>
      <c r="KE15" s="110">
        <v>1012550</v>
      </c>
      <c r="KF15" s="108">
        <v>0</v>
      </c>
      <c r="KG15" s="109">
        <v>3402258</v>
      </c>
      <c r="KH15" s="109">
        <v>5015162</v>
      </c>
      <c r="KI15" s="109">
        <v>5809451</v>
      </c>
      <c r="KJ15" s="109">
        <v>6171180</v>
      </c>
      <c r="KK15" s="109">
        <v>4073002</v>
      </c>
      <c r="KL15" s="110">
        <v>24471053</v>
      </c>
      <c r="KM15" s="130">
        <v>25483603</v>
      </c>
      <c r="KN15" s="219">
        <v>0</v>
      </c>
      <c r="KO15" s="223">
        <v>250344</v>
      </c>
      <c r="KP15" s="224">
        <v>250344</v>
      </c>
      <c r="KQ15" s="127"/>
      <c r="KR15" s="109">
        <v>7533695</v>
      </c>
      <c r="KS15" s="109">
        <v>18339704</v>
      </c>
      <c r="KT15" s="109">
        <v>22988765</v>
      </c>
      <c r="KU15" s="109">
        <v>17708753</v>
      </c>
      <c r="KV15" s="109">
        <v>8049042</v>
      </c>
      <c r="KW15" s="110">
        <v>74619959</v>
      </c>
      <c r="KX15" s="296">
        <v>74870303</v>
      </c>
      <c r="KY15" s="129">
        <v>0</v>
      </c>
      <c r="KZ15" s="109">
        <v>0</v>
      </c>
      <c r="LA15" s="110">
        <v>0</v>
      </c>
      <c r="LB15" s="132"/>
      <c r="LC15" s="109">
        <v>355604</v>
      </c>
      <c r="LD15" s="109">
        <v>607802</v>
      </c>
      <c r="LE15" s="109">
        <v>1459277</v>
      </c>
      <c r="LF15" s="109">
        <v>1894957</v>
      </c>
      <c r="LG15" s="109">
        <v>1052709</v>
      </c>
      <c r="LH15" s="110">
        <v>5370349</v>
      </c>
      <c r="LI15" s="111">
        <v>5370349</v>
      </c>
      <c r="LJ15" s="129">
        <v>0</v>
      </c>
      <c r="LK15" s="109">
        <v>0</v>
      </c>
      <c r="LL15" s="110">
        <v>0</v>
      </c>
      <c r="LM15" s="132"/>
      <c r="LN15" s="109">
        <v>0</v>
      </c>
      <c r="LO15" s="109">
        <v>0</v>
      </c>
      <c r="LP15" s="109">
        <v>0</v>
      </c>
      <c r="LQ15" s="109">
        <v>319184</v>
      </c>
      <c r="LR15" s="109">
        <v>0</v>
      </c>
      <c r="LS15" s="110">
        <v>319184</v>
      </c>
      <c r="LT15" s="296">
        <v>319184</v>
      </c>
      <c r="LU15" s="129">
        <v>0</v>
      </c>
      <c r="LV15" s="109">
        <v>0</v>
      </c>
      <c r="LW15" s="110">
        <v>0</v>
      </c>
      <c r="LX15" s="132"/>
      <c r="LY15" s="109">
        <v>750057</v>
      </c>
      <c r="LZ15" s="109">
        <v>1611353</v>
      </c>
      <c r="MA15" s="109">
        <v>2611237</v>
      </c>
      <c r="MB15" s="109">
        <v>3269679</v>
      </c>
      <c r="MC15" s="109">
        <v>6282166</v>
      </c>
      <c r="MD15" s="110">
        <v>14524492</v>
      </c>
      <c r="ME15" s="111">
        <v>14524492</v>
      </c>
      <c r="MF15" s="129">
        <v>0</v>
      </c>
      <c r="MG15" s="109">
        <v>0</v>
      </c>
      <c r="MH15" s="110">
        <v>0</v>
      </c>
      <c r="MI15" s="132"/>
      <c r="MJ15" s="109">
        <v>8689874</v>
      </c>
      <c r="MK15" s="109">
        <v>19206255</v>
      </c>
      <c r="ML15" s="109">
        <v>84715939</v>
      </c>
      <c r="MM15" s="109">
        <v>138929291</v>
      </c>
      <c r="MN15" s="109">
        <v>109601723</v>
      </c>
      <c r="MO15" s="110">
        <v>361143082</v>
      </c>
      <c r="MP15" s="130">
        <v>361143082</v>
      </c>
      <c r="MQ15" s="129">
        <v>0</v>
      </c>
      <c r="MR15" s="109">
        <v>0</v>
      </c>
      <c r="MS15" s="110">
        <v>0</v>
      </c>
      <c r="MT15" s="132"/>
      <c r="MU15" s="109">
        <v>1365051</v>
      </c>
      <c r="MV15" s="109">
        <v>1200781</v>
      </c>
      <c r="MW15" s="109">
        <v>52869171</v>
      </c>
      <c r="MX15" s="109">
        <v>96648637</v>
      </c>
      <c r="MY15" s="109">
        <v>84641140</v>
      </c>
      <c r="MZ15" s="110">
        <v>236724780</v>
      </c>
      <c r="NA15" s="130">
        <v>236724780</v>
      </c>
      <c r="NB15" s="129">
        <v>0</v>
      </c>
      <c r="NC15" s="109">
        <v>0</v>
      </c>
      <c r="ND15" s="110">
        <v>0</v>
      </c>
      <c r="NE15" s="132"/>
      <c r="NF15" s="109">
        <v>7324823</v>
      </c>
      <c r="NG15" s="109">
        <v>17852641</v>
      </c>
      <c r="NH15" s="109">
        <v>31149462</v>
      </c>
      <c r="NI15" s="109">
        <v>41504559</v>
      </c>
      <c r="NJ15" s="109">
        <v>22422550</v>
      </c>
      <c r="NK15" s="110">
        <v>120254035</v>
      </c>
      <c r="NL15" s="296">
        <v>120254035</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152833</v>
      </c>
      <c r="OD15" s="109">
        <v>697306</v>
      </c>
      <c r="OE15" s="109">
        <v>776095</v>
      </c>
      <c r="OF15" s="109">
        <v>2538033</v>
      </c>
      <c r="OG15" s="110">
        <v>4164267</v>
      </c>
      <c r="OH15" s="111">
        <v>4164267</v>
      </c>
      <c r="OI15" s="129">
        <v>13566362</v>
      </c>
      <c r="OJ15" s="109">
        <v>17971188</v>
      </c>
      <c r="OK15" s="128">
        <v>31537550</v>
      </c>
      <c r="OL15" s="108">
        <v>0</v>
      </c>
      <c r="OM15" s="109">
        <v>197180551</v>
      </c>
      <c r="ON15" s="109">
        <v>214137273</v>
      </c>
      <c r="OO15" s="109">
        <v>297678314</v>
      </c>
      <c r="OP15" s="109">
        <v>350881682</v>
      </c>
      <c r="OQ15" s="109">
        <v>271082820</v>
      </c>
      <c r="OR15" s="110">
        <v>1330960640</v>
      </c>
      <c r="OS15" s="130">
        <v>1362498190</v>
      </c>
    </row>
    <row r="16" spans="1:409" ht="21" customHeight="1" x14ac:dyDescent="0.2">
      <c r="B16" s="468" t="s">
        <v>10</v>
      </c>
      <c r="C16" s="100">
        <v>25096387</v>
      </c>
      <c r="D16" s="104">
        <v>40186317</v>
      </c>
      <c r="E16" s="103">
        <v>65282704</v>
      </c>
      <c r="F16" s="159">
        <v>0</v>
      </c>
      <c r="G16" s="104">
        <v>350460093</v>
      </c>
      <c r="H16" s="104">
        <v>294007985</v>
      </c>
      <c r="I16" s="104">
        <v>262488542</v>
      </c>
      <c r="J16" s="104">
        <v>260645449</v>
      </c>
      <c r="K16" s="104">
        <v>210373972</v>
      </c>
      <c r="L16" s="99">
        <v>1377976041</v>
      </c>
      <c r="M16" s="106">
        <v>1443258745</v>
      </c>
      <c r="N16" s="100">
        <v>6597096</v>
      </c>
      <c r="O16" s="104">
        <v>12774051</v>
      </c>
      <c r="P16" s="103">
        <v>19371147</v>
      </c>
      <c r="Q16" s="100">
        <v>0</v>
      </c>
      <c r="R16" s="104">
        <v>110871068</v>
      </c>
      <c r="S16" s="104">
        <v>97656650</v>
      </c>
      <c r="T16" s="104">
        <v>98185914</v>
      </c>
      <c r="U16" s="104">
        <v>110712528</v>
      </c>
      <c r="V16" s="104">
        <v>112943191</v>
      </c>
      <c r="W16" s="103">
        <v>530369351</v>
      </c>
      <c r="X16" s="106">
        <v>549740498</v>
      </c>
      <c r="Y16" s="100">
        <v>0</v>
      </c>
      <c r="Z16" s="104">
        <v>0</v>
      </c>
      <c r="AA16" s="103">
        <v>0</v>
      </c>
      <c r="AB16" s="100">
        <v>0</v>
      </c>
      <c r="AC16" s="104">
        <v>53552810</v>
      </c>
      <c r="AD16" s="104">
        <v>49523669</v>
      </c>
      <c r="AE16" s="104">
        <v>63010117</v>
      </c>
      <c r="AF16" s="104">
        <v>71700382</v>
      </c>
      <c r="AG16" s="104">
        <v>66805358</v>
      </c>
      <c r="AH16" s="103">
        <v>304592336</v>
      </c>
      <c r="AI16" s="106">
        <v>304592336</v>
      </c>
      <c r="AJ16" s="100">
        <v>0</v>
      </c>
      <c r="AK16" s="104">
        <v>0</v>
      </c>
      <c r="AL16" s="103">
        <v>0</v>
      </c>
      <c r="AM16" s="100">
        <v>0</v>
      </c>
      <c r="AN16" s="104">
        <v>328082</v>
      </c>
      <c r="AO16" s="104">
        <v>1705407</v>
      </c>
      <c r="AP16" s="104">
        <v>2638275</v>
      </c>
      <c r="AQ16" s="104">
        <v>5414638</v>
      </c>
      <c r="AR16" s="104">
        <v>12277903</v>
      </c>
      <c r="AS16" s="103">
        <v>22364305</v>
      </c>
      <c r="AT16" s="106">
        <v>22364305</v>
      </c>
      <c r="AU16" s="100">
        <v>3858487</v>
      </c>
      <c r="AV16" s="104">
        <v>8173501</v>
      </c>
      <c r="AW16" s="103">
        <v>12031988</v>
      </c>
      <c r="AX16" s="100">
        <v>0</v>
      </c>
      <c r="AY16" s="104">
        <v>36252878</v>
      </c>
      <c r="AZ16" s="104">
        <v>26286209</v>
      </c>
      <c r="BA16" s="104">
        <v>15900061</v>
      </c>
      <c r="BB16" s="104">
        <v>17340611</v>
      </c>
      <c r="BC16" s="104">
        <v>19298559</v>
      </c>
      <c r="BD16" s="103">
        <v>115078318</v>
      </c>
      <c r="BE16" s="106">
        <v>127110306</v>
      </c>
      <c r="BF16" s="100">
        <v>668984</v>
      </c>
      <c r="BG16" s="104">
        <v>1440250</v>
      </c>
      <c r="BH16" s="102">
        <v>2109234</v>
      </c>
      <c r="BI16" s="101">
        <v>0</v>
      </c>
      <c r="BJ16" s="104">
        <v>3486862</v>
      </c>
      <c r="BK16" s="104">
        <v>4171711</v>
      </c>
      <c r="BL16" s="104">
        <v>2395630</v>
      </c>
      <c r="BM16" s="104">
        <v>1230696</v>
      </c>
      <c r="BN16" s="104">
        <v>1816199</v>
      </c>
      <c r="BO16" s="103">
        <v>13101098</v>
      </c>
      <c r="BP16" s="106">
        <v>15210332</v>
      </c>
      <c r="BQ16" s="100">
        <v>2069625</v>
      </c>
      <c r="BR16" s="104">
        <v>3160300</v>
      </c>
      <c r="BS16" s="103">
        <v>5229925</v>
      </c>
      <c r="BT16" s="100">
        <v>0</v>
      </c>
      <c r="BU16" s="104">
        <v>17250436</v>
      </c>
      <c r="BV16" s="104">
        <v>15969654</v>
      </c>
      <c r="BW16" s="104">
        <v>14241831</v>
      </c>
      <c r="BX16" s="104">
        <v>15026201</v>
      </c>
      <c r="BY16" s="104">
        <v>12745172</v>
      </c>
      <c r="BZ16" s="103">
        <v>75233294</v>
      </c>
      <c r="CA16" s="106">
        <v>80463219</v>
      </c>
      <c r="CB16" s="100">
        <v>1367635</v>
      </c>
      <c r="CC16" s="104">
        <v>3653358</v>
      </c>
      <c r="CD16" s="103">
        <v>5020993</v>
      </c>
      <c r="CE16" s="100">
        <v>0</v>
      </c>
      <c r="CF16" s="104">
        <v>103416634</v>
      </c>
      <c r="CG16" s="104">
        <v>77283781</v>
      </c>
      <c r="CH16" s="104">
        <v>58788491</v>
      </c>
      <c r="CI16" s="104">
        <v>40533045</v>
      </c>
      <c r="CJ16" s="104">
        <v>19205217</v>
      </c>
      <c r="CK16" s="103">
        <v>299227168</v>
      </c>
      <c r="CL16" s="106">
        <v>304248161</v>
      </c>
      <c r="CM16" s="100">
        <v>0</v>
      </c>
      <c r="CN16" s="104">
        <v>0</v>
      </c>
      <c r="CO16" s="103">
        <v>0</v>
      </c>
      <c r="CP16" s="101">
        <v>0</v>
      </c>
      <c r="CQ16" s="104">
        <v>88671486</v>
      </c>
      <c r="CR16" s="104">
        <v>63545523</v>
      </c>
      <c r="CS16" s="104">
        <v>50433490</v>
      </c>
      <c r="CT16" s="104">
        <v>34004999</v>
      </c>
      <c r="CU16" s="104">
        <v>16727922</v>
      </c>
      <c r="CV16" s="103">
        <v>253383420</v>
      </c>
      <c r="CW16" s="106">
        <v>253383420</v>
      </c>
      <c r="CX16" s="100">
        <v>1367635</v>
      </c>
      <c r="CY16" s="104">
        <v>3653358</v>
      </c>
      <c r="CZ16" s="103">
        <v>5020993</v>
      </c>
      <c r="DA16" s="100">
        <v>0</v>
      </c>
      <c r="DB16" s="104">
        <v>14745148</v>
      </c>
      <c r="DC16" s="104">
        <v>13738258</v>
      </c>
      <c r="DD16" s="104">
        <v>8355001</v>
      </c>
      <c r="DE16" s="104">
        <v>6528046</v>
      </c>
      <c r="DF16" s="104">
        <v>2477295</v>
      </c>
      <c r="DG16" s="103">
        <v>45843748</v>
      </c>
      <c r="DH16" s="106">
        <v>50864741</v>
      </c>
      <c r="DI16" s="100">
        <v>181658</v>
      </c>
      <c r="DJ16" s="104">
        <v>785505</v>
      </c>
      <c r="DK16" s="102">
        <v>967163</v>
      </c>
      <c r="DL16" s="101">
        <v>0</v>
      </c>
      <c r="DM16" s="104">
        <v>11123272</v>
      </c>
      <c r="DN16" s="104">
        <v>16951582</v>
      </c>
      <c r="DO16" s="104">
        <v>21373828</v>
      </c>
      <c r="DP16" s="104">
        <v>20918485</v>
      </c>
      <c r="DQ16" s="104">
        <v>13229968</v>
      </c>
      <c r="DR16" s="103">
        <v>83597135</v>
      </c>
      <c r="DS16" s="106">
        <v>84564298</v>
      </c>
      <c r="DT16" s="100">
        <v>181658</v>
      </c>
      <c r="DU16" s="104">
        <v>677509</v>
      </c>
      <c r="DV16" s="103">
        <v>859167</v>
      </c>
      <c r="DW16" s="100">
        <v>0</v>
      </c>
      <c r="DX16" s="104">
        <v>10260012</v>
      </c>
      <c r="DY16" s="104">
        <v>15870899</v>
      </c>
      <c r="DZ16" s="104">
        <v>19700471</v>
      </c>
      <c r="EA16" s="104">
        <v>19165833</v>
      </c>
      <c r="EB16" s="104">
        <v>12535862</v>
      </c>
      <c r="EC16" s="103">
        <v>77533077</v>
      </c>
      <c r="ED16" s="106">
        <v>78392244</v>
      </c>
      <c r="EE16" s="100">
        <v>0</v>
      </c>
      <c r="EF16" s="102">
        <v>107996</v>
      </c>
      <c r="EG16" s="103">
        <v>107996</v>
      </c>
      <c r="EH16" s="100">
        <v>0</v>
      </c>
      <c r="EI16" s="104">
        <v>863260</v>
      </c>
      <c r="EJ16" s="104">
        <v>1080683</v>
      </c>
      <c r="EK16" s="104">
        <v>1673357</v>
      </c>
      <c r="EL16" s="104">
        <v>1752652</v>
      </c>
      <c r="EM16" s="104">
        <v>694106</v>
      </c>
      <c r="EN16" s="102">
        <v>6064058</v>
      </c>
      <c r="EO16" s="106">
        <v>617205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2"/>
      <c r="FE16" s="104">
        <v>0</v>
      </c>
      <c r="FF16" s="104">
        <v>0</v>
      </c>
      <c r="FG16" s="104">
        <v>0</v>
      </c>
      <c r="FH16" s="104">
        <v>0</v>
      </c>
      <c r="FI16" s="104">
        <v>0</v>
      </c>
      <c r="FJ16" s="103">
        <v>0</v>
      </c>
      <c r="FK16" s="106">
        <v>0</v>
      </c>
      <c r="FL16" s="100">
        <v>7344517</v>
      </c>
      <c r="FM16" s="104">
        <v>9768056</v>
      </c>
      <c r="FN16" s="103">
        <v>17112573</v>
      </c>
      <c r="FO16" s="100">
        <v>0</v>
      </c>
      <c r="FP16" s="104">
        <v>21476446</v>
      </c>
      <c r="FQ16" s="104">
        <v>26781799</v>
      </c>
      <c r="FR16" s="104">
        <v>19916602</v>
      </c>
      <c r="FS16" s="104">
        <v>19675222</v>
      </c>
      <c r="FT16" s="104">
        <v>15964966</v>
      </c>
      <c r="FU16" s="103">
        <v>103815035</v>
      </c>
      <c r="FV16" s="106">
        <v>120927608</v>
      </c>
      <c r="FW16" s="105">
        <v>4400352</v>
      </c>
      <c r="FX16" s="104">
        <v>7906439</v>
      </c>
      <c r="FY16" s="102">
        <v>12306791</v>
      </c>
      <c r="FZ16" s="101">
        <v>0</v>
      </c>
      <c r="GA16" s="104">
        <v>16925959</v>
      </c>
      <c r="GB16" s="104">
        <v>24736414</v>
      </c>
      <c r="GC16" s="104">
        <v>18742615</v>
      </c>
      <c r="GD16" s="104">
        <v>18234944</v>
      </c>
      <c r="GE16" s="104">
        <v>15489937</v>
      </c>
      <c r="GF16" s="103">
        <v>94129869</v>
      </c>
      <c r="GG16" s="294">
        <v>106436660</v>
      </c>
      <c r="GH16" s="105">
        <v>775891</v>
      </c>
      <c r="GI16" s="104">
        <v>357827</v>
      </c>
      <c r="GJ16" s="102">
        <v>1133718</v>
      </c>
      <c r="GK16" s="101">
        <v>0</v>
      </c>
      <c r="GL16" s="104">
        <v>1094359</v>
      </c>
      <c r="GM16" s="104">
        <v>881975</v>
      </c>
      <c r="GN16" s="104">
        <v>527015</v>
      </c>
      <c r="GO16" s="104">
        <v>580778</v>
      </c>
      <c r="GP16" s="104">
        <v>230949</v>
      </c>
      <c r="GQ16" s="103">
        <v>3315076</v>
      </c>
      <c r="GR16" s="106">
        <v>4448794</v>
      </c>
      <c r="GS16" s="100">
        <v>2168274</v>
      </c>
      <c r="GT16" s="104">
        <v>1503790</v>
      </c>
      <c r="GU16" s="103">
        <v>3672064</v>
      </c>
      <c r="GV16" s="100">
        <v>0</v>
      </c>
      <c r="GW16" s="104">
        <v>3456128</v>
      </c>
      <c r="GX16" s="104">
        <v>1163410</v>
      </c>
      <c r="GY16" s="104">
        <v>646972</v>
      </c>
      <c r="GZ16" s="104">
        <v>859500</v>
      </c>
      <c r="HA16" s="104">
        <v>244080</v>
      </c>
      <c r="HB16" s="102">
        <v>6370090</v>
      </c>
      <c r="HC16" s="106">
        <v>10042154</v>
      </c>
      <c r="HD16" s="100">
        <v>4361613</v>
      </c>
      <c r="HE16" s="104">
        <v>6442956</v>
      </c>
      <c r="HF16" s="102">
        <v>10804569</v>
      </c>
      <c r="HG16" s="101">
        <v>0</v>
      </c>
      <c r="HH16" s="104">
        <v>48955935</v>
      </c>
      <c r="HI16" s="104">
        <v>43961384</v>
      </c>
      <c r="HJ16" s="104">
        <v>42311728</v>
      </c>
      <c r="HK16" s="104">
        <v>52109669</v>
      </c>
      <c r="HL16" s="104">
        <v>37643259</v>
      </c>
      <c r="HM16" s="103">
        <v>224981975</v>
      </c>
      <c r="HN16" s="99">
        <v>235786544</v>
      </c>
      <c r="HO16" s="105">
        <v>5243868</v>
      </c>
      <c r="HP16" s="104">
        <v>6762391</v>
      </c>
      <c r="HQ16" s="103">
        <v>12006259</v>
      </c>
      <c r="HR16" s="100">
        <v>0</v>
      </c>
      <c r="HS16" s="104">
        <v>54616738</v>
      </c>
      <c r="HT16" s="104">
        <v>31372789</v>
      </c>
      <c r="HU16" s="104">
        <v>21911979</v>
      </c>
      <c r="HV16" s="104">
        <v>16696500</v>
      </c>
      <c r="HW16" s="104">
        <v>11387371</v>
      </c>
      <c r="HX16" s="102">
        <v>135985377</v>
      </c>
      <c r="HY16" s="106">
        <v>147991636</v>
      </c>
      <c r="HZ16" s="137">
        <v>704021</v>
      </c>
      <c r="IA16" s="122">
        <v>2418361</v>
      </c>
      <c r="IB16" s="137">
        <v>3122382</v>
      </c>
      <c r="IC16" s="121">
        <v>0</v>
      </c>
      <c r="ID16" s="122">
        <v>74890553</v>
      </c>
      <c r="IE16" s="123">
        <v>78703428</v>
      </c>
      <c r="IF16" s="124">
        <v>86818678</v>
      </c>
      <c r="IG16" s="122">
        <v>83207365</v>
      </c>
      <c r="IH16" s="124">
        <v>70520742</v>
      </c>
      <c r="II16" s="125">
        <v>394140766</v>
      </c>
      <c r="IJ16" s="137">
        <v>397263148</v>
      </c>
      <c r="IK16" s="219">
        <v>0</v>
      </c>
      <c r="IL16" s="223">
        <v>0</v>
      </c>
      <c r="IM16" s="224">
        <v>0</v>
      </c>
      <c r="IN16" s="127"/>
      <c r="IO16" s="109">
        <v>880616</v>
      </c>
      <c r="IP16" s="109">
        <v>1544406</v>
      </c>
      <c r="IQ16" s="109">
        <v>2866831</v>
      </c>
      <c r="IR16" s="109">
        <v>5086092</v>
      </c>
      <c r="IS16" s="109">
        <v>5707819</v>
      </c>
      <c r="IT16" s="128">
        <v>16085764</v>
      </c>
      <c r="IU16" s="296">
        <v>16085764</v>
      </c>
      <c r="IV16" s="129">
        <v>0</v>
      </c>
      <c r="IW16" s="109">
        <v>0</v>
      </c>
      <c r="IX16" s="110">
        <v>0</v>
      </c>
      <c r="IY16" s="131"/>
      <c r="IZ16" s="109">
        <v>152453</v>
      </c>
      <c r="JA16" s="109">
        <v>64628</v>
      </c>
      <c r="JB16" s="109">
        <v>82860</v>
      </c>
      <c r="JC16" s="109">
        <v>318243</v>
      </c>
      <c r="JD16" s="109">
        <v>223843</v>
      </c>
      <c r="JE16" s="110">
        <v>842027</v>
      </c>
      <c r="JF16" s="111">
        <v>842027</v>
      </c>
      <c r="JG16" s="129">
        <v>0</v>
      </c>
      <c r="JH16" s="109">
        <v>0</v>
      </c>
      <c r="JI16" s="128">
        <v>0</v>
      </c>
      <c r="JJ16" s="108">
        <v>0</v>
      </c>
      <c r="JK16" s="109">
        <v>25676394</v>
      </c>
      <c r="JL16" s="109">
        <v>16979043</v>
      </c>
      <c r="JM16" s="109">
        <v>13256598</v>
      </c>
      <c r="JN16" s="109">
        <v>6800987</v>
      </c>
      <c r="JO16" s="109">
        <v>2947804</v>
      </c>
      <c r="JP16" s="110">
        <v>65660826</v>
      </c>
      <c r="JQ16" s="296">
        <v>65660826</v>
      </c>
      <c r="JR16" s="129">
        <v>0</v>
      </c>
      <c r="JS16" s="109">
        <v>57803</v>
      </c>
      <c r="JT16" s="128">
        <v>57803</v>
      </c>
      <c r="JU16" s="108">
        <v>0</v>
      </c>
      <c r="JV16" s="109">
        <v>520065</v>
      </c>
      <c r="JW16" s="109">
        <v>1290696</v>
      </c>
      <c r="JX16" s="109">
        <v>2939763</v>
      </c>
      <c r="JY16" s="109">
        <v>1397704</v>
      </c>
      <c r="JZ16" s="109">
        <v>1795568</v>
      </c>
      <c r="KA16" s="110">
        <v>7943796</v>
      </c>
      <c r="KB16" s="296">
        <v>8001599</v>
      </c>
      <c r="KC16" s="221">
        <v>704021</v>
      </c>
      <c r="KD16" s="217">
        <v>1652344</v>
      </c>
      <c r="KE16" s="110">
        <v>2356365</v>
      </c>
      <c r="KF16" s="108">
        <v>0</v>
      </c>
      <c r="KG16" s="109">
        <v>12604598</v>
      </c>
      <c r="KH16" s="109">
        <v>12416809</v>
      </c>
      <c r="KI16" s="109">
        <v>18407789</v>
      </c>
      <c r="KJ16" s="109">
        <v>16145880</v>
      </c>
      <c r="KK16" s="109">
        <v>13935531</v>
      </c>
      <c r="KL16" s="110">
        <v>73510607</v>
      </c>
      <c r="KM16" s="130">
        <v>75866972</v>
      </c>
      <c r="KN16" s="219">
        <v>0</v>
      </c>
      <c r="KO16" s="223">
        <v>708214</v>
      </c>
      <c r="KP16" s="224">
        <v>708214</v>
      </c>
      <c r="KQ16" s="127"/>
      <c r="KR16" s="109">
        <v>26328007</v>
      </c>
      <c r="KS16" s="109">
        <v>33232800</v>
      </c>
      <c r="KT16" s="109">
        <v>31233550</v>
      </c>
      <c r="KU16" s="109">
        <v>25340472</v>
      </c>
      <c r="KV16" s="109">
        <v>23134332</v>
      </c>
      <c r="KW16" s="110">
        <v>139269161</v>
      </c>
      <c r="KX16" s="296">
        <v>139977375</v>
      </c>
      <c r="KY16" s="129">
        <v>0</v>
      </c>
      <c r="KZ16" s="109">
        <v>0</v>
      </c>
      <c r="LA16" s="110">
        <v>0</v>
      </c>
      <c r="LB16" s="132"/>
      <c r="LC16" s="109">
        <v>5971281</v>
      </c>
      <c r="LD16" s="109">
        <v>4327217</v>
      </c>
      <c r="LE16" s="109">
        <v>6191809</v>
      </c>
      <c r="LF16" s="109">
        <v>5867269</v>
      </c>
      <c r="LG16" s="109">
        <v>7719342</v>
      </c>
      <c r="LH16" s="110">
        <v>30076918</v>
      </c>
      <c r="LI16" s="111">
        <v>30076918</v>
      </c>
      <c r="LJ16" s="129">
        <v>0</v>
      </c>
      <c r="LK16" s="109">
        <v>0</v>
      </c>
      <c r="LL16" s="110">
        <v>0</v>
      </c>
      <c r="LM16" s="132"/>
      <c r="LN16" s="109">
        <v>0</v>
      </c>
      <c r="LO16" s="109">
        <v>206120</v>
      </c>
      <c r="LP16" s="109">
        <v>991785</v>
      </c>
      <c r="LQ16" s="109">
        <v>4439294</v>
      </c>
      <c r="LR16" s="109">
        <v>6761091</v>
      </c>
      <c r="LS16" s="110">
        <v>12398290</v>
      </c>
      <c r="LT16" s="296">
        <v>12398290</v>
      </c>
      <c r="LU16" s="129">
        <v>0</v>
      </c>
      <c r="LV16" s="109">
        <v>0</v>
      </c>
      <c r="LW16" s="110">
        <v>0</v>
      </c>
      <c r="LX16" s="132"/>
      <c r="LY16" s="109">
        <v>2757139</v>
      </c>
      <c r="LZ16" s="109">
        <v>8641709</v>
      </c>
      <c r="MA16" s="109">
        <v>10847693</v>
      </c>
      <c r="MB16" s="109">
        <v>17811424</v>
      </c>
      <c r="MC16" s="109">
        <v>8295412</v>
      </c>
      <c r="MD16" s="110">
        <v>48353377</v>
      </c>
      <c r="ME16" s="111">
        <v>48353377</v>
      </c>
      <c r="MF16" s="129">
        <v>0</v>
      </c>
      <c r="MG16" s="109">
        <v>0</v>
      </c>
      <c r="MH16" s="110">
        <v>0</v>
      </c>
      <c r="MI16" s="132"/>
      <c r="MJ16" s="109">
        <v>28436000</v>
      </c>
      <c r="MK16" s="109">
        <v>39103903</v>
      </c>
      <c r="ML16" s="109">
        <v>126548044</v>
      </c>
      <c r="MM16" s="109">
        <v>218402718</v>
      </c>
      <c r="MN16" s="109">
        <v>178782191</v>
      </c>
      <c r="MO16" s="110">
        <v>591272856</v>
      </c>
      <c r="MP16" s="130">
        <v>591272856</v>
      </c>
      <c r="MQ16" s="129">
        <v>0</v>
      </c>
      <c r="MR16" s="109">
        <v>0</v>
      </c>
      <c r="MS16" s="110">
        <v>0</v>
      </c>
      <c r="MT16" s="132"/>
      <c r="MU16" s="109">
        <v>3434334</v>
      </c>
      <c r="MV16" s="109">
        <v>10326545</v>
      </c>
      <c r="MW16" s="109">
        <v>83927089</v>
      </c>
      <c r="MX16" s="109">
        <v>157375408</v>
      </c>
      <c r="MY16" s="109">
        <v>132297852</v>
      </c>
      <c r="MZ16" s="110">
        <v>387361228</v>
      </c>
      <c r="NA16" s="130">
        <v>387361228</v>
      </c>
      <c r="NB16" s="129">
        <v>0</v>
      </c>
      <c r="NC16" s="109">
        <v>0</v>
      </c>
      <c r="ND16" s="110">
        <v>0</v>
      </c>
      <c r="NE16" s="132"/>
      <c r="NF16" s="109">
        <v>25001666</v>
      </c>
      <c r="NG16" s="109">
        <v>28777358</v>
      </c>
      <c r="NH16" s="109">
        <v>42620955</v>
      </c>
      <c r="NI16" s="109">
        <v>59538643</v>
      </c>
      <c r="NJ16" s="109">
        <v>34762517</v>
      </c>
      <c r="NK16" s="110">
        <v>190701139</v>
      </c>
      <c r="NL16" s="296">
        <v>190701139</v>
      </c>
      <c r="NM16" s="129">
        <v>0</v>
      </c>
      <c r="NN16" s="109">
        <v>0</v>
      </c>
      <c r="NO16" s="110">
        <v>0</v>
      </c>
      <c r="NP16" s="132"/>
      <c r="NQ16" s="109">
        <v>0</v>
      </c>
      <c r="NR16" s="109">
        <v>0</v>
      </c>
      <c r="NS16" s="109">
        <v>0</v>
      </c>
      <c r="NT16" s="109">
        <v>0</v>
      </c>
      <c r="NU16" s="109">
        <v>338759</v>
      </c>
      <c r="NV16" s="110">
        <v>338759</v>
      </c>
      <c r="NW16" s="111">
        <v>338759</v>
      </c>
      <c r="NX16" s="129">
        <v>0</v>
      </c>
      <c r="NY16" s="109">
        <v>0</v>
      </c>
      <c r="NZ16" s="110">
        <v>0</v>
      </c>
      <c r="OA16" s="132"/>
      <c r="OB16" s="109">
        <v>0</v>
      </c>
      <c r="OC16" s="109">
        <v>0</v>
      </c>
      <c r="OD16" s="109">
        <v>0</v>
      </c>
      <c r="OE16" s="109">
        <v>1488667</v>
      </c>
      <c r="OF16" s="109">
        <v>11383063</v>
      </c>
      <c r="OG16" s="110">
        <v>12871730</v>
      </c>
      <c r="OH16" s="111">
        <v>12871730</v>
      </c>
      <c r="OI16" s="129">
        <v>25800408</v>
      </c>
      <c r="OJ16" s="109">
        <v>42604678</v>
      </c>
      <c r="OK16" s="128">
        <v>68405086</v>
      </c>
      <c r="OL16" s="108">
        <v>0</v>
      </c>
      <c r="OM16" s="109">
        <v>453786646</v>
      </c>
      <c r="ON16" s="109">
        <v>411815316</v>
      </c>
      <c r="OO16" s="109">
        <v>475855264</v>
      </c>
      <c r="OP16" s="109">
        <v>562255532</v>
      </c>
      <c r="OQ16" s="109">
        <v>459676905</v>
      </c>
      <c r="OR16" s="110">
        <v>2363389663</v>
      </c>
      <c r="OS16" s="130">
        <v>2431794749</v>
      </c>
    </row>
    <row r="17" spans="2:409" ht="21" customHeight="1" x14ac:dyDescent="0.2">
      <c r="B17" s="468" t="s">
        <v>11</v>
      </c>
      <c r="C17" s="100">
        <v>10828845</v>
      </c>
      <c r="D17" s="104">
        <v>14935561</v>
      </c>
      <c r="E17" s="158">
        <v>25764406</v>
      </c>
      <c r="F17" s="101">
        <v>0</v>
      </c>
      <c r="G17" s="104">
        <v>159604325</v>
      </c>
      <c r="H17" s="104">
        <v>138415960</v>
      </c>
      <c r="I17" s="104">
        <v>137334665</v>
      </c>
      <c r="J17" s="104">
        <v>146735406</v>
      </c>
      <c r="K17" s="104">
        <v>93362809</v>
      </c>
      <c r="L17" s="99">
        <v>675453165</v>
      </c>
      <c r="M17" s="106">
        <v>701217571</v>
      </c>
      <c r="N17" s="100">
        <v>1709897</v>
      </c>
      <c r="O17" s="104">
        <v>2526476</v>
      </c>
      <c r="P17" s="103">
        <v>4236373</v>
      </c>
      <c r="Q17" s="100">
        <v>0</v>
      </c>
      <c r="R17" s="104">
        <v>37646004</v>
      </c>
      <c r="S17" s="104">
        <v>38968919</v>
      </c>
      <c r="T17" s="104">
        <v>41612117</v>
      </c>
      <c r="U17" s="104">
        <v>50640005</v>
      </c>
      <c r="V17" s="104">
        <v>46357451</v>
      </c>
      <c r="W17" s="103">
        <v>215224496</v>
      </c>
      <c r="X17" s="106">
        <v>219460869</v>
      </c>
      <c r="Y17" s="100">
        <v>0</v>
      </c>
      <c r="Z17" s="104">
        <v>0</v>
      </c>
      <c r="AA17" s="103">
        <v>0</v>
      </c>
      <c r="AB17" s="100">
        <v>0</v>
      </c>
      <c r="AC17" s="104">
        <v>17691425</v>
      </c>
      <c r="AD17" s="104">
        <v>20993207</v>
      </c>
      <c r="AE17" s="104">
        <v>25058154</v>
      </c>
      <c r="AF17" s="104">
        <v>29929968</v>
      </c>
      <c r="AG17" s="104">
        <v>29916395</v>
      </c>
      <c r="AH17" s="103">
        <v>123589149</v>
      </c>
      <c r="AI17" s="106">
        <v>123589149</v>
      </c>
      <c r="AJ17" s="100">
        <v>0</v>
      </c>
      <c r="AK17" s="104">
        <v>0</v>
      </c>
      <c r="AL17" s="103">
        <v>0</v>
      </c>
      <c r="AM17" s="100">
        <v>0</v>
      </c>
      <c r="AN17" s="104">
        <v>168928</v>
      </c>
      <c r="AO17" s="104">
        <v>571482</v>
      </c>
      <c r="AP17" s="104">
        <v>1988987</v>
      </c>
      <c r="AQ17" s="104">
        <v>3490529</v>
      </c>
      <c r="AR17" s="104">
        <v>4358822</v>
      </c>
      <c r="AS17" s="103">
        <v>10578748</v>
      </c>
      <c r="AT17" s="106">
        <v>10578748</v>
      </c>
      <c r="AU17" s="100">
        <v>1122871</v>
      </c>
      <c r="AV17" s="104">
        <v>1819806</v>
      </c>
      <c r="AW17" s="103">
        <v>2942677</v>
      </c>
      <c r="AX17" s="100">
        <v>0</v>
      </c>
      <c r="AY17" s="104">
        <v>12925659</v>
      </c>
      <c r="AZ17" s="104">
        <v>9675463</v>
      </c>
      <c r="BA17" s="104">
        <v>7295783</v>
      </c>
      <c r="BB17" s="104">
        <v>9690013</v>
      </c>
      <c r="BC17" s="104">
        <v>7529832</v>
      </c>
      <c r="BD17" s="103">
        <v>47116750</v>
      </c>
      <c r="BE17" s="106">
        <v>50059427</v>
      </c>
      <c r="BF17" s="100">
        <v>78561</v>
      </c>
      <c r="BG17" s="104">
        <v>237263</v>
      </c>
      <c r="BH17" s="102">
        <v>315824</v>
      </c>
      <c r="BI17" s="101">
        <v>0</v>
      </c>
      <c r="BJ17" s="104">
        <v>1026477</v>
      </c>
      <c r="BK17" s="104">
        <v>951843</v>
      </c>
      <c r="BL17" s="104">
        <v>1078346</v>
      </c>
      <c r="BM17" s="104">
        <v>1202074</v>
      </c>
      <c r="BN17" s="104">
        <v>260861</v>
      </c>
      <c r="BO17" s="103">
        <v>4519601</v>
      </c>
      <c r="BP17" s="106">
        <v>4835425</v>
      </c>
      <c r="BQ17" s="100">
        <v>508465</v>
      </c>
      <c r="BR17" s="104">
        <v>469407</v>
      </c>
      <c r="BS17" s="103">
        <v>977872</v>
      </c>
      <c r="BT17" s="100">
        <v>0</v>
      </c>
      <c r="BU17" s="104">
        <v>5833515</v>
      </c>
      <c r="BV17" s="104">
        <v>6776924</v>
      </c>
      <c r="BW17" s="104">
        <v>6190847</v>
      </c>
      <c r="BX17" s="104">
        <v>6327421</v>
      </c>
      <c r="BY17" s="104">
        <v>4291541</v>
      </c>
      <c r="BZ17" s="103">
        <v>29420248</v>
      </c>
      <c r="CA17" s="106">
        <v>30398120</v>
      </c>
      <c r="CB17" s="100">
        <v>1861140</v>
      </c>
      <c r="CC17" s="104">
        <v>2853701</v>
      </c>
      <c r="CD17" s="103">
        <v>4714841</v>
      </c>
      <c r="CE17" s="100">
        <v>0</v>
      </c>
      <c r="CF17" s="104">
        <v>50081937</v>
      </c>
      <c r="CG17" s="104">
        <v>37370881</v>
      </c>
      <c r="CH17" s="104">
        <v>33556625</v>
      </c>
      <c r="CI17" s="104">
        <v>27356168</v>
      </c>
      <c r="CJ17" s="104">
        <v>13868644</v>
      </c>
      <c r="CK17" s="103">
        <v>162234255</v>
      </c>
      <c r="CL17" s="106">
        <v>166949096</v>
      </c>
      <c r="CM17" s="100">
        <v>0</v>
      </c>
      <c r="CN17" s="104">
        <v>0</v>
      </c>
      <c r="CO17" s="103">
        <v>0</v>
      </c>
      <c r="CP17" s="101">
        <v>0</v>
      </c>
      <c r="CQ17" s="104">
        <v>40790219</v>
      </c>
      <c r="CR17" s="104">
        <v>29273051</v>
      </c>
      <c r="CS17" s="104">
        <v>27230157</v>
      </c>
      <c r="CT17" s="104">
        <v>21157312</v>
      </c>
      <c r="CU17" s="104">
        <v>11538599</v>
      </c>
      <c r="CV17" s="103">
        <v>129989338</v>
      </c>
      <c r="CW17" s="106">
        <v>129989338</v>
      </c>
      <c r="CX17" s="100">
        <v>1861140</v>
      </c>
      <c r="CY17" s="104">
        <v>2853701</v>
      </c>
      <c r="CZ17" s="103">
        <v>4714841</v>
      </c>
      <c r="DA17" s="100">
        <v>0</v>
      </c>
      <c r="DB17" s="104">
        <v>9291718</v>
      </c>
      <c r="DC17" s="104">
        <v>8097830</v>
      </c>
      <c r="DD17" s="104">
        <v>6326468</v>
      </c>
      <c r="DE17" s="104">
        <v>6198856</v>
      </c>
      <c r="DF17" s="104">
        <v>2330045</v>
      </c>
      <c r="DG17" s="103">
        <v>32244917</v>
      </c>
      <c r="DH17" s="106">
        <v>36959758</v>
      </c>
      <c r="DI17" s="100">
        <v>267363</v>
      </c>
      <c r="DJ17" s="104">
        <v>686660</v>
      </c>
      <c r="DK17" s="102">
        <v>954023</v>
      </c>
      <c r="DL17" s="101">
        <v>0</v>
      </c>
      <c r="DM17" s="104">
        <v>6444327</v>
      </c>
      <c r="DN17" s="104">
        <v>5752770</v>
      </c>
      <c r="DO17" s="104">
        <v>12796405</v>
      </c>
      <c r="DP17" s="104">
        <v>12300609</v>
      </c>
      <c r="DQ17" s="104">
        <v>4717489</v>
      </c>
      <c r="DR17" s="103">
        <v>42011600</v>
      </c>
      <c r="DS17" s="106">
        <v>42965623</v>
      </c>
      <c r="DT17" s="100">
        <v>267363</v>
      </c>
      <c r="DU17" s="104">
        <v>597416</v>
      </c>
      <c r="DV17" s="103">
        <v>864779</v>
      </c>
      <c r="DW17" s="100">
        <v>0</v>
      </c>
      <c r="DX17" s="104">
        <v>5894947</v>
      </c>
      <c r="DY17" s="104">
        <v>5327464</v>
      </c>
      <c r="DZ17" s="104">
        <v>12198316</v>
      </c>
      <c r="EA17" s="104">
        <v>11555234</v>
      </c>
      <c r="EB17" s="104">
        <v>3469692</v>
      </c>
      <c r="EC17" s="103">
        <v>38445653</v>
      </c>
      <c r="ED17" s="106">
        <v>39310432</v>
      </c>
      <c r="EE17" s="100">
        <v>0</v>
      </c>
      <c r="EF17" s="102">
        <v>89244</v>
      </c>
      <c r="EG17" s="103">
        <v>89244</v>
      </c>
      <c r="EH17" s="100">
        <v>0</v>
      </c>
      <c r="EI17" s="104">
        <v>549380</v>
      </c>
      <c r="EJ17" s="104">
        <v>425306</v>
      </c>
      <c r="EK17" s="104">
        <v>598089</v>
      </c>
      <c r="EL17" s="104">
        <v>745375</v>
      </c>
      <c r="EM17" s="104">
        <v>1247797</v>
      </c>
      <c r="EN17" s="102">
        <v>3565947</v>
      </c>
      <c r="EO17" s="106">
        <v>3655191</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2"/>
      <c r="FE17" s="104">
        <v>0</v>
      </c>
      <c r="FF17" s="104">
        <v>0</v>
      </c>
      <c r="FG17" s="104">
        <v>0</v>
      </c>
      <c r="FH17" s="104">
        <v>0</v>
      </c>
      <c r="FI17" s="104">
        <v>0</v>
      </c>
      <c r="FJ17" s="103">
        <v>0</v>
      </c>
      <c r="FK17" s="106">
        <v>0</v>
      </c>
      <c r="FL17" s="100">
        <v>2748725</v>
      </c>
      <c r="FM17" s="104">
        <v>3522329</v>
      </c>
      <c r="FN17" s="103">
        <v>6271054</v>
      </c>
      <c r="FO17" s="100">
        <v>0</v>
      </c>
      <c r="FP17" s="104">
        <v>8580164</v>
      </c>
      <c r="FQ17" s="104">
        <v>12276287</v>
      </c>
      <c r="FR17" s="104">
        <v>10825324</v>
      </c>
      <c r="FS17" s="104">
        <v>11413052</v>
      </c>
      <c r="FT17" s="104">
        <v>6315062</v>
      </c>
      <c r="FU17" s="103">
        <v>49409889</v>
      </c>
      <c r="FV17" s="106">
        <v>55680943</v>
      </c>
      <c r="FW17" s="105">
        <v>1718215</v>
      </c>
      <c r="FX17" s="104">
        <v>2678850</v>
      </c>
      <c r="FY17" s="102">
        <v>4397065</v>
      </c>
      <c r="FZ17" s="101">
        <v>0</v>
      </c>
      <c r="GA17" s="104">
        <v>6576293</v>
      </c>
      <c r="GB17" s="104">
        <v>10973339</v>
      </c>
      <c r="GC17" s="104">
        <v>9948008</v>
      </c>
      <c r="GD17" s="104">
        <v>10554377</v>
      </c>
      <c r="GE17" s="104">
        <v>6250802</v>
      </c>
      <c r="GF17" s="103">
        <v>44302819</v>
      </c>
      <c r="GG17" s="294">
        <v>48699884</v>
      </c>
      <c r="GH17" s="105">
        <v>275292</v>
      </c>
      <c r="GI17" s="104">
        <v>235071</v>
      </c>
      <c r="GJ17" s="102">
        <v>510363</v>
      </c>
      <c r="GK17" s="101">
        <v>0</v>
      </c>
      <c r="GL17" s="104">
        <v>486628</v>
      </c>
      <c r="GM17" s="104">
        <v>272058</v>
      </c>
      <c r="GN17" s="104">
        <v>306306</v>
      </c>
      <c r="GO17" s="104">
        <v>152262</v>
      </c>
      <c r="GP17" s="104">
        <v>64260</v>
      </c>
      <c r="GQ17" s="103">
        <v>1281514</v>
      </c>
      <c r="GR17" s="106">
        <v>1791877</v>
      </c>
      <c r="GS17" s="100">
        <v>755218</v>
      </c>
      <c r="GT17" s="104">
        <v>608408</v>
      </c>
      <c r="GU17" s="103">
        <v>1363626</v>
      </c>
      <c r="GV17" s="100">
        <v>0</v>
      </c>
      <c r="GW17" s="104">
        <v>1517243</v>
      </c>
      <c r="GX17" s="104">
        <v>1030890</v>
      </c>
      <c r="GY17" s="104">
        <v>571010</v>
      </c>
      <c r="GZ17" s="104">
        <v>706413</v>
      </c>
      <c r="HA17" s="104">
        <v>0</v>
      </c>
      <c r="HB17" s="102">
        <v>3825556</v>
      </c>
      <c r="HC17" s="106">
        <v>5189182</v>
      </c>
      <c r="HD17" s="100">
        <v>1956203</v>
      </c>
      <c r="HE17" s="104">
        <v>2719729</v>
      </c>
      <c r="HF17" s="102">
        <v>4675932</v>
      </c>
      <c r="HG17" s="101">
        <v>0</v>
      </c>
      <c r="HH17" s="104">
        <v>29263704</v>
      </c>
      <c r="HI17" s="104">
        <v>28053440</v>
      </c>
      <c r="HJ17" s="104">
        <v>24800795</v>
      </c>
      <c r="HK17" s="104">
        <v>34558412</v>
      </c>
      <c r="HL17" s="104">
        <v>16596580</v>
      </c>
      <c r="HM17" s="103">
        <v>133272931</v>
      </c>
      <c r="HN17" s="99">
        <v>137948863</v>
      </c>
      <c r="HO17" s="105">
        <v>2285517</v>
      </c>
      <c r="HP17" s="104">
        <v>2626666</v>
      </c>
      <c r="HQ17" s="103">
        <v>4912183</v>
      </c>
      <c r="HR17" s="100">
        <v>0</v>
      </c>
      <c r="HS17" s="104">
        <v>27588189</v>
      </c>
      <c r="HT17" s="104">
        <v>15993663</v>
      </c>
      <c r="HU17" s="104">
        <v>13743399</v>
      </c>
      <c r="HV17" s="104">
        <v>10467160</v>
      </c>
      <c r="HW17" s="104">
        <v>5507583</v>
      </c>
      <c r="HX17" s="102">
        <v>73299994</v>
      </c>
      <c r="HY17" s="106">
        <v>78212177</v>
      </c>
      <c r="HZ17" s="118">
        <v>52630</v>
      </c>
      <c r="IA17" s="119">
        <v>1312764</v>
      </c>
      <c r="IB17" s="120">
        <v>1365394</v>
      </c>
      <c r="IC17" s="133">
        <v>0</v>
      </c>
      <c r="ID17" s="119">
        <v>52435239</v>
      </c>
      <c r="IE17" s="134">
        <v>51867428</v>
      </c>
      <c r="IF17" s="120">
        <v>52723809</v>
      </c>
      <c r="IG17" s="119">
        <v>34059191</v>
      </c>
      <c r="IH17" s="120">
        <v>16446855</v>
      </c>
      <c r="II17" s="135">
        <v>207532522</v>
      </c>
      <c r="IJ17" s="126">
        <v>208897916</v>
      </c>
      <c r="IK17" s="219">
        <v>0</v>
      </c>
      <c r="IL17" s="223">
        <v>0</v>
      </c>
      <c r="IM17" s="224">
        <v>0</v>
      </c>
      <c r="IN17" s="127"/>
      <c r="IO17" s="109">
        <v>834313</v>
      </c>
      <c r="IP17" s="109">
        <v>1199378</v>
      </c>
      <c r="IQ17" s="109">
        <v>745437</v>
      </c>
      <c r="IR17" s="109">
        <v>1666911</v>
      </c>
      <c r="IS17" s="109">
        <v>1488149</v>
      </c>
      <c r="IT17" s="128">
        <v>5934188</v>
      </c>
      <c r="IU17" s="296">
        <v>5934188</v>
      </c>
      <c r="IV17" s="129">
        <v>0</v>
      </c>
      <c r="IW17" s="109">
        <v>0</v>
      </c>
      <c r="IX17" s="110">
        <v>0</v>
      </c>
      <c r="IY17" s="131"/>
      <c r="IZ17" s="109">
        <v>249093</v>
      </c>
      <c r="JA17" s="109">
        <v>271076</v>
      </c>
      <c r="JB17" s="109">
        <v>227292</v>
      </c>
      <c r="JC17" s="109">
        <v>311848</v>
      </c>
      <c r="JD17" s="109">
        <v>165371</v>
      </c>
      <c r="JE17" s="110">
        <v>1224680</v>
      </c>
      <c r="JF17" s="111">
        <v>1224680</v>
      </c>
      <c r="JG17" s="129">
        <v>0</v>
      </c>
      <c r="JH17" s="109">
        <v>0</v>
      </c>
      <c r="JI17" s="128">
        <v>0</v>
      </c>
      <c r="JJ17" s="108">
        <v>0</v>
      </c>
      <c r="JK17" s="109">
        <v>28703994</v>
      </c>
      <c r="JL17" s="109">
        <v>20436430</v>
      </c>
      <c r="JM17" s="109">
        <v>15613637</v>
      </c>
      <c r="JN17" s="109">
        <v>9349298</v>
      </c>
      <c r="JO17" s="109">
        <v>4008333</v>
      </c>
      <c r="JP17" s="110">
        <v>78111692</v>
      </c>
      <c r="JQ17" s="296">
        <v>78111692</v>
      </c>
      <c r="JR17" s="129">
        <v>0</v>
      </c>
      <c r="JS17" s="109">
        <v>0</v>
      </c>
      <c r="JT17" s="128">
        <v>0</v>
      </c>
      <c r="JU17" s="108">
        <v>0</v>
      </c>
      <c r="JV17" s="109">
        <v>1303466</v>
      </c>
      <c r="JW17" s="109">
        <v>1429794</v>
      </c>
      <c r="JX17" s="109">
        <v>1348271</v>
      </c>
      <c r="JY17" s="109">
        <v>104833</v>
      </c>
      <c r="JZ17" s="109">
        <v>155556</v>
      </c>
      <c r="KA17" s="110">
        <v>4341920</v>
      </c>
      <c r="KB17" s="296">
        <v>4341920</v>
      </c>
      <c r="KC17" s="221">
        <v>52630</v>
      </c>
      <c r="KD17" s="217">
        <v>571570</v>
      </c>
      <c r="KE17" s="110">
        <v>624200</v>
      </c>
      <c r="KF17" s="108">
        <v>0</v>
      </c>
      <c r="KG17" s="109">
        <v>5201961</v>
      </c>
      <c r="KH17" s="109">
        <v>6813926</v>
      </c>
      <c r="KI17" s="109">
        <v>9816976</v>
      </c>
      <c r="KJ17" s="109">
        <v>5321585</v>
      </c>
      <c r="KK17" s="109">
        <v>2716889</v>
      </c>
      <c r="KL17" s="110">
        <v>29871337</v>
      </c>
      <c r="KM17" s="130">
        <v>30495537</v>
      </c>
      <c r="KN17" s="219">
        <v>0</v>
      </c>
      <c r="KO17" s="223">
        <v>741194</v>
      </c>
      <c r="KP17" s="224">
        <v>741194</v>
      </c>
      <c r="KQ17" s="127"/>
      <c r="KR17" s="109">
        <v>15081208</v>
      </c>
      <c r="KS17" s="109">
        <v>20460907</v>
      </c>
      <c r="KT17" s="109">
        <v>24078493</v>
      </c>
      <c r="KU17" s="109">
        <v>14765313</v>
      </c>
      <c r="KV17" s="109">
        <v>7277097</v>
      </c>
      <c r="KW17" s="110">
        <v>81663018</v>
      </c>
      <c r="KX17" s="296">
        <v>82404212</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39220</v>
      </c>
      <c r="LP17" s="109">
        <v>0</v>
      </c>
      <c r="LQ17" s="109">
        <v>0</v>
      </c>
      <c r="LR17" s="109">
        <v>0</v>
      </c>
      <c r="LS17" s="110">
        <v>239220</v>
      </c>
      <c r="LT17" s="296">
        <v>239220</v>
      </c>
      <c r="LU17" s="129">
        <v>0</v>
      </c>
      <c r="LV17" s="109">
        <v>0</v>
      </c>
      <c r="LW17" s="110">
        <v>0</v>
      </c>
      <c r="LX17" s="132"/>
      <c r="LY17" s="109">
        <v>1061204</v>
      </c>
      <c r="LZ17" s="109">
        <v>1016697</v>
      </c>
      <c r="MA17" s="109">
        <v>893703</v>
      </c>
      <c r="MB17" s="109">
        <v>2539403</v>
      </c>
      <c r="MC17" s="109">
        <v>635460</v>
      </c>
      <c r="MD17" s="110">
        <v>6146467</v>
      </c>
      <c r="ME17" s="111">
        <v>6146467</v>
      </c>
      <c r="MF17" s="129">
        <v>0</v>
      </c>
      <c r="MG17" s="109">
        <v>0</v>
      </c>
      <c r="MH17" s="110">
        <v>0</v>
      </c>
      <c r="MI17" s="132"/>
      <c r="MJ17" s="109">
        <v>17691578</v>
      </c>
      <c r="MK17" s="109">
        <v>27584290</v>
      </c>
      <c r="ML17" s="109">
        <v>89973570</v>
      </c>
      <c r="MM17" s="109">
        <v>146416701</v>
      </c>
      <c r="MN17" s="109">
        <v>95888669</v>
      </c>
      <c r="MO17" s="110">
        <v>377554808</v>
      </c>
      <c r="MP17" s="130">
        <v>377554808</v>
      </c>
      <c r="MQ17" s="129">
        <v>0</v>
      </c>
      <c r="MR17" s="109">
        <v>0</v>
      </c>
      <c r="MS17" s="110">
        <v>0</v>
      </c>
      <c r="MT17" s="132"/>
      <c r="MU17" s="109">
        <v>178731</v>
      </c>
      <c r="MV17" s="109">
        <v>1525437</v>
      </c>
      <c r="MW17" s="109">
        <v>46814187</v>
      </c>
      <c r="MX17" s="109">
        <v>99759956</v>
      </c>
      <c r="MY17" s="109">
        <v>61030493</v>
      </c>
      <c r="MZ17" s="110">
        <v>209308804</v>
      </c>
      <c r="NA17" s="130">
        <v>209308804</v>
      </c>
      <c r="NB17" s="129">
        <v>0</v>
      </c>
      <c r="NC17" s="109">
        <v>0</v>
      </c>
      <c r="ND17" s="110">
        <v>0</v>
      </c>
      <c r="NE17" s="132"/>
      <c r="NF17" s="109">
        <v>15156579</v>
      </c>
      <c r="NG17" s="109">
        <v>24172637</v>
      </c>
      <c r="NH17" s="109">
        <v>38117708</v>
      </c>
      <c r="NI17" s="109">
        <v>43072327</v>
      </c>
      <c r="NJ17" s="109">
        <v>23540607</v>
      </c>
      <c r="NK17" s="110">
        <v>144059858</v>
      </c>
      <c r="NL17" s="296">
        <v>144059858</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2356268</v>
      </c>
      <c r="OC17" s="109">
        <v>1886216</v>
      </c>
      <c r="OD17" s="109">
        <v>5041675</v>
      </c>
      <c r="OE17" s="109">
        <v>3584418</v>
      </c>
      <c r="OF17" s="109">
        <v>11317569</v>
      </c>
      <c r="OG17" s="110">
        <v>24186146</v>
      </c>
      <c r="OH17" s="111">
        <v>24186146</v>
      </c>
      <c r="OI17" s="129">
        <v>10881475</v>
      </c>
      <c r="OJ17" s="109">
        <v>16248325</v>
      </c>
      <c r="OK17" s="128">
        <v>27129800</v>
      </c>
      <c r="OL17" s="108">
        <v>0</v>
      </c>
      <c r="OM17" s="109">
        <v>229731142</v>
      </c>
      <c r="ON17" s="109">
        <v>217867678</v>
      </c>
      <c r="OO17" s="109">
        <v>280032044</v>
      </c>
      <c r="OP17" s="109">
        <v>327211298</v>
      </c>
      <c r="OQ17" s="109">
        <v>205698333</v>
      </c>
      <c r="OR17" s="110">
        <v>1260540495</v>
      </c>
      <c r="OS17" s="130">
        <v>1287670295</v>
      </c>
    </row>
    <row r="18" spans="2:409" ht="21" customHeight="1" x14ac:dyDescent="0.2">
      <c r="B18" s="468" t="s">
        <v>12</v>
      </c>
      <c r="C18" s="100">
        <v>15800460</v>
      </c>
      <c r="D18" s="104">
        <v>33923343</v>
      </c>
      <c r="E18" s="103">
        <v>49723803</v>
      </c>
      <c r="F18" s="99">
        <v>0</v>
      </c>
      <c r="G18" s="104">
        <v>134443941</v>
      </c>
      <c r="H18" s="157">
        <v>160757529</v>
      </c>
      <c r="I18" s="157">
        <v>145344040</v>
      </c>
      <c r="J18" s="157">
        <v>152450893</v>
      </c>
      <c r="K18" s="157">
        <v>116251745</v>
      </c>
      <c r="L18" s="102">
        <v>709248148</v>
      </c>
      <c r="M18" s="106">
        <v>758971951</v>
      </c>
      <c r="N18" s="100">
        <v>3946785</v>
      </c>
      <c r="O18" s="104">
        <v>10620503</v>
      </c>
      <c r="P18" s="103">
        <v>14567288</v>
      </c>
      <c r="Q18" s="100">
        <v>0</v>
      </c>
      <c r="R18" s="104">
        <v>36141864</v>
      </c>
      <c r="S18" s="104">
        <v>49409213</v>
      </c>
      <c r="T18" s="104">
        <v>45814421</v>
      </c>
      <c r="U18" s="104">
        <v>59176158</v>
      </c>
      <c r="V18" s="104">
        <v>60146784</v>
      </c>
      <c r="W18" s="103">
        <v>250688440</v>
      </c>
      <c r="X18" s="106">
        <v>265255728</v>
      </c>
      <c r="Y18" s="100">
        <v>0</v>
      </c>
      <c r="Z18" s="104">
        <v>0</v>
      </c>
      <c r="AA18" s="103">
        <v>0</v>
      </c>
      <c r="AB18" s="100">
        <v>0</v>
      </c>
      <c r="AC18" s="104">
        <v>20160529</v>
      </c>
      <c r="AD18" s="104">
        <v>26544740</v>
      </c>
      <c r="AE18" s="104">
        <v>28494712</v>
      </c>
      <c r="AF18" s="104">
        <v>38376184</v>
      </c>
      <c r="AG18" s="104">
        <v>40207979</v>
      </c>
      <c r="AH18" s="103">
        <v>153784144</v>
      </c>
      <c r="AI18" s="106">
        <v>153784144</v>
      </c>
      <c r="AJ18" s="100">
        <v>0</v>
      </c>
      <c r="AK18" s="104">
        <v>155781</v>
      </c>
      <c r="AL18" s="103">
        <v>155781</v>
      </c>
      <c r="AM18" s="100">
        <v>0</v>
      </c>
      <c r="AN18" s="104">
        <v>184144</v>
      </c>
      <c r="AO18" s="104">
        <v>950710</v>
      </c>
      <c r="AP18" s="104">
        <v>1404646</v>
      </c>
      <c r="AQ18" s="104">
        <v>3969903</v>
      </c>
      <c r="AR18" s="104">
        <v>5128814</v>
      </c>
      <c r="AS18" s="103">
        <v>11638217</v>
      </c>
      <c r="AT18" s="106">
        <v>11793998</v>
      </c>
      <c r="AU18" s="100">
        <v>2932580</v>
      </c>
      <c r="AV18" s="104">
        <v>8433533</v>
      </c>
      <c r="AW18" s="103">
        <v>11366113</v>
      </c>
      <c r="AX18" s="100">
        <v>0</v>
      </c>
      <c r="AY18" s="104">
        <v>11001080</v>
      </c>
      <c r="AZ18" s="104">
        <v>15231774</v>
      </c>
      <c r="BA18" s="104">
        <v>9578722</v>
      </c>
      <c r="BB18" s="104">
        <v>9787332</v>
      </c>
      <c r="BC18" s="104">
        <v>9672229</v>
      </c>
      <c r="BD18" s="103">
        <v>55271137</v>
      </c>
      <c r="BE18" s="106">
        <v>66637250</v>
      </c>
      <c r="BF18" s="100">
        <v>124807</v>
      </c>
      <c r="BG18" s="104">
        <v>762357</v>
      </c>
      <c r="BH18" s="102">
        <v>887164</v>
      </c>
      <c r="BI18" s="101">
        <v>0</v>
      </c>
      <c r="BJ18" s="104">
        <v>474903</v>
      </c>
      <c r="BK18" s="104">
        <v>1328674</v>
      </c>
      <c r="BL18" s="104">
        <v>1113356</v>
      </c>
      <c r="BM18" s="104">
        <v>963517</v>
      </c>
      <c r="BN18" s="104">
        <v>547698</v>
      </c>
      <c r="BO18" s="103">
        <v>4428148</v>
      </c>
      <c r="BP18" s="106">
        <v>5315312</v>
      </c>
      <c r="BQ18" s="100">
        <v>889398</v>
      </c>
      <c r="BR18" s="104">
        <v>1268832</v>
      </c>
      <c r="BS18" s="103">
        <v>2158230</v>
      </c>
      <c r="BT18" s="100">
        <v>0</v>
      </c>
      <c r="BU18" s="104">
        <v>4321208</v>
      </c>
      <c r="BV18" s="104">
        <v>5353315</v>
      </c>
      <c r="BW18" s="104">
        <v>5222985</v>
      </c>
      <c r="BX18" s="104">
        <v>6079222</v>
      </c>
      <c r="BY18" s="104">
        <v>4590064</v>
      </c>
      <c r="BZ18" s="103">
        <v>25566794</v>
      </c>
      <c r="CA18" s="106">
        <v>27725024</v>
      </c>
      <c r="CB18" s="100">
        <v>2553900</v>
      </c>
      <c r="CC18" s="104">
        <v>5785367</v>
      </c>
      <c r="CD18" s="103">
        <v>8339267</v>
      </c>
      <c r="CE18" s="100">
        <v>0</v>
      </c>
      <c r="CF18" s="104">
        <v>45197751</v>
      </c>
      <c r="CG18" s="104">
        <v>47805402</v>
      </c>
      <c r="CH18" s="104">
        <v>39841172</v>
      </c>
      <c r="CI18" s="104">
        <v>32125895</v>
      </c>
      <c r="CJ18" s="104">
        <v>14913682</v>
      </c>
      <c r="CK18" s="103">
        <v>179883902</v>
      </c>
      <c r="CL18" s="106">
        <v>188223169</v>
      </c>
      <c r="CM18" s="100">
        <v>0</v>
      </c>
      <c r="CN18" s="104">
        <v>0</v>
      </c>
      <c r="CO18" s="103">
        <v>0</v>
      </c>
      <c r="CP18" s="101">
        <v>0</v>
      </c>
      <c r="CQ18" s="104">
        <v>39259063</v>
      </c>
      <c r="CR18" s="104">
        <v>36096333</v>
      </c>
      <c r="CS18" s="104">
        <v>29627638</v>
      </c>
      <c r="CT18" s="104">
        <v>25584694</v>
      </c>
      <c r="CU18" s="104">
        <v>12409080</v>
      </c>
      <c r="CV18" s="103">
        <v>142976808</v>
      </c>
      <c r="CW18" s="106">
        <v>142976808</v>
      </c>
      <c r="CX18" s="100">
        <v>2553900</v>
      </c>
      <c r="CY18" s="104">
        <v>5785367</v>
      </c>
      <c r="CZ18" s="103">
        <v>8339267</v>
      </c>
      <c r="DA18" s="100">
        <v>0</v>
      </c>
      <c r="DB18" s="104">
        <v>5938688</v>
      </c>
      <c r="DC18" s="104">
        <v>11709069</v>
      </c>
      <c r="DD18" s="104">
        <v>10213534</v>
      </c>
      <c r="DE18" s="104">
        <v>6541201</v>
      </c>
      <c r="DF18" s="104">
        <v>2504602</v>
      </c>
      <c r="DG18" s="103">
        <v>36907094</v>
      </c>
      <c r="DH18" s="106">
        <v>45246361</v>
      </c>
      <c r="DI18" s="100">
        <v>107269</v>
      </c>
      <c r="DJ18" s="104">
        <v>528611</v>
      </c>
      <c r="DK18" s="102">
        <v>635880</v>
      </c>
      <c r="DL18" s="101">
        <v>0</v>
      </c>
      <c r="DM18" s="104">
        <v>5818139</v>
      </c>
      <c r="DN18" s="104">
        <v>8563999</v>
      </c>
      <c r="DO18" s="104">
        <v>12296447</v>
      </c>
      <c r="DP18" s="104">
        <v>10849791</v>
      </c>
      <c r="DQ18" s="104">
        <v>7274822</v>
      </c>
      <c r="DR18" s="103">
        <v>44803198</v>
      </c>
      <c r="DS18" s="106">
        <v>45439078</v>
      </c>
      <c r="DT18" s="100">
        <v>107269</v>
      </c>
      <c r="DU18" s="104">
        <v>528611</v>
      </c>
      <c r="DV18" s="103">
        <v>635880</v>
      </c>
      <c r="DW18" s="100">
        <v>0</v>
      </c>
      <c r="DX18" s="104">
        <v>5457279</v>
      </c>
      <c r="DY18" s="104">
        <v>8141414</v>
      </c>
      <c r="DZ18" s="104">
        <v>11878240</v>
      </c>
      <c r="EA18" s="104">
        <v>10395078</v>
      </c>
      <c r="EB18" s="104">
        <v>7110547</v>
      </c>
      <c r="EC18" s="103">
        <v>42982558</v>
      </c>
      <c r="ED18" s="106">
        <v>43618438</v>
      </c>
      <c r="EE18" s="100">
        <v>0</v>
      </c>
      <c r="EF18" s="102">
        <v>0</v>
      </c>
      <c r="EG18" s="103">
        <v>0</v>
      </c>
      <c r="EH18" s="100">
        <v>0</v>
      </c>
      <c r="EI18" s="104">
        <v>360860</v>
      </c>
      <c r="EJ18" s="104">
        <v>422585</v>
      </c>
      <c r="EK18" s="104">
        <v>418207</v>
      </c>
      <c r="EL18" s="104">
        <v>454713</v>
      </c>
      <c r="EM18" s="104">
        <v>164275</v>
      </c>
      <c r="EN18" s="102">
        <v>1820640</v>
      </c>
      <c r="EO18" s="106">
        <v>1820640</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2"/>
      <c r="FE18" s="104">
        <v>0</v>
      </c>
      <c r="FF18" s="104">
        <v>0</v>
      </c>
      <c r="FG18" s="104">
        <v>0</v>
      </c>
      <c r="FH18" s="104">
        <v>0</v>
      </c>
      <c r="FI18" s="104">
        <v>0</v>
      </c>
      <c r="FJ18" s="103">
        <v>0</v>
      </c>
      <c r="FK18" s="106">
        <v>0</v>
      </c>
      <c r="FL18" s="100">
        <v>3500588</v>
      </c>
      <c r="FM18" s="104">
        <v>7783167</v>
      </c>
      <c r="FN18" s="103">
        <v>11283755</v>
      </c>
      <c r="FO18" s="100">
        <v>0</v>
      </c>
      <c r="FP18" s="104">
        <v>5346827</v>
      </c>
      <c r="FQ18" s="104">
        <v>15981055</v>
      </c>
      <c r="FR18" s="104">
        <v>11709846</v>
      </c>
      <c r="FS18" s="104">
        <v>12768885</v>
      </c>
      <c r="FT18" s="104">
        <v>8862867</v>
      </c>
      <c r="FU18" s="103">
        <v>54669480</v>
      </c>
      <c r="FV18" s="106">
        <v>65953235</v>
      </c>
      <c r="FW18" s="105">
        <v>2408038</v>
      </c>
      <c r="FX18" s="104">
        <v>5870817</v>
      </c>
      <c r="FY18" s="102">
        <v>8278855</v>
      </c>
      <c r="FZ18" s="101">
        <v>0</v>
      </c>
      <c r="GA18" s="104">
        <v>3822971</v>
      </c>
      <c r="GB18" s="104">
        <v>14559358</v>
      </c>
      <c r="GC18" s="104">
        <v>11139541</v>
      </c>
      <c r="GD18" s="104">
        <v>11914807</v>
      </c>
      <c r="GE18" s="104">
        <v>8402927</v>
      </c>
      <c r="GF18" s="103">
        <v>49839604</v>
      </c>
      <c r="GG18" s="294">
        <v>58118459</v>
      </c>
      <c r="GH18" s="105">
        <v>221665</v>
      </c>
      <c r="GI18" s="104">
        <v>794887</v>
      </c>
      <c r="GJ18" s="102">
        <v>1016552</v>
      </c>
      <c r="GK18" s="101">
        <v>0</v>
      </c>
      <c r="GL18" s="104">
        <v>371543</v>
      </c>
      <c r="GM18" s="104">
        <v>225614</v>
      </c>
      <c r="GN18" s="104">
        <v>333882</v>
      </c>
      <c r="GO18" s="104">
        <v>391730</v>
      </c>
      <c r="GP18" s="104">
        <v>110830</v>
      </c>
      <c r="GQ18" s="103">
        <v>1433599</v>
      </c>
      <c r="GR18" s="106">
        <v>2450151</v>
      </c>
      <c r="GS18" s="100">
        <v>870885</v>
      </c>
      <c r="GT18" s="104">
        <v>1117463</v>
      </c>
      <c r="GU18" s="103">
        <v>1988348</v>
      </c>
      <c r="GV18" s="100">
        <v>0</v>
      </c>
      <c r="GW18" s="104">
        <v>1152313</v>
      </c>
      <c r="GX18" s="104">
        <v>1196083</v>
      </c>
      <c r="GY18" s="104">
        <v>236423</v>
      </c>
      <c r="GZ18" s="104">
        <v>462348</v>
      </c>
      <c r="HA18" s="104">
        <v>349110</v>
      </c>
      <c r="HB18" s="102">
        <v>3396277</v>
      </c>
      <c r="HC18" s="106">
        <v>5384625</v>
      </c>
      <c r="HD18" s="100">
        <v>2431544</v>
      </c>
      <c r="HE18" s="104">
        <v>3901090</v>
      </c>
      <c r="HF18" s="102">
        <v>6332634</v>
      </c>
      <c r="HG18" s="101">
        <v>0</v>
      </c>
      <c r="HH18" s="104">
        <v>19390091</v>
      </c>
      <c r="HI18" s="104">
        <v>19520129</v>
      </c>
      <c r="HJ18" s="104">
        <v>21435862</v>
      </c>
      <c r="HK18" s="104">
        <v>25725127</v>
      </c>
      <c r="HL18" s="104">
        <v>18561542</v>
      </c>
      <c r="HM18" s="103">
        <v>104632751</v>
      </c>
      <c r="HN18" s="99">
        <v>110965385</v>
      </c>
      <c r="HO18" s="105">
        <v>3260374</v>
      </c>
      <c r="HP18" s="104">
        <v>5304605</v>
      </c>
      <c r="HQ18" s="103">
        <v>8564979</v>
      </c>
      <c r="HR18" s="100">
        <v>0</v>
      </c>
      <c r="HS18" s="104">
        <v>22549269</v>
      </c>
      <c r="HT18" s="104">
        <v>19477731</v>
      </c>
      <c r="HU18" s="104">
        <v>14246292</v>
      </c>
      <c r="HV18" s="104">
        <v>11805037</v>
      </c>
      <c r="HW18" s="104">
        <v>6492048</v>
      </c>
      <c r="HX18" s="102">
        <v>74570377</v>
      </c>
      <c r="HY18" s="106">
        <v>83135356</v>
      </c>
      <c r="HZ18" s="137">
        <v>0</v>
      </c>
      <c r="IA18" s="122">
        <v>0</v>
      </c>
      <c r="IB18" s="137">
        <v>0</v>
      </c>
      <c r="IC18" s="121">
        <v>0</v>
      </c>
      <c r="ID18" s="122">
        <v>35022671</v>
      </c>
      <c r="IE18" s="123">
        <v>43653990</v>
      </c>
      <c r="IF18" s="124">
        <v>51865042</v>
      </c>
      <c r="IG18" s="122">
        <v>36889526</v>
      </c>
      <c r="IH18" s="124">
        <v>34452058</v>
      </c>
      <c r="II18" s="125">
        <v>201883287</v>
      </c>
      <c r="IJ18" s="137">
        <v>201883287</v>
      </c>
      <c r="IK18" s="219">
        <v>0</v>
      </c>
      <c r="IL18" s="223">
        <v>0</v>
      </c>
      <c r="IM18" s="224">
        <v>0</v>
      </c>
      <c r="IN18" s="127"/>
      <c r="IO18" s="109">
        <v>549484</v>
      </c>
      <c r="IP18" s="109">
        <v>618766</v>
      </c>
      <c r="IQ18" s="109">
        <v>546394</v>
      </c>
      <c r="IR18" s="109">
        <v>526344</v>
      </c>
      <c r="IS18" s="109">
        <v>1806082</v>
      </c>
      <c r="IT18" s="128">
        <v>4047070</v>
      </c>
      <c r="IU18" s="296">
        <v>404707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20837072</v>
      </c>
      <c r="JL18" s="109">
        <v>16137044</v>
      </c>
      <c r="JM18" s="109">
        <v>13165417</v>
      </c>
      <c r="JN18" s="109">
        <v>7766197</v>
      </c>
      <c r="JO18" s="109">
        <v>4072144</v>
      </c>
      <c r="JP18" s="110">
        <v>61977874</v>
      </c>
      <c r="JQ18" s="296">
        <v>61977874</v>
      </c>
      <c r="JR18" s="129">
        <v>0</v>
      </c>
      <c r="JS18" s="109">
        <v>0</v>
      </c>
      <c r="JT18" s="128">
        <v>0</v>
      </c>
      <c r="JU18" s="108">
        <v>0</v>
      </c>
      <c r="JV18" s="109">
        <v>279161</v>
      </c>
      <c r="JW18" s="109">
        <v>131029</v>
      </c>
      <c r="JX18" s="109">
        <v>0</v>
      </c>
      <c r="JY18" s="109">
        <v>113710</v>
      </c>
      <c r="JZ18" s="109">
        <v>278064</v>
      </c>
      <c r="KA18" s="110">
        <v>801964</v>
      </c>
      <c r="KB18" s="296">
        <v>801964</v>
      </c>
      <c r="KC18" s="221">
        <v>0</v>
      </c>
      <c r="KD18" s="217">
        <v>0</v>
      </c>
      <c r="KE18" s="110">
        <v>0</v>
      </c>
      <c r="KF18" s="108">
        <v>0</v>
      </c>
      <c r="KG18" s="109">
        <v>3135516</v>
      </c>
      <c r="KH18" s="109">
        <v>8386503</v>
      </c>
      <c r="KI18" s="109">
        <v>13166271</v>
      </c>
      <c r="KJ18" s="109">
        <v>8293055</v>
      </c>
      <c r="KK18" s="109">
        <v>11209884</v>
      </c>
      <c r="KL18" s="110">
        <v>44191229</v>
      </c>
      <c r="KM18" s="130">
        <v>44191229</v>
      </c>
      <c r="KN18" s="219">
        <v>0</v>
      </c>
      <c r="KO18" s="223">
        <v>0</v>
      </c>
      <c r="KP18" s="224">
        <v>0</v>
      </c>
      <c r="KQ18" s="127"/>
      <c r="KR18" s="109">
        <v>9286498</v>
      </c>
      <c r="KS18" s="109">
        <v>13345854</v>
      </c>
      <c r="KT18" s="109">
        <v>12515632</v>
      </c>
      <c r="KU18" s="109">
        <v>8922369</v>
      </c>
      <c r="KV18" s="109">
        <v>9664178</v>
      </c>
      <c r="KW18" s="110">
        <v>53734531</v>
      </c>
      <c r="KX18" s="296">
        <v>53734531</v>
      </c>
      <c r="KY18" s="129">
        <v>0</v>
      </c>
      <c r="KZ18" s="109">
        <v>0</v>
      </c>
      <c r="LA18" s="110">
        <v>0</v>
      </c>
      <c r="LB18" s="132"/>
      <c r="LC18" s="109">
        <v>0</v>
      </c>
      <c r="LD18" s="109">
        <v>1116165</v>
      </c>
      <c r="LE18" s="109">
        <v>1415530</v>
      </c>
      <c r="LF18" s="109">
        <v>2109717</v>
      </c>
      <c r="LG18" s="109">
        <v>861241</v>
      </c>
      <c r="LH18" s="110">
        <v>5502653</v>
      </c>
      <c r="LI18" s="111">
        <v>5502653</v>
      </c>
      <c r="LJ18" s="129">
        <v>0</v>
      </c>
      <c r="LK18" s="109">
        <v>0</v>
      </c>
      <c r="LL18" s="110">
        <v>0</v>
      </c>
      <c r="LM18" s="132"/>
      <c r="LN18" s="109">
        <v>0</v>
      </c>
      <c r="LO18" s="109">
        <v>0</v>
      </c>
      <c r="LP18" s="109">
        <v>2810436</v>
      </c>
      <c r="LQ18" s="109">
        <v>3625410</v>
      </c>
      <c r="LR18" s="109">
        <v>2217871</v>
      </c>
      <c r="LS18" s="110">
        <v>8653717</v>
      </c>
      <c r="LT18" s="296">
        <v>8653717</v>
      </c>
      <c r="LU18" s="129">
        <v>0</v>
      </c>
      <c r="LV18" s="109">
        <v>0</v>
      </c>
      <c r="LW18" s="110">
        <v>0</v>
      </c>
      <c r="LX18" s="132"/>
      <c r="LY18" s="109">
        <v>934940</v>
      </c>
      <c r="LZ18" s="109">
        <v>3918629</v>
      </c>
      <c r="MA18" s="109">
        <v>8245362</v>
      </c>
      <c r="MB18" s="109">
        <v>5532724</v>
      </c>
      <c r="MC18" s="109">
        <v>4342594</v>
      </c>
      <c r="MD18" s="110">
        <v>22974249</v>
      </c>
      <c r="ME18" s="111">
        <v>22974249</v>
      </c>
      <c r="MF18" s="129">
        <v>0</v>
      </c>
      <c r="MG18" s="109">
        <v>0</v>
      </c>
      <c r="MH18" s="110">
        <v>0</v>
      </c>
      <c r="MI18" s="132"/>
      <c r="MJ18" s="109">
        <v>12594244</v>
      </c>
      <c r="MK18" s="109">
        <v>28087443</v>
      </c>
      <c r="ML18" s="109">
        <v>97736586</v>
      </c>
      <c r="MM18" s="109">
        <v>139211806</v>
      </c>
      <c r="MN18" s="109">
        <v>88735766</v>
      </c>
      <c r="MO18" s="110">
        <v>366365845</v>
      </c>
      <c r="MP18" s="130">
        <v>366365845</v>
      </c>
      <c r="MQ18" s="129">
        <v>0</v>
      </c>
      <c r="MR18" s="109">
        <v>0</v>
      </c>
      <c r="MS18" s="110">
        <v>0</v>
      </c>
      <c r="MT18" s="132"/>
      <c r="MU18" s="109">
        <v>455682</v>
      </c>
      <c r="MV18" s="109">
        <v>4874062</v>
      </c>
      <c r="MW18" s="109">
        <v>51257973</v>
      </c>
      <c r="MX18" s="109">
        <v>86163606</v>
      </c>
      <c r="MY18" s="109">
        <v>62540081</v>
      </c>
      <c r="MZ18" s="110">
        <v>205291404</v>
      </c>
      <c r="NA18" s="130">
        <v>205291404</v>
      </c>
      <c r="NB18" s="129">
        <v>0</v>
      </c>
      <c r="NC18" s="109">
        <v>0</v>
      </c>
      <c r="ND18" s="110">
        <v>0</v>
      </c>
      <c r="NE18" s="132"/>
      <c r="NF18" s="109">
        <v>12138562</v>
      </c>
      <c r="NG18" s="109">
        <v>22928783</v>
      </c>
      <c r="NH18" s="109">
        <v>45431066</v>
      </c>
      <c r="NI18" s="109">
        <v>48196427</v>
      </c>
      <c r="NJ18" s="109">
        <v>21383451</v>
      </c>
      <c r="NK18" s="110">
        <v>150078289</v>
      </c>
      <c r="NL18" s="296">
        <v>150078289</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284598</v>
      </c>
      <c r="OD18" s="109">
        <v>1047547</v>
      </c>
      <c r="OE18" s="109">
        <v>4851773</v>
      </c>
      <c r="OF18" s="109">
        <v>4812234</v>
      </c>
      <c r="OG18" s="110">
        <v>10996152</v>
      </c>
      <c r="OH18" s="111">
        <v>10996152</v>
      </c>
      <c r="OI18" s="129">
        <v>15800460</v>
      </c>
      <c r="OJ18" s="109">
        <v>33923343</v>
      </c>
      <c r="OK18" s="128">
        <v>49723803</v>
      </c>
      <c r="OL18" s="108">
        <v>0</v>
      </c>
      <c r="OM18" s="109">
        <v>182060856</v>
      </c>
      <c r="ON18" s="109">
        <v>232498962</v>
      </c>
      <c r="OO18" s="109">
        <v>294945668</v>
      </c>
      <c r="OP18" s="109">
        <v>328552225</v>
      </c>
      <c r="OQ18" s="109">
        <v>239439569</v>
      </c>
      <c r="OR18" s="110">
        <v>1277497280</v>
      </c>
      <c r="OS18" s="130">
        <v>1327221083</v>
      </c>
    </row>
    <row r="19" spans="2:409" ht="21" customHeight="1" x14ac:dyDescent="0.2">
      <c r="B19" s="468" t="s">
        <v>13</v>
      </c>
      <c r="C19" s="100">
        <v>3040589</v>
      </c>
      <c r="D19" s="104">
        <v>5537359</v>
      </c>
      <c r="E19" s="103">
        <v>8577948</v>
      </c>
      <c r="F19" s="100">
        <v>0</v>
      </c>
      <c r="G19" s="157">
        <v>48779551</v>
      </c>
      <c r="H19" s="104">
        <v>67881925</v>
      </c>
      <c r="I19" s="104">
        <v>54691421</v>
      </c>
      <c r="J19" s="104">
        <v>56349520</v>
      </c>
      <c r="K19" s="104">
        <v>52695733</v>
      </c>
      <c r="L19" s="102">
        <v>280398150</v>
      </c>
      <c r="M19" s="106">
        <v>288976098</v>
      </c>
      <c r="N19" s="100">
        <v>649405</v>
      </c>
      <c r="O19" s="104">
        <v>1277142</v>
      </c>
      <c r="P19" s="103">
        <v>1926547</v>
      </c>
      <c r="Q19" s="100">
        <v>0</v>
      </c>
      <c r="R19" s="104">
        <v>13972486</v>
      </c>
      <c r="S19" s="104">
        <v>21978157</v>
      </c>
      <c r="T19" s="104">
        <v>17368698</v>
      </c>
      <c r="U19" s="104">
        <v>20285701</v>
      </c>
      <c r="V19" s="104">
        <v>28114523</v>
      </c>
      <c r="W19" s="103">
        <v>101719565</v>
      </c>
      <c r="X19" s="106">
        <v>103646112</v>
      </c>
      <c r="Y19" s="100">
        <v>0</v>
      </c>
      <c r="Z19" s="104">
        <v>0</v>
      </c>
      <c r="AA19" s="103">
        <v>0</v>
      </c>
      <c r="AB19" s="100">
        <v>0</v>
      </c>
      <c r="AC19" s="104">
        <v>5708239</v>
      </c>
      <c r="AD19" s="104">
        <v>10635654</v>
      </c>
      <c r="AE19" s="104">
        <v>9470963</v>
      </c>
      <c r="AF19" s="104">
        <v>12265616</v>
      </c>
      <c r="AG19" s="104">
        <v>18106578</v>
      </c>
      <c r="AH19" s="103">
        <v>56187050</v>
      </c>
      <c r="AI19" s="106">
        <v>56187050</v>
      </c>
      <c r="AJ19" s="100">
        <v>0</v>
      </c>
      <c r="AK19" s="104">
        <v>0</v>
      </c>
      <c r="AL19" s="103">
        <v>0</v>
      </c>
      <c r="AM19" s="100">
        <v>0</v>
      </c>
      <c r="AN19" s="104">
        <v>0</v>
      </c>
      <c r="AO19" s="104">
        <v>95083</v>
      </c>
      <c r="AP19" s="104">
        <v>261141</v>
      </c>
      <c r="AQ19" s="104">
        <v>802065</v>
      </c>
      <c r="AR19" s="104">
        <v>2564748</v>
      </c>
      <c r="AS19" s="103">
        <v>3723037</v>
      </c>
      <c r="AT19" s="106">
        <v>3723037</v>
      </c>
      <c r="AU19" s="100">
        <v>215933</v>
      </c>
      <c r="AV19" s="104">
        <v>828885</v>
      </c>
      <c r="AW19" s="103">
        <v>1044818</v>
      </c>
      <c r="AX19" s="100">
        <v>0</v>
      </c>
      <c r="AY19" s="104">
        <v>4781572</v>
      </c>
      <c r="AZ19" s="104">
        <v>7188625</v>
      </c>
      <c r="BA19" s="104">
        <v>4369561</v>
      </c>
      <c r="BB19" s="104">
        <v>3793683</v>
      </c>
      <c r="BC19" s="104">
        <v>4511287</v>
      </c>
      <c r="BD19" s="103">
        <v>24644728</v>
      </c>
      <c r="BE19" s="106">
        <v>25689546</v>
      </c>
      <c r="BF19" s="100">
        <v>52883</v>
      </c>
      <c r="BG19" s="104">
        <v>108217</v>
      </c>
      <c r="BH19" s="102">
        <v>161100</v>
      </c>
      <c r="BI19" s="101">
        <v>0</v>
      </c>
      <c r="BJ19" s="104">
        <v>711883</v>
      </c>
      <c r="BK19" s="104">
        <v>806587</v>
      </c>
      <c r="BL19" s="104">
        <v>359250</v>
      </c>
      <c r="BM19" s="104">
        <v>401951</v>
      </c>
      <c r="BN19" s="104">
        <v>282810</v>
      </c>
      <c r="BO19" s="103">
        <v>2562481</v>
      </c>
      <c r="BP19" s="106">
        <v>2723581</v>
      </c>
      <c r="BQ19" s="100">
        <v>380589</v>
      </c>
      <c r="BR19" s="104">
        <v>340040</v>
      </c>
      <c r="BS19" s="103">
        <v>720629</v>
      </c>
      <c r="BT19" s="100">
        <v>0</v>
      </c>
      <c r="BU19" s="104">
        <v>2770792</v>
      </c>
      <c r="BV19" s="104">
        <v>3252208</v>
      </c>
      <c r="BW19" s="104">
        <v>2907783</v>
      </c>
      <c r="BX19" s="104">
        <v>3022386</v>
      </c>
      <c r="BY19" s="104">
        <v>2649100</v>
      </c>
      <c r="BZ19" s="103">
        <v>14602269</v>
      </c>
      <c r="CA19" s="106">
        <v>15322898</v>
      </c>
      <c r="CB19" s="100">
        <v>230767</v>
      </c>
      <c r="CC19" s="104">
        <v>861183</v>
      </c>
      <c r="CD19" s="103">
        <v>1091950</v>
      </c>
      <c r="CE19" s="100">
        <v>0</v>
      </c>
      <c r="CF19" s="104">
        <v>9723060</v>
      </c>
      <c r="CG19" s="104">
        <v>13946158</v>
      </c>
      <c r="CH19" s="104">
        <v>11479477</v>
      </c>
      <c r="CI19" s="104">
        <v>8914594</v>
      </c>
      <c r="CJ19" s="104">
        <v>4831974</v>
      </c>
      <c r="CK19" s="103">
        <v>48895263</v>
      </c>
      <c r="CL19" s="106">
        <v>49987213</v>
      </c>
      <c r="CM19" s="100">
        <v>0</v>
      </c>
      <c r="CN19" s="104">
        <v>0</v>
      </c>
      <c r="CO19" s="103">
        <v>0</v>
      </c>
      <c r="CP19" s="101">
        <v>0</v>
      </c>
      <c r="CQ19" s="104">
        <v>8508111</v>
      </c>
      <c r="CR19" s="104">
        <v>12526365</v>
      </c>
      <c r="CS19" s="104">
        <v>9494366</v>
      </c>
      <c r="CT19" s="104">
        <v>6999055</v>
      </c>
      <c r="CU19" s="104">
        <v>3484571</v>
      </c>
      <c r="CV19" s="103">
        <v>41012468</v>
      </c>
      <c r="CW19" s="106">
        <v>41012468</v>
      </c>
      <c r="CX19" s="100">
        <v>230767</v>
      </c>
      <c r="CY19" s="104">
        <v>861183</v>
      </c>
      <c r="CZ19" s="103">
        <v>1091950</v>
      </c>
      <c r="DA19" s="100">
        <v>0</v>
      </c>
      <c r="DB19" s="104">
        <v>1214949</v>
      </c>
      <c r="DC19" s="104">
        <v>1419793</v>
      </c>
      <c r="DD19" s="104">
        <v>1985111</v>
      </c>
      <c r="DE19" s="104">
        <v>1915539</v>
      </c>
      <c r="DF19" s="104">
        <v>1347403</v>
      </c>
      <c r="DG19" s="103">
        <v>7882795</v>
      </c>
      <c r="DH19" s="106">
        <v>8974745</v>
      </c>
      <c r="DI19" s="100">
        <v>0</v>
      </c>
      <c r="DJ19" s="104">
        <v>0</v>
      </c>
      <c r="DK19" s="102">
        <v>0</v>
      </c>
      <c r="DL19" s="101">
        <v>0</v>
      </c>
      <c r="DM19" s="104">
        <v>1136470</v>
      </c>
      <c r="DN19" s="104">
        <v>2206072</v>
      </c>
      <c r="DO19" s="104">
        <v>4422200</v>
      </c>
      <c r="DP19" s="104">
        <v>4516006</v>
      </c>
      <c r="DQ19" s="104">
        <v>2778792</v>
      </c>
      <c r="DR19" s="103">
        <v>15059540</v>
      </c>
      <c r="DS19" s="106">
        <v>15059540</v>
      </c>
      <c r="DT19" s="100">
        <v>0</v>
      </c>
      <c r="DU19" s="104">
        <v>0</v>
      </c>
      <c r="DV19" s="103">
        <v>0</v>
      </c>
      <c r="DW19" s="100">
        <v>0</v>
      </c>
      <c r="DX19" s="104">
        <v>997410</v>
      </c>
      <c r="DY19" s="104">
        <v>2116194</v>
      </c>
      <c r="DZ19" s="104">
        <v>4215524</v>
      </c>
      <c r="EA19" s="104">
        <v>4136087</v>
      </c>
      <c r="EB19" s="104">
        <v>2692007</v>
      </c>
      <c r="EC19" s="103">
        <v>14157222</v>
      </c>
      <c r="ED19" s="106">
        <v>14157222</v>
      </c>
      <c r="EE19" s="100">
        <v>0</v>
      </c>
      <c r="EF19" s="102">
        <v>0</v>
      </c>
      <c r="EG19" s="103">
        <v>0</v>
      </c>
      <c r="EH19" s="100">
        <v>0</v>
      </c>
      <c r="EI19" s="104">
        <v>139060</v>
      </c>
      <c r="EJ19" s="104">
        <v>89878</v>
      </c>
      <c r="EK19" s="104">
        <v>206676</v>
      </c>
      <c r="EL19" s="104">
        <v>379919</v>
      </c>
      <c r="EM19" s="104">
        <v>86785</v>
      </c>
      <c r="EN19" s="102">
        <v>902318</v>
      </c>
      <c r="EO19" s="106">
        <v>902318</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2"/>
      <c r="FE19" s="104">
        <v>0</v>
      </c>
      <c r="FF19" s="104">
        <v>0</v>
      </c>
      <c r="FG19" s="104">
        <v>0</v>
      </c>
      <c r="FH19" s="104">
        <v>0</v>
      </c>
      <c r="FI19" s="104">
        <v>0</v>
      </c>
      <c r="FJ19" s="103">
        <v>0</v>
      </c>
      <c r="FK19" s="106">
        <v>0</v>
      </c>
      <c r="FL19" s="100">
        <v>690420</v>
      </c>
      <c r="FM19" s="104">
        <v>1223358</v>
      </c>
      <c r="FN19" s="103">
        <v>1913778</v>
      </c>
      <c r="FO19" s="100">
        <v>0</v>
      </c>
      <c r="FP19" s="104">
        <v>2399542</v>
      </c>
      <c r="FQ19" s="104">
        <v>5787457</v>
      </c>
      <c r="FR19" s="104">
        <v>3761718</v>
      </c>
      <c r="FS19" s="104">
        <v>3738689</v>
      </c>
      <c r="FT19" s="104">
        <v>2956846</v>
      </c>
      <c r="FU19" s="103">
        <v>18644252</v>
      </c>
      <c r="FV19" s="106">
        <v>20558030</v>
      </c>
      <c r="FW19" s="105">
        <v>375879</v>
      </c>
      <c r="FX19" s="104">
        <v>947017</v>
      </c>
      <c r="FY19" s="102">
        <v>1322896</v>
      </c>
      <c r="FZ19" s="101">
        <v>0</v>
      </c>
      <c r="GA19" s="104">
        <v>1754128</v>
      </c>
      <c r="GB19" s="104">
        <v>4975482</v>
      </c>
      <c r="GC19" s="104">
        <v>3669430</v>
      </c>
      <c r="GD19" s="104">
        <v>3651425</v>
      </c>
      <c r="GE19" s="104">
        <v>2956846</v>
      </c>
      <c r="GF19" s="103">
        <v>17007311</v>
      </c>
      <c r="GG19" s="294">
        <v>18330207</v>
      </c>
      <c r="GH19" s="105">
        <v>76941</v>
      </c>
      <c r="GI19" s="104">
        <v>30541</v>
      </c>
      <c r="GJ19" s="102">
        <v>107482</v>
      </c>
      <c r="GK19" s="101">
        <v>0</v>
      </c>
      <c r="GL19" s="104">
        <v>163254</v>
      </c>
      <c r="GM19" s="104">
        <v>319075</v>
      </c>
      <c r="GN19" s="104">
        <v>83188</v>
      </c>
      <c r="GO19" s="104">
        <v>23364</v>
      </c>
      <c r="GP19" s="104">
        <v>0</v>
      </c>
      <c r="GQ19" s="103">
        <v>588881</v>
      </c>
      <c r="GR19" s="106">
        <v>696363</v>
      </c>
      <c r="GS19" s="100">
        <v>237600</v>
      </c>
      <c r="GT19" s="104">
        <v>245800</v>
      </c>
      <c r="GU19" s="103">
        <v>483400</v>
      </c>
      <c r="GV19" s="100">
        <v>0</v>
      </c>
      <c r="GW19" s="104">
        <v>482160</v>
      </c>
      <c r="GX19" s="104">
        <v>492900</v>
      </c>
      <c r="GY19" s="104">
        <v>9100</v>
      </c>
      <c r="GZ19" s="104">
        <v>63900</v>
      </c>
      <c r="HA19" s="104">
        <v>0</v>
      </c>
      <c r="HB19" s="102">
        <v>1048060</v>
      </c>
      <c r="HC19" s="106">
        <v>1531460</v>
      </c>
      <c r="HD19" s="100">
        <v>995929</v>
      </c>
      <c r="HE19" s="104">
        <v>1177863</v>
      </c>
      <c r="HF19" s="102">
        <v>2173792</v>
      </c>
      <c r="HG19" s="101">
        <v>0</v>
      </c>
      <c r="HH19" s="104">
        <v>13552236</v>
      </c>
      <c r="HI19" s="104">
        <v>15801898</v>
      </c>
      <c r="HJ19" s="104">
        <v>12512448</v>
      </c>
      <c r="HK19" s="104">
        <v>15062715</v>
      </c>
      <c r="HL19" s="104">
        <v>11153075</v>
      </c>
      <c r="HM19" s="103">
        <v>68082372</v>
      </c>
      <c r="HN19" s="99">
        <v>70256164</v>
      </c>
      <c r="HO19" s="105">
        <v>474068</v>
      </c>
      <c r="HP19" s="104">
        <v>997813</v>
      </c>
      <c r="HQ19" s="103">
        <v>1471881</v>
      </c>
      <c r="HR19" s="100">
        <v>0</v>
      </c>
      <c r="HS19" s="104">
        <v>7995757</v>
      </c>
      <c r="HT19" s="104">
        <v>8162183</v>
      </c>
      <c r="HU19" s="104">
        <v>5146880</v>
      </c>
      <c r="HV19" s="104">
        <v>3831815</v>
      </c>
      <c r="HW19" s="104">
        <v>2860523</v>
      </c>
      <c r="HX19" s="102">
        <v>27997158</v>
      </c>
      <c r="HY19" s="106">
        <v>29469039</v>
      </c>
      <c r="HZ19" s="118">
        <v>98952</v>
      </c>
      <c r="IA19" s="119">
        <v>277954</v>
      </c>
      <c r="IB19" s="120">
        <v>376906</v>
      </c>
      <c r="IC19" s="133">
        <v>0</v>
      </c>
      <c r="ID19" s="119">
        <v>11598787</v>
      </c>
      <c r="IE19" s="134">
        <v>15486202</v>
      </c>
      <c r="IF19" s="120">
        <v>15753858</v>
      </c>
      <c r="IG19" s="119">
        <v>9988213</v>
      </c>
      <c r="IH19" s="120">
        <v>5941875</v>
      </c>
      <c r="II19" s="135">
        <v>58768935</v>
      </c>
      <c r="IJ19" s="126">
        <v>59145841</v>
      </c>
      <c r="IK19" s="219">
        <v>0</v>
      </c>
      <c r="IL19" s="223">
        <v>0</v>
      </c>
      <c r="IM19" s="224">
        <v>0</v>
      </c>
      <c r="IN19" s="127"/>
      <c r="IO19" s="109">
        <v>126950</v>
      </c>
      <c r="IP19" s="109">
        <v>139182</v>
      </c>
      <c r="IQ19" s="109">
        <v>172222</v>
      </c>
      <c r="IR19" s="109">
        <v>0</v>
      </c>
      <c r="IS19" s="109">
        <v>639439</v>
      </c>
      <c r="IT19" s="128">
        <v>1077793</v>
      </c>
      <c r="IU19" s="296">
        <v>1077793</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6415023</v>
      </c>
      <c r="JL19" s="109">
        <v>8325815</v>
      </c>
      <c r="JM19" s="109">
        <v>6519642</v>
      </c>
      <c r="JN19" s="109">
        <v>3033153</v>
      </c>
      <c r="JO19" s="109">
        <v>1618394</v>
      </c>
      <c r="JP19" s="110">
        <v>25912027</v>
      </c>
      <c r="JQ19" s="296">
        <v>25912027</v>
      </c>
      <c r="JR19" s="129">
        <v>0</v>
      </c>
      <c r="JS19" s="109">
        <v>0</v>
      </c>
      <c r="JT19" s="128">
        <v>0</v>
      </c>
      <c r="JU19" s="108">
        <v>0</v>
      </c>
      <c r="JV19" s="109">
        <v>335470</v>
      </c>
      <c r="JW19" s="109">
        <v>970550</v>
      </c>
      <c r="JX19" s="109">
        <v>872547</v>
      </c>
      <c r="JY19" s="109">
        <v>468852</v>
      </c>
      <c r="JZ19" s="109">
        <v>901068</v>
      </c>
      <c r="KA19" s="110">
        <v>3548487</v>
      </c>
      <c r="KB19" s="296">
        <v>3548487</v>
      </c>
      <c r="KC19" s="221">
        <v>98952</v>
      </c>
      <c r="KD19" s="217">
        <v>277954</v>
      </c>
      <c r="KE19" s="110">
        <v>376906</v>
      </c>
      <c r="KF19" s="108">
        <v>0</v>
      </c>
      <c r="KG19" s="109">
        <v>1523417</v>
      </c>
      <c r="KH19" s="109">
        <v>1857163</v>
      </c>
      <c r="KI19" s="109">
        <v>2244090</v>
      </c>
      <c r="KJ19" s="109">
        <v>265773</v>
      </c>
      <c r="KK19" s="109">
        <v>0</v>
      </c>
      <c r="KL19" s="110">
        <v>5890443</v>
      </c>
      <c r="KM19" s="130">
        <v>6267349</v>
      </c>
      <c r="KN19" s="219">
        <v>0</v>
      </c>
      <c r="KO19" s="223">
        <v>0</v>
      </c>
      <c r="KP19" s="224">
        <v>0</v>
      </c>
      <c r="KQ19" s="127"/>
      <c r="KR19" s="109">
        <v>3018368</v>
      </c>
      <c r="KS19" s="109">
        <v>3803638</v>
      </c>
      <c r="KT19" s="109">
        <v>5728328</v>
      </c>
      <c r="KU19" s="109">
        <v>5236239</v>
      </c>
      <c r="KV19" s="109">
        <v>2005023</v>
      </c>
      <c r="KW19" s="110">
        <v>19791596</v>
      </c>
      <c r="KX19" s="296">
        <v>19791596</v>
      </c>
      <c r="KY19" s="129">
        <v>0</v>
      </c>
      <c r="KZ19" s="109">
        <v>0</v>
      </c>
      <c r="LA19" s="110">
        <v>0</v>
      </c>
      <c r="LB19" s="132"/>
      <c r="LC19" s="109">
        <v>179559</v>
      </c>
      <c r="LD19" s="109">
        <v>389854</v>
      </c>
      <c r="LE19" s="109">
        <v>217029</v>
      </c>
      <c r="LF19" s="109">
        <v>984196</v>
      </c>
      <c r="LG19" s="109">
        <v>777951</v>
      </c>
      <c r="LH19" s="110">
        <v>2548589</v>
      </c>
      <c r="LI19" s="111">
        <v>2548589</v>
      </c>
      <c r="LJ19" s="129">
        <v>0</v>
      </c>
      <c r="LK19" s="109">
        <v>0</v>
      </c>
      <c r="LL19" s="110">
        <v>0</v>
      </c>
      <c r="LM19" s="132"/>
      <c r="LN19" s="109">
        <v>0</v>
      </c>
      <c r="LO19" s="109">
        <v>0</v>
      </c>
      <c r="LP19" s="109">
        <v>0</v>
      </c>
      <c r="LQ19" s="109">
        <v>0</v>
      </c>
      <c r="LR19" s="109">
        <v>0</v>
      </c>
      <c r="LS19" s="110">
        <v>0</v>
      </c>
      <c r="LT19" s="296">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1786151</v>
      </c>
      <c r="MK19" s="109">
        <v>8982314</v>
      </c>
      <c r="ML19" s="109">
        <v>26218038</v>
      </c>
      <c r="MM19" s="109">
        <v>48107635</v>
      </c>
      <c r="MN19" s="109">
        <v>45870898</v>
      </c>
      <c r="MO19" s="110">
        <v>130965036</v>
      </c>
      <c r="MP19" s="130">
        <v>130965036</v>
      </c>
      <c r="MQ19" s="129">
        <v>0</v>
      </c>
      <c r="MR19" s="109">
        <v>0</v>
      </c>
      <c r="MS19" s="110">
        <v>0</v>
      </c>
      <c r="MT19" s="132"/>
      <c r="MU19" s="109">
        <v>230130</v>
      </c>
      <c r="MV19" s="109">
        <v>1471507</v>
      </c>
      <c r="MW19" s="109">
        <v>12849953</v>
      </c>
      <c r="MX19" s="109">
        <v>38596459</v>
      </c>
      <c r="MY19" s="109">
        <v>35077419</v>
      </c>
      <c r="MZ19" s="110">
        <v>88225468</v>
      </c>
      <c r="NA19" s="130">
        <v>88225468</v>
      </c>
      <c r="NB19" s="129">
        <v>0</v>
      </c>
      <c r="NC19" s="109">
        <v>0</v>
      </c>
      <c r="ND19" s="110">
        <v>0</v>
      </c>
      <c r="NE19" s="132"/>
      <c r="NF19" s="109">
        <v>1556021</v>
      </c>
      <c r="NG19" s="109">
        <v>7510807</v>
      </c>
      <c r="NH19" s="109">
        <v>13015695</v>
      </c>
      <c r="NI19" s="109">
        <v>9511176</v>
      </c>
      <c r="NJ19" s="109">
        <v>10793479</v>
      </c>
      <c r="NK19" s="110">
        <v>42387178</v>
      </c>
      <c r="NL19" s="296">
        <v>42387178</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352390</v>
      </c>
      <c r="OE19" s="109">
        <v>0</v>
      </c>
      <c r="OF19" s="109">
        <v>0</v>
      </c>
      <c r="OG19" s="110">
        <v>352390</v>
      </c>
      <c r="OH19" s="111">
        <v>352390</v>
      </c>
      <c r="OI19" s="129">
        <v>3139541</v>
      </c>
      <c r="OJ19" s="109">
        <v>5815313</v>
      </c>
      <c r="OK19" s="128">
        <v>8954854</v>
      </c>
      <c r="OL19" s="108">
        <v>0</v>
      </c>
      <c r="OM19" s="109">
        <v>62164489</v>
      </c>
      <c r="ON19" s="109">
        <v>92350441</v>
      </c>
      <c r="OO19" s="109">
        <v>96663317</v>
      </c>
      <c r="OP19" s="109">
        <v>114445368</v>
      </c>
      <c r="OQ19" s="109">
        <v>104508506</v>
      </c>
      <c r="OR19" s="110">
        <v>470132121</v>
      </c>
      <c r="OS19" s="130">
        <v>479086975</v>
      </c>
    </row>
    <row r="20" spans="2:409" ht="21" customHeight="1" x14ac:dyDescent="0.2">
      <c r="B20" s="468" t="s">
        <v>15</v>
      </c>
      <c r="C20" s="100">
        <v>2834679</v>
      </c>
      <c r="D20" s="104">
        <v>4278893</v>
      </c>
      <c r="E20" s="103">
        <v>7113572</v>
      </c>
      <c r="F20" s="99">
        <v>0</v>
      </c>
      <c r="G20" s="104">
        <v>38411580</v>
      </c>
      <c r="H20" s="104">
        <v>47701431</v>
      </c>
      <c r="I20" s="104">
        <v>43177392</v>
      </c>
      <c r="J20" s="104">
        <v>33368481</v>
      </c>
      <c r="K20" s="104">
        <v>25773297</v>
      </c>
      <c r="L20" s="99">
        <v>188432181</v>
      </c>
      <c r="M20" s="106">
        <v>195545753</v>
      </c>
      <c r="N20" s="100">
        <v>300803</v>
      </c>
      <c r="O20" s="104">
        <v>715403</v>
      </c>
      <c r="P20" s="103">
        <v>1016206</v>
      </c>
      <c r="Q20" s="100">
        <v>0</v>
      </c>
      <c r="R20" s="104">
        <v>7768187</v>
      </c>
      <c r="S20" s="104">
        <v>13960238</v>
      </c>
      <c r="T20" s="104">
        <v>11163068</v>
      </c>
      <c r="U20" s="104">
        <v>10563266</v>
      </c>
      <c r="V20" s="104">
        <v>12547704</v>
      </c>
      <c r="W20" s="103">
        <v>56002463</v>
      </c>
      <c r="X20" s="106">
        <v>57018669</v>
      </c>
      <c r="Y20" s="100">
        <v>0</v>
      </c>
      <c r="Z20" s="104">
        <v>0</v>
      </c>
      <c r="AA20" s="103">
        <v>0</v>
      </c>
      <c r="AB20" s="100">
        <v>0</v>
      </c>
      <c r="AC20" s="104">
        <v>3685404</v>
      </c>
      <c r="AD20" s="104">
        <v>7762179</v>
      </c>
      <c r="AE20" s="104">
        <v>6749183</v>
      </c>
      <c r="AF20" s="104">
        <v>6151043</v>
      </c>
      <c r="AG20" s="104">
        <v>7520409</v>
      </c>
      <c r="AH20" s="103">
        <v>31868218</v>
      </c>
      <c r="AI20" s="106">
        <v>31868218</v>
      </c>
      <c r="AJ20" s="100">
        <v>0</v>
      </c>
      <c r="AK20" s="104">
        <v>0</v>
      </c>
      <c r="AL20" s="103">
        <v>0</v>
      </c>
      <c r="AM20" s="100">
        <v>0</v>
      </c>
      <c r="AN20" s="104">
        <v>0</v>
      </c>
      <c r="AO20" s="104">
        <v>116632</v>
      </c>
      <c r="AP20" s="104">
        <v>396685</v>
      </c>
      <c r="AQ20" s="104">
        <v>975198</v>
      </c>
      <c r="AR20" s="104">
        <v>1454576</v>
      </c>
      <c r="AS20" s="103">
        <v>2943091</v>
      </c>
      <c r="AT20" s="106">
        <v>2943091</v>
      </c>
      <c r="AU20" s="100">
        <v>91715</v>
      </c>
      <c r="AV20" s="104">
        <v>543786</v>
      </c>
      <c r="AW20" s="103">
        <v>635501</v>
      </c>
      <c r="AX20" s="100">
        <v>0</v>
      </c>
      <c r="AY20" s="104">
        <v>2139504</v>
      </c>
      <c r="AZ20" s="104">
        <v>3884749</v>
      </c>
      <c r="BA20" s="104">
        <v>2367351</v>
      </c>
      <c r="BB20" s="104">
        <v>1870538</v>
      </c>
      <c r="BC20" s="104">
        <v>2297684</v>
      </c>
      <c r="BD20" s="103">
        <v>12559826</v>
      </c>
      <c r="BE20" s="106">
        <v>13195327</v>
      </c>
      <c r="BF20" s="100">
        <v>0</v>
      </c>
      <c r="BG20" s="104">
        <v>53492</v>
      </c>
      <c r="BH20" s="102">
        <v>53492</v>
      </c>
      <c r="BI20" s="101">
        <v>0</v>
      </c>
      <c r="BJ20" s="104">
        <v>268107</v>
      </c>
      <c r="BK20" s="104">
        <v>448185</v>
      </c>
      <c r="BL20" s="104">
        <v>96027</v>
      </c>
      <c r="BM20" s="104">
        <v>78752</v>
      </c>
      <c r="BN20" s="104">
        <v>207225</v>
      </c>
      <c r="BO20" s="103">
        <v>1098296</v>
      </c>
      <c r="BP20" s="106">
        <v>1151788</v>
      </c>
      <c r="BQ20" s="100">
        <v>209088</v>
      </c>
      <c r="BR20" s="104">
        <v>118125</v>
      </c>
      <c r="BS20" s="103">
        <v>327213</v>
      </c>
      <c r="BT20" s="100">
        <v>0</v>
      </c>
      <c r="BU20" s="104">
        <v>1675172</v>
      </c>
      <c r="BV20" s="104">
        <v>1748493</v>
      </c>
      <c r="BW20" s="104">
        <v>1553822</v>
      </c>
      <c r="BX20" s="104">
        <v>1487735</v>
      </c>
      <c r="BY20" s="104">
        <v>1067810</v>
      </c>
      <c r="BZ20" s="103">
        <v>7533032</v>
      </c>
      <c r="CA20" s="106">
        <v>7860245</v>
      </c>
      <c r="CB20" s="100">
        <v>24088</v>
      </c>
      <c r="CC20" s="104">
        <v>220686</v>
      </c>
      <c r="CD20" s="103">
        <v>244774</v>
      </c>
      <c r="CE20" s="100">
        <v>0</v>
      </c>
      <c r="CF20" s="104">
        <v>9597137</v>
      </c>
      <c r="CG20" s="104">
        <v>12525187</v>
      </c>
      <c r="CH20" s="104">
        <v>9049794</v>
      </c>
      <c r="CI20" s="104">
        <v>3847134</v>
      </c>
      <c r="CJ20" s="104">
        <v>2295045</v>
      </c>
      <c r="CK20" s="103">
        <v>37314297</v>
      </c>
      <c r="CL20" s="106">
        <v>37559071</v>
      </c>
      <c r="CM20" s="100">
        <v>0</v>
      </c>
      <c r="CN20" s="104">
        <v>0</v>
      </c>
      <c r="CO20" s="103">
        <v>0</v>
      </c>
      <c r="CP20" s="101">
        <v>0</v>
      </c>
      <c r="CQ20" s="104">
        <v>7378038</v>
      </c>
      <c r="CR20" s="104">
        <v>10250418</v>
      </c>
      <c r="CS20" s="104">
        <v>6577293</v>
      </c>
      <c r="CT20" s="104">
        <v>2346407</v>
      </c>
      <c r="CU20" s="104">
        <v>1574842</v>
      </c>
      <c r="CV20" s="103">
        <v>28126998</v>
      </c>
      <c r="CW20" s="106">
        <v>28126998</v>
      </c>
      <c r="CX20" s="100">
        <v>24088</v>
      </c>
      <c r="CY20" s="104">
        <v>220686</v>
      </c>
      <c r="CZ20" s="103">
        <v>244774</v>
      </c>
      <c r="DA20" s="100">
        <v>0</v>
      </c>
      <c r="DB20" s="104">
        <v>2219099</v>
      </c>
      <c r="DC20" s="104">
        <v>2274769</v>
      </c>
      <c r="DD20" s="104">
        <v>2472501</v>
      </c>
      <c r="DE20" s="104">
        <v>1500727</v>
      </c>
      <c r="DF20" s="104">
        <v>720203</v>
      </c>
      <c r="DG20" s="103">
        <v>9187299</v>
      </c>
      <c r="DH20" s="106">
        <v>9432073</v>
      </c>
      <c r="DI20" s="100">
        <v>0</v>
      </c>
      <c r="DJ20" s="104">
        <v>7771</v>
      </c>
      <c r="DK20" s="102">
        <v>7771</v>
      </c>
      <c r="DL20" s="101">
        <v>0</v>
      </c>
      <c r="DM20" s="104">
        <v>1284361</v>
      </c>
      <c r="DN20" s="104">
        <v>1992527</v>
      </c>
      <c r="DO20" s="104">
        <v>8624684</v>
      </c>
      <c r="DP20" s="104">
        <v>5480601</v>
      </c>
      <c r="DQ20" s="104">
        <v>3619261</v>
      </c>
      <c r="DR20" s="103">
        <v>21001434</v>
      </c>
      <c r="DS20" s="106">
        <v>21009205</v>
      </c>
      <c r="DT20" s="100">
        <v>0</v>
      </c>
      <c r="DU20" s="104">
        <v>7771</v>
      </c>
      <c r="DV20" s="103">
        <v>7771</v>
      </c>
      <c r="DW20" s="100">
        <v>0</v>
      </c>
      <c r="DX20" s="104">
        <v>1036599</v>
      </c>
      <c r="DY20" s="104">
        <v>1941251</v>
      </c>
      <c r="DZ20" s="104">
        <v>8212777</v>
      </c>
      <c r="EA20" s="104">
        <v>5229047</v>
      </c>
      <c r="EB20" s="104">
        <v>3619261</v>
      </c>
      <c r="EC20" s="103">
        <v>20038935</v>
      </c>
      <c r="ED20" s="106">
        <v>20046706</v>
      </c>
      <c r="EE20" s="100">
        <v>0</v>
      </c>
      <c r="EF20" s="102">
        <v>0</v>
      </c>
      <c r="EG20" s="103">
        <v>0</v>
      </c>
      <c r="EH20" s="100">
        <v>0</v>
      </c>
      <c r="EI20" s="104">
        <v>247762</v>
      </c>
      <c r="EJ20" s="104">
        <v>51276</v>
      </c>
      <c r="EK20" s="104">
        <v>411907</v>
      </c>
      <c r="EL20" s="104">
        <v>251554</v>
      </c>
      <c r="EM20" s="104">
        <v>0</v>
      </c>
      <c r="EN20" s="102">
        <v>962499</v>
      </c>
      <c r="EO20" s="106">
        <v>962499</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2"/>
      <c r="FE20" s="104">
        <v>0</v>
      </c>
      <c r="FF20" s="104">
        <v>0</v>
      </c>
      <c r="FG20" s="104">
        <v>0</v>
      </c>
      <c r="FH20" s="104">
        <v>0</v>
      </c>
      <c r="FI20" s="104">
        <v>0</v>
      </c>
      <c r="FJ20" s="103">
        <v>0</v>
      </c>
      <c r="FK20" s="106">
        <v>0</v>
      </c>
      <c r="FL20" s="100">
        <v>728810</v>
      </c>
      <c r="FM20" s="104">
        <v>1601280</v>
      </c>
      <c r="FN20" s="103">
        <v>2330090</v>
      </c>
      <c r="FO20" s="100">
        <v>0</v>
      </c>
      <c r="FP20" s="104">
        <v>2393331</v>
      </c>
      <c r="FQ20" s="104">
        <v>5309587</v>
      </c>
      <c r="FR20" s="104">
        <v>3212893</v>
      </c>
      <c r="FS20" s="104">
        <v>2482573</v>
      </c>
      <c r="FT20" s="104">
        <v>2030716</v>
      </c>
      <c r="FU20" s="103">
        <v>15429100</v>
      </c>
      <c r="FV20" s="106">
        <v>17759190</v>
      </c>
      <c r="FW20" s="105">
        <v>393146</v>
      </c>
      <c r="FX20" s="104">
        <v>859140</v>
      </c>
      <c r="FY20" s="102">
        <v>1252286</v>
      </c>
      <c r="FZ20" s="101">
        <v>0</v>
      </c>
      <c r="GA20" s="104">
        <v>1579589</v>
      </c>
      <c r="GB20" s="104">
        <v>4791091</v>
      </c>
      <c r="GC20" s="104">
        <v>2990670</v>
      </c>
      <c r="GD20" s="104">
        <v>2093053</v>
      </c>
      <c r="GE20" s="104">
        <v>1850716</v>
      </c>
      <c r="GF20" s="103">
        <v>13305119</v>
      </c>
      <c r="GG20" s="294">
        <v>14557405</v>
      </c>
      <c r="GH20" s="105">
        <v>95364</v>
      </c>
      <c r="GI20" s="104">
        <v>65340</v>
      </c>
      <c r="GJ20" s="102">
        <v>160704</v>
      </c>
      <c r="GK20" s="101">
        <v>0</v>
      </c>
      <c r="GL20" s="104">
        <v>180180</v>
      </c>
      <c r="GM20" s="104">
        <v>145936</v>
      </c>
      <c r="GN20" s="104">
        <v>95058</v>
      </c>
      <c r="GO20" s="104">
        <v>103320</v>
      </c>
      <c r="GP20" s="104">
        <v>0</v>
      </c>
      <c r="GQ20" s="103">
        <v>524494</v>
      </c>
      <c r="GR20" s="106">
        <v>685198</v>
      </c>
      <c r="GS20" s="100">
        <v>240300</v>
      </c>
      <c r="GT20" s="104">
        <v>676800</v>
      </c>
      <c r="GU20" s="103">
        <v>917100</v>
      </c>
      <c r="GV20" s="100">
        <v>0</v>
      </c>
      <c r="GW20" s="104">
        <v>633562</v>
      </c>
      <c r="GX20" s="104">
        <v>372560</v>
      </c>
      <c r="GY20" s="104">
        <v>127165</v>
      </c>
      <c r="GZ20" s="104">
        <v>286200</v>
      </c>
      <c r="HA20" s="104">
        <v>180000</v>
      </c>
      <c r="HB20" s="102">
        <v>1599487</v>
      </c>
      <c r="HC20" s="106">
        <v>2516587</v>
      </c>
      <c r="HD20" s="100">
        <v>1405123</v>
      </c>
      <c r="HE20" s="104">
        <v>937850</v>
      </c>
      <c r="HF20" s="102">
        <v>2342973</v>
      </c>
      <c r="HG20" s="101">
        <v>0</v>
      </c>
      <c r="HH20" s="104">
        <v>9845847</v>
      </c>
      <c r="HI20" s="104">
        <v>5887526</v>
      </c>
      <c r="HJ20" s="104">
        <v>6392385</v>
      </c>
      <c r="HK20" s="104">
        <v>8494966</v>
      </c>
      <c r="HL20" s="104">
        <v>3547149</v>
      </c>
      <c r="HM20" s="103">
        <v>34167873</v>
      </c>
      <c r="HN20" s="99">
        <v>36510846</v>
      </c>
      <c r="HO20" s="105">
        <v>375855</v>
      </c>
      <c r="HP20" s="104">
        <v>795903</v>
      </c>
      <c r="HQ20" s="103">
        <v>1171758</v>
      </c>
      <c r="HR20" s="100">
        <v>0</v>
      </c>
      <c r="HS20" s="104">
        <v>7522717</v>
      </c>
      <c r="HT20" s="104">
        <v>8026366</v>
      </c>
      <c r="HU20" s="104">
        <v>4734568</v>
      </c>
      <c r="HV20" s="104">
        <v>2499941</v>
      </c>
      <c r="HW20" s="104">
        <v>1733422</v>
      </c>
      <c r="HX20" s="102">
        <v>24517014</v>
      </c>
      <c r="HY20" s="106">
        <v>25688772</v>
      </c>
      <c r="HZ20" s="137">
        <v>139833</v>
      </c>
      <c r="IA20" s="122">
        <v>2131219</v>
      </c>
      <c r="IB20" s="137">
        <v>2271052</v>
      </c>
      <c r="IC20" s="121">
        <v>0</v>
      </c>
      <c r="ID20" s="122">
        <v>20598919</v>
      </c>
      <c r="IE20" s="123">
        <v>26856790</v>
      </c>
      <c r="IF20" s="124">
        <v>25784625</v>
      </c>
      <c r="IG20" s="122">
        <v>16666744</v>
      </c>
      <c r="IH20" s="124">
        <v>11397404</v>
      </c>
      <c r="II20" s="125">
        <v>101304482</v>
      </c>
      <c r="IJ20" s="137">
        <v>103575534</v>
      </c>
      <c r="IK20" s="219">
        <v>0</v>
      </c>
      <c r="IL20" s="223">
        <v>0</v>
      </c>
      <c r="IM20" s="224">
        <v>0</v>
      </c>
      <c r="IN20" s="127"/>
      <c r="IO20" s="109">
        <v>384026</v>
      </c>
      <c r="IP20" s="109">
        <v>1040821</v>
      </c>
      <c r="IQ20" s="109">
        <v>862499</v>
      </c>
      <c r="IR20" s="109">
        <v>915224</v>
      </c>
      <c r="IS20" s="109">
        <v>1378075</v>
      </c>
      <c r="IT20" s="128">
        <v>4580645</v>
      </c>
      <c r="IU20" s="296">
        <v>4580645</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8614400</v>
      </c>
      <c r="JL20" s="109">
        <v>10879045</v>
      </c>
      <c r="JM20" s="109">
        <v>7541218</v>
      </c>
      <c r="JN20" s="109">
        <v>3182830</v>
      </c>
      <c r="JO20" s="109">
        <v>1510273</v>
      </c>
      <c r="JP20" s="110">
        <v>31727766</v>
      </c>
      <c r="JQ20" s="296">
        <v>31727766</v>
      </c>
      <c r="JR20" s="129">
        <v>0</v>
      </c>
      <c r="JS20" s="109">
        <v>0</v>
      </c>
      <c r="JT20" s="128">
        <v>0</v>
      </c>
      <c r="JU20" s="108">
        <v>0</v>
      </c>
      <c r="JV20" s="109">
        <v>189978</v>
      </c>
      <c r="JW20" s="109">
        <v>233166</v>
      </c>
      <c r="JX20" s="109">
        <v>980665</v>
      </c>
      <c r="JY20" s="109">
        <v>113023</v>
      </c>
      <c r="JZ20" s="109">
        <v>272354</v>
      </c>
      <c r="KA20" s="110">
        <v>1789186</v>
      </c>
      <c r="KB20" s="296">
        <v>1789186</v>
      </c>
      <c r="KC20" s="221">
        <v>139833</v>
      </c>
      <c r="KD20" s="217">
        <v>1163359</v>
      </c>
      <c r="KE20" s="110">
        <v>1303192</v>
      </c>
      <c r="KF20" s="108">
        <v>0</v>
      </c>
      <c r="KG20" s="109">
        <v>1590157</v>
      </c>
      <c r="KH20" s="109">
        <v>1561558</v>
      </c>
      <c r="KI20" s="109">
        <v>1784559</v>
      </c>
      <c r="KJ20" s="109">
        <v>1891207</v>
      </c>
      <c r="KK20" s="109">
        <v>1192280</v>
      </c>
      <c r="KL20" s="110">
        <v>8019761</v>
      </c>
      <c r="KM20" s="130">
        <v>9322953</v>
      </c>
      <c r="KN20" s="219">
        <v>0</v>
      </c>
      <c r="KO20" s="223">
        <v>967860</v>
      </c>
      <c r="KP20" s="224">
        <v>967860</v>
      </c>
      <c r="KQ20" s="127"/>
      <c r="KR20" s="109">
        <v>8797063</v>
      </c>
      <c r="KS20" s="109">
        <v>10988362</v>
      </c>
      <c r="KT20" s="109">
        <v>10727730</v>
      </c>
      <c r="KU20" s="109">
        <v>6799395</v>
      </c>
      <c r="KV20" s="109">
        <v>4554755</v>
      </c>
      <c r="KW20" s="110">
        <v>41867305</v>
      </c>
      <c r="KX20" s="296">
        <v>42835165</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2531479</v>
      </c>
      <c r="LQ20" s="109">
        <v>3765065</v>
      </c>
      <c r="LR20" s="109">
        <v>2146358</v>
      </c>
      <c r="LS20" s="110">
        <v>8442902</v>
      </c>
      <c r="LT20" s="296">
        <v>8442902</v>
      </c>
      <c r="LU20" s="129">
        <v>0</v>
      </c>
      <c r="LV20" s="109">
        <v>0</v>
      </c>
      <c r="LW20" s="110">
        <v>0</v>
      </c>
      <c r="LX20" s="132"/>
      <c r="LY20" s="109">
        <v>1023295</v>
      </c>
      <c r="LZ20" s="109">
        <v>2153838</v>
      </c>
      <c r="MA20" s="109">
        <v>1356475</v>
      </c>
      <c r="MB20" s="109">
        <v>0</v>
      </c>
      <c r="MC20" s="109">
        <v>343309</v>
      </c>
      <c r="MD20" s="110">
        <v>4876917</v>
      </c>
      <c r="ME20" s="111">
        <v>4876917</v>
      </c>
      <c r="MF20" s="129">
        <v>0</v>
      </c>
      <c r="MG20" s="109">
        <v>0</v>
      </c>
      <c r="MH20" s="110">
        <v>0</v>
      </c>
      <c r="MI20" s="132"/>
      <c r="MJ20" s="109">
        <v>4111069</v>
      </c>
      <c r="MK20" s="109">
        <v>10020301</v>
      </c>
      <c r="ML20" s="109">
        <v>33347934</v>
      </c>
      <c r="MM20" s="109">
        <v>61533385</v>
      </c>
      <c r="MN20" s="109">
        <v>32156902</v>
      </c>
      <c r="MO20" s="110">
        <v>141169591</v>
      </c>
      <c r="MP20" s="130">
        <v>141169591</v>
      </c>
      <c r="MQ20" s="129">
        <v>0</v>
      </c>
      <c r="MR20" s="109">
        <v>0</v>
      </c>
      <c r="MS20" s="110">
        <v>0</v>
      </c>
      <c r="MT20" s="132"/>
      <c r="MU20" s="109">
        <v>203862</v>
      </c>
      <c r="MV20" s="109">
        <v>0</v>
      </c>
      <c r="MW20" s="109">
        <v>21390260</v>
      </c>
      <c r="MX20" s="109">
        <v>41277088</v>
      </c>
      <c r="MY20" s="109">
        <v>23611521</v>
      </c>
      <c r="MZ20" s="110">
        <v>86482731</v>
      </c>
      <c r="NA20" s="130">
        <v>86482731</v>
      </c>
      <c r="NB20" s="129">
        <v>0</v>
      </c>
      <c r="NC20" s="109">
        <v>0</v>
      </c>
      <c r="ND20" s="110">
        <v>0</v>
      </c>
      <c r="NE20" s="132"/>
      <c r="NF20" s="109">
        <v>3907207</v>
      </c>
      <c r="NG20" s="109">
        <v>10020301</v>
      </c>
      <c r="NH20" s="109">
        <v>11957674</v>
      </c>
      <c r="NI20" s="109">
        <v>20256297</v>
      </c>
      <c r="NJ20" s="109">
        <v>8545381</v>
      </c>
      <c r="NK20" s="110">
        <v>54686860</v>
      </c>
      <c r="NL20" s="296">
        <v>54686860</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974512</v>
      </c>
      <c r="OJ20" s="109">
        <v>6410112</v>
      </c>
      <c r="OK20" s="128">
        <v>9384624</v>
      </c>
      <c r="OL20" s="108">
        <v>0</v>
      </c>
      <c r="OM20" s="109">
        <v>63121568</v>
      </c>
      <c r="ON20" s="109">
        <v>84578522</v>
      </c>
      <c r="OO20" s="109">
        <v>102309951</v>
      </c>
      <c r="OP20" s="109">
        <v>111568610</v>
      </c>
      <c r="OQ20" s="109">
        <v>69327603</v>
      </c>
      <c r="OR20" s="110">
        <v>430906254</v>
      </c>
      <c r="OS20" s="130">
        <v>440290878</v>
      </c>
    </row>
    <row r="21" spans="2:409" ht="21" customHeight="1" x14ac:dyDescent="0.2">
      <c r="B21" s="468" t="s">
        <v>16</v>
      </c>
      <c r="C21" s="100">
        <v>5666293</v>
      </c>
      <c r="D21" s="104">
        <v>13969950</v>
      </c>
      <c r="E21" s="103">
        <v>19636243</v>
      </c>
      <c r="F21" s="99">
        <v>0</v>
      </c>
      <c r="G21" s="104">
        <v>80458390</v>
      </c>
      <c r="H21" s="104">
        <v>143091360</v>
      </c>
      <c r="I21" s="104">
        <v>106280054</v>
      </c>
      <c r="J21" s="104">
        <v>103043090</v>
      </c>
      <c r="K21" s="104">
        <v>69081007</v>
      </c>
      <c r="L21" s="99">
        <v>501953901</v>
      </c>
      <c r="M21" s="106">
        <v>521590144</v>
      </c>
      <c r="N21" s="100">
        <v>1166743</v>
      </c>
      <c r="O21" s="104">
        <v>2569448</v>
      </c>
      <c r="P21" s="103">
        <v>3736191</v>
      </c>
      <c r="Q21" s="100">
        <v>0</v>
      </c>
      <c r="R21" s="104">
        <v>17284026</v>
      </c>
      <c r="S21" s="104">
        <v>34644957</v>
      </c>
      <c r="T21" s="104">
        <v>26778138</v>
      </c>
      <c r="U21" s="104">
        <v>32107603</v>
      </c>
      <c r="V21" s="104">
        <v>26108409</v>
      </c>
      <c r="W21" s="103">
        <v>136923133</v>
      </c>
      <c r="X21" s="106">
        <v>140659324</v>
      </c>
      <c r="Y21" s="100">
        <v>0</v>
      </c>
      <c r="Z21" s="104">
        <v>0</v>
      </c>
      <c r="AA21" s="103">
        <v>0</v>
      </c>
      <c r="AB21" s="100">
        <v>0</v>
      </c>
      <c r="AC21" s="104">
        <v>7200215</v>
      </c>
      <c r="AD21" s="104">
        <v>13517790</v>
      </c>
      <c r="AE21" s="104">
        <v>12370371</v>
      </c>
      <c r="AF21" s="104">
        <v>16934162</v>
      </c>
      <c r="AG21" s="104">
        <v>13335104</v>
      </c>
      <c r="AH21" s="103">
        <v>63357642</v>
      </c>
      <c r="AI21" s="106">
        <v>63357642</v>
      </c>
      <c r="AJ21" s="100">
        <v>0</v>
      </c>
      <c r="AK21" s="104">
        <v>0</v>
      </c>
      <c r="AL21" s="103">
        <v>0</v>
      </c>
      <c r="AM21" s="100">
        <v>0</v>
      </c>
      <c r="AN21" s="104">
        <v>87681</v>
      </c>
      <c r="AO21" s="104">
        <v>393331</v>
      </c>
      <c r="AP21" s="104">
        <v>906136</v>
      </c>
      <c r="AQ21" s="104">
        <v>1441577</v>
      </c>
      <c r="AR21" s="104">
        <v>3029583</v>
      </c>
      <c r="AS21" s="103">
        <v>5858308</v>
      </c>
      <c r="AT21" s="106">
        <v>5858308</v>
      </c>
      <c r="AU21" s="100">
        <v>545395</v>
      </c>
      <c r="AV21" s="104">
        <v>1658872</v>
      </c>
      <c r="AW21" s="103">
        <v>2204267</v>
      </c>
      <c r="AX21" s="100">
        <v>0</v>
      </c>
      <c r="AY21" s="104">
        <v>6760168</v>
      </c>
      <c r="AZ21" s="104">
        <v>14476231</v>
      </c>
      <c r="BA21" s="104">
        <v>8747748</v>
      </c>
      <c r="BB21" s="104">
        <v>9034912</v>
      </c>
      <c r="BC21" s="104">
        <v>6118612</v>
      </c>
      <c r="BD21" s="103">
        <v>45137671</v>
      </c>
      <c r="BE21" s="106">
        <v>47341938</v>
      </c>
      <c r="BF21" s="100">
        <v>115446</v>
      </c>
      <c r="BG21" s="104">
        <v>290890</v>
      </c>
      <c r="BH21" s="102">
        <v>406336</v>
      </c>
      <c r="BI21" s="101">
        <v>0</v>
      </c>
      <c r="BJ21" s="104">
        <v>192912</v>
      </c>
      <c r="BK21" s="104">
        <v>1541646</v>
      </c>
      <c r="BL21" s="104">
        <v>744477</v>
      </c>
      <c r="BM21" s="104">
        <v>320115</v>
      </c>
      <c r="BN21" s="104">
        <v>376022</v>
      </c>
      <c r="BO21" s="103">
        <v>3175172</v>
      </c>
      <c r="BP21" s="106">
        <v>3581508</v>
      </c>
      <c r="BQ21" s="100">
        <v>505902</v>
      </c>
      <c r="BR21" s="104">
        <v>619686</v>
      </c>
      <c r="BS21" s="103">
        <v>1125588</v>
      </c>
      <c r="BT21" s="100">
        <v>0</v>
      </c>
      <c r="BU21" s="104">
        <v>3043050</v>
      </c>
      <c r="BV21" s="104">
        <v>4715959</v>
      </c>
      <c r="BW21" s="104">
        <v>4009406</v>
      </c>
      <c r="BX21" s="104">
        <v>4376837</v>
      </c>
      <c r="BY21" s="104">
        <v>3249088</v>
      </c>
      <c r="BZ21" s="103">
        <v>19394340</v>
      </c>
      <c r="CA21" s="106">
        <v>20519928</v>
      </c>
      <c r="CB21" s="100">
        <v>960141</v>
      </c>
      <c r="CC21" s="104">
        <v>4205714</v>
      </c>
      <c r="CD21" s="103">
        <v>5165855</v>
      </c>
      <c r="CE21" s="100">
        <v>0</v>
      </c>
      <c r="CF21" s="104">
        <v>29443638</v>
      </c>
      <c r="CG21" s="104">
        <v>51111118</v>
      </c>
      <c r="CH21" s="104">
        <v>35184807</v>
      </c>
      <c r="CI21" s="104">
        <v>23552792</v>
      </c>
      <c r="CJ21" s="104">
        <v>13271916</v>
      </c>
      <c r="CK21" s="103">
        <v>152564271</v>
      </c>
      <c r="CL21" s="106">
        <v>157730126</v>
      </c>
      <c r="CM21" s="100">
        <v>0</v>
      </c>
      <c r="CN21" s="104">
        <v>0</v>
      </c>
      <c r="CO21" s="103">
        <v>0</v>
      </c>
      <c r="CP21" s="101">
        <v>0</v>
      </c>
      <c r="CQ21" s="104">
        <v>19798189</v>
      </c>
      <c r="CR21" s="104">
        <v>33047606</v>
      </c>
      <c r="CS21" s="104">
        <v>26302059</v>
      </c>
      <c r="CT21" s="104">
        <v>17474520</v>
      </c>
      <c r="CU21" s="104">
        <v>11129435</v>
      </c>
      <c r="CV21" s="103">
        <v>107751809</v>
      </c>
      <c r="CW21" s="106">
        <v>107751809</v>
      </c>
      <c r="CX21" s="100">
        <v>960141</v>
      </c>
      <c r="CY21" s="104">
        <v>4205714</v>
      </c>
      <c r="CZ21" s="103">
        <v>5165855</v>
      </c>
      <c r="DA21" s="100">
        <v>0</v>
      </c>
      <c r="DB21" s="104">
        <v>9645449</v>
      </c>
      <c r="DC21" s="104">
        <v>18063512</v>
      </c>
      <c r="DD21" s="104">
        <v>8882748</v>
      </c>
      <c r="DE21" s="104">
        <v>6078272</v>
      </c>
      <c r="DF21" s="104">
        <v>2142481</v>
      </c>
      <c r="DG21" s="103">
        <v>44812462</v>
      </c>
      <c r="DH21" s="106">
        <v>49978317</v>
      </c>
      <c r="DI21" s="100">
        <v>24746</v>
      </c>
      <c r="DJ21" s="104">
        <v>50063</v>
      </c>
      <c r="DK21" s="102">
        <v>74809</v>
      </c>
      <c r="DL21" s="101">
        <v>0</v>
      </c>
      <c r="DM21" s="104">
        <v>2174101</v>
      </c>
      <c r="DN21" s="104">
        <v>5954150</v>
      </c>
      <c r="DO21" s="104">
        <v>7807327</v>
      </c>
      <c r="DP21" s="104">
        <v>6399650</v>
      </c>
      <c r="DQ21" s="104">
        <v>2230736</v>
      </c>
      <c r="DR21" s="103">
        <v>24565964</v>
      </c>
      <c r="DS21" s="106">
        <v>24640773</v>
      </c>
      <c r="DT21" s="100">
        <v>24746</v>
      </c>
      <c r="DU21" s="104">
        <v>50063</v>
      </c>
      <c r="DV21" s="103">
        <v>74809</v>
      </c>
      <c r="DW21" s="100">
        <v>0</v>
      </c>
      <c r="DX21" s="104">
        <v>1807319</v>
      </c>
      <c r="DY21" s="104">
        <v>5089023</v>
      </c>
      <c r="DZ21" s="104">
        <v>7054980</v>
      </c>
      <c r="EA21" s="104">
        <v>5212192</v>
      </c>
      <c r="EB21" s="104">
        <v>2009693</v>
      </c>
      <c r="EC21" s="103">
        <v>21173207</v>
      </c>
      <c r="ED21" s="106">
        <v>21248016</v>
      </c>
      <c r="EE21" s="100">
        <v>0</v>
      </c>
      <c r="EF21" s="102">
        <v>0</v>
      </c>
      <c r="EG21" s="103">
        <v>0</v>
      </c>
      <c r="EH21" s="100">
        <v>0</v>
      </c>
      <c r="EI21" s="104">
        <v>366782</v>
      </c>
      <c r="EJ21" s="104">
        <v>865127</v>
      </c>
      <c r="EK21" s="104">
        <v>752347</v>
      </c>
      <c r="EL21" s="104">
        <v>1187458</v>
      </c>
      <c r="EM21" s="104">
        <v>221043</v>
      </c>
      <c r="EN21" s="102">
        <v>3392757</v>
      </c>
      <c r="EO21" s="106">
        <v>3392757</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2"/>
      <c r="FE21" s="104">
        <v>0</v>
      </c>
      <c r="FF21" s="104">
        <v>0</v>
      </c>
      <c r="FG21" s="104">
        <v>0</v>
      </c>
      <c r="FH21" s="104">
        <v>0</v>
      </c>
      <c r="FI21" s="104">
        <v>0</v>
      </c>
      <c r="FJ21" s="103">
        <v>0</v>
      </c>
      <c r="FK21" s="106">
        <v>0</v>
      </c>
      <c r="FL21" s="100">
        <v>1193160</v>
      </c>
      <c r="FM21" s="104">
        <v>3341290</v>
      </c>
      <c r="FN21" s="103">
        <v>4534450</v>
      </c>
      <c r="FO21" s="100">
        <v>0</v>
      </c>
      <c r="FP21" s="104">
        <v>3360489</v>
      </c>
      <c r="FQ21" s="104">
        <v>13126752</v>
      </c>
      <c r="FR21" s="104">
        <v>7640066</v>
      </c>
      <c r="FS21" s="104">
        <v>8168295</v>
      </c>
      <c r="FT21" s="104">
        <v>5287881</v>
      </c>
      <c r="FU21" s="103">
        <v>37583483</v>
      </c>
      <c r="FV21" s="106">
        <v>42117933</v>
      </c>
      <c r="FW21" s="105">
        <v>881454</v>
      </c>
      <c r="FX21" s="104">
        <v>2364430</v>
      </c>
      <c r="FY21" s="102">
        <v>3245884</v>
      </c>
      <c r="FZ21" s="101">
        <v>0</v>
      </c>
      <c r="GA21" s="104">
        <v>2713623</v>
      </c>
      <c r="GB21" s="104">
        <v>12076141</v>
      </c>
      <c r="GC21" s="104">
        <v>7423841</v>
      </c>
      <c r="GD21" s="104">
        <v>6990119</v>
      </c>
      <c r="GE21" s="104">
        <v>5039809</v>
      </c>
      <c r="GF21" s="103">
        <v>34243533</v>
      </c>
      <c r="GG21" s="294">
        <v>37489417</v>
      </c>
      <c r="GH21" s="105">
        <v>72774</v>
      </c>
      <c r="GI21" s="104">
        <v>309411</v>
      </c>
      <c r="GJ21" s="102">
        <v>382185</v>
      </c>
      <c r="GK21" s="101">
        <v>0</v>
      </c>
      <c r="GL21" s="104">
        <v>356166</v>
      </c>
      <c r="GM21" s="104">
        <v>417087</v>
      </c>
      <c r="GN21" s="104">
        <v>174015</v>
      </c>
      <c r="GO21" s="104">
        <v>456604</v>
      </c>
      <c r="GP21" s="104">
        <v>97372</v>
      </c>
      <c r="GQ21" s="103">
        <v>1501244</v>
      </c>
      <c r="GR21" s="106">
        <v>1883429</v>
      </c>
      <c r="GS21" s="100">
        <v>238932</v>
      </c>
      <c r="GT21" s="104">
        <v>667449</v>
      </c>
      <c r="GU21" s="103">
        <v>906381</v>
      </c>
      <c r="GV21" s="100">
        <v>0</v>
      </c>
      <c r="GW21" s="104">
        <v>290700</v>
      </c>
      <c r="GX21" s="104">
        <v>633524</v>
      </c>
      <c r="GY21" s="104">
        <v>42210</v>
      </c>
      <c r="GZ21" s="104">
        <v>721572</v>
      </c>
      <c r="HA21" s="104">
        <v>150700</v>
      </c>
      <c r="HB21" s="102">
        <v>1838706</v>
      </c>
      <c r="HC21" s="106">
        <v>2745087</v>
      </c>
      <c r="HD21" s="100">
        <v>1324576</v>
      </c>
      <c r="HE21" s="104">
        <v>1597521</v>
      </c>
      <c r="HF21" s="102">
        <v>2922097</v>
      </c>
      <c r="HG21" s="101">
        <v>0</v>
      </c>
      <c r="HH21" s="104">
        <v>15901613</v>
      </c>
      <c r="HI21" s="104">
        <v>21395003</v>
      </c>
      <c r="HJ21" s="104">
        <v>18738399</v>
      </c>
      <c r="HK21" s="104">
        <v>25890967</v>
      </c>
      <c r="HL21" s="104">
        <v>18284390</v>
      </c>
      <c r="HM21" s="103">
        <v>100210372</v>
      </c>
      <c r="HN21" s="99">
        <v>103132469</v>
      </c>
      <c r="HO21" s="105">
        <v>996927</v>
      </c>
      <c r="HP21" s="104">
        <v>2205914</v>
      </c>
      <c r="HQ21" s="103">
        <v>3202841</v>
      </c>
      <c r="HR21" s="100">
        <v>0</v>
      </c>
      <c r="HS21" s="104">
        <v>12294523</v>
      </c>
      <c r="HT21" s="104">
        <v>16859380</v>
      </c>
      <c r="HU21" s="104">
        <v>10131317</v>
      </c>
      <c r="HV21" s="104">
        <v>6923783</v>
      </c>
      <c r="HW21" s="104">
        <v>3897675</v>
      </c>
      <c r="HX21" s="102">
        <v>50106678</v>
      </c>
      <c r="HY21" s="106">
        <v>53309519</v>
      </c>
      <c r="HZ21" s="118">
        <v>93322</v>
      </c>
      <c r="IA21" s="119">
        <v>498814</v>
      </c>
      <c r="IB21" s="120">
        <v>592136</v>
      </c>
      <c r="IC21" s="133">
        <v>0</v>
      </c>
      <c r="ID21" s="119">
        <v>13965399</v>
      </c>
      <c r="IE21" s="134">
        <v>28910873</v>
      </c>
      <c r="IF21" s="120">
        <v>34366962</v>
      </c>
      <c r="IG21" s="119">
        <v>24093545</v>
      </c>
      <c r="IH21" s="120">
        <v>22062676</v>
      </c>
      <c r="II21" s="135">
        <v>123399455</v>
      </c>
      <c r="IJ21" s="126">
        <v>123991591</v>
      </c>
      <c r="IK21" s="219">
        <v>0</v>
      </c>
      <c r="IL21" s="223">
        <v>0</v>
      </c>
      <c r="IM21" s="224">
        <v>0</v>
      </c>
      <c r="IN21" s="127"/>
      <c r="IO21" s="109">
        <v>491678</v>
      </c>
      <c r="IP21" s="109">
        <v>1954579</v>
      </c>
      <c r="IQ21" s="109">
        <v>2443291</v>
      </c>
      <c r="IR21" s="109">
        <v>1646802</v>
      </c>
      <c r="IS21" s="109">
        <v>2678337</v>
      </c>
      <c r="IT21" s="128">
        <v>9214687</v>
      </c>
      <c r="IU21" s="296">
        <v>9214687</v>
      </c>
      <c r="IV21" s="129">
        <v>0</v>
      </c>
      <c r="IW21" s="109">
        <v>0</v>
      </c>
      <c r="IX21" s="110">
        <v>0</v>
      </c>
      <c r="IY21" s="131"/>
      <c r="IZ21" s="109">
        <v>0</v>
      </c>
      <c r="JA21" s="109">
        <v>18446</v>
      </c>
      <c r="JB21" s="109">
        <v>59559</v>
      </c>
      <c r="JC21" s="109">
        <v>398308</v>
      </c>
      <c r="JD21" s="109">
        <v>39771</v>
      </c>
      <c r="JE21" s="110">
        <v>516084</v>
      </c>
      <c r="JF21" s="111">
        <v>516084</v>
      </c>
      <c r="JG21" s="129">
        <v>0</v>
      </c>
      <c r="JH21" s="109">
        <v>0</v>
      </c>
      <c r="JI21" s="128">
        <v>0</v>
      </c>
      <c r="JJ21" s="108">
        <v>0</v>
      </c>
      <c r="JK21" s="109">
        <v>6180432</v>
      </c>
      <c r="JL21" s="109">
        <v>9573925</v>
      </c>
      <c r="JM21" s="109">
        <v>7759706</v>
      </c>
      <c r="JN21" s="109">
        <v>4684383</v>
      </c>
      <c r="JO21" s="109">
        <v>1776164</v>
      </c>
      <c r="JP21" s="110">
        <v>29974610</v>
      </c>
      <c r="JQ21" s="296">
        <v>29974610</v>
      </c>
      <c r="JR21" s="129">
        <v>0</v>
      </c>
      <c r="JS21" s="109">
        <v>0</v>
      </c>
      <c r="JT21" s="128">
        <v>0</v>
      </c>
      <c r="JU21" s="108">
        <v>0</v>
      </c>
      <c r="JV21" s="109">
        <v>479064</v>
      </c>
      <c r="JW21" s="109">
        <v>1560191</v>
      </c>
      <c r="JX21" s="109">
        <v>791891</v>
      </c>
      <c r="JY21" s="109">
        <v>735295</v>
      </c>
      <c r="JZ21" s="109">
        <v>728621</v>
      </c>
      <c r="KA21" s="110">
        <v>4295062</v>
      </c>
      <c r="KB21" s="296">
        <v>4295062</v>
      </c>
      <c r="KC21" s="221">
        <v>93322</v>
      </c>
      <c r="KD21" s="217">
        <v>253487</v>
      </c>
      <c r="KE21" s="110">
        <v>346809</v>
      </c>
      <c r="KF21" s="108">
        <v>0</v>
      </c>
      <c r="KG21" s="109">
        <v>2217397</v>
      </c>
      <c r="KH21" s="109">
        <v>3769275</v>
      </c>
      <c r="KI21" s="109">
        <v>4816085</v>
      </c>
      <c r="KJ21" s="109">
        <v>4907994</v>
      </c>
      <c r="KK21" s="109">
        <v>2716864</v>
      </c>
      <c r="KL21" s="110">
        <v>18427615</v>
      </c>
      <c r="KM21" s="130">
        <v>18774424</v>
      </c>
      <c r="KN21" s="219">
        <v>0</v>
      </c>
      <c r="KO21" s="223">
        <v>245327</v>
      </c>
      <c r="KP21" s="224">
        <v>245327</v>
      </c>
      <c r="KQ21" s="127"/>
      <c r="KR21" s="109">
        <v>4455022</v>
      </c>
      <c r="KS21" s="109">
        <v>10320846</v>
      </c>
      <c r="KT21" s="109">
        <v>15270145</v>
      </c>
      <c r="KU21" s="109">
        <v>8278170</v>
      </c>
      <c r="KV21" s="109">
        <v>8618403</v>
      </c>
      <c r="KW21" s="110">
        <v>46942586</v>
      </c>
      <c r="KX21" s="296">
        <v>47187913</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508308</v>
      </c>
      <c r="LP21" s="109">
        <v>1658352</v>
      </c>
      <c r="LQ21" s="109">
        <v>2399241</v>
      </c>
      <c r="LR21" s="109">
        <v>4163128</v>
      </c>
      <c r="LS21" s="110">
        <v>8729029</v>
      </c>
      <c r="LT21" s="296">
        <v>8729029</v>
      </c>
      <c r="LU21" s="129">
        <v>0</v>
      </c>
      <c r="LV21" s="109">
        <v>0</v>
      </c>
      <c r="LW21" s="110">
        <v>0</v>
      </c>
      <c r="LX21" s="132"/>
      <c r="LY21" s="109">
        <v>141806</v>
      </c>
      <c r="LZ21" s="109">
        <v>1205303</v>
      </c>
      <c r="MA21" s="109">
        <v>1567933</v>
      </c>
      <c r="MB21" s="109">
        <v>1043352</v>
      </c>
      <c r="MC21" s="109">
        <v>1341388</v>
      </c>
      <c r="MD21" s="110">
        <v>5299782</v>
      </c>
      <c r="ME21" s="111">
        <v>5299782</v>
      </c>
      <c r="MF21" s="129">
        <v>0</v>
      </c>
      <c r="MG21" s="109">
        <v>0</v>
      </c>
      <c r="MH21" s="110">
        <v>0</v>
      </c>
      <c r="MI21" s="132"/>
      <c r="MJ21" s="109">
        <v>12634789</v>
      </c>
      <c r="MK21" s="109">
        <v>28154569</v>
      </c>
      <c r="ML21" s="109">
        <v>91838469</v>
      </c>
      <c r="MM21" s="109">
        <v>134541463</v>
      </c>
      <c r="MN21" s="109">
        <v>81808563</v>
      </c>
      <c r="MO21" s="110">
        <v>348977853</v>
      </c>
      <c r="MP21" s="130">
        <v>348977853</v>
      </c>
      <c r="MQ21" s="129">
        <v>0</v>
      </c>
      <c r="MR21" s="109">
        <v>0</v>
      </c>
      <c r="MS21" s="110">
        <v>0</v>
      </c>
      <c r="MT21" s="132"/>
      <c r="MU21" s="109">
        <v>1043004</v>
      </c>
      <c r="MV21" s="109">
        <v>3555200</v>
      </c>
      <c r="MW21" s="109">
        <v>53196294</v>
      </c>
      <c r="MX21" s="109">
        <v>85519072</v>
      </c>
      <c r="MY21" s="109">
        <v>54528166</v>
      </c>
      <c r="MZ21" s="110">
        <v>197841736</v>
      </c>
      <c r="NA21" s="130">
        <v>197841736</v>
      </c>
      <c r="NB21" s="129">
        <v>0</v>
      </c>
      <c r="NC21" s="109">
        <v>0</v>
      </c>
      <c r="ND21" s="110">
        <v>0</v>
      </c>
      <c r="NE21" s="132"/>
      <c r="NF21" s="109">
        <v>11591785</v>
      </c>
      <c r="NG21" s="109">
        <v>24599369</v>
      </c>
      <c r="NH21" s="109">
        <v>38101837</v>
      </c>
      <c r="NI21" s="109">
        <v>44046974</v>
      </c>
      <c r="NJ21" s="109">
        <v>19524596</v>
      </c>
      <c r="NK21" s="110">
        <v>137864561</v>
      </c>
      <c r="NL21" s="296">
        <v>137864561</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540338</v>
      </c>
      <c r="OE21" s="109">
        <v>4975417</v>
      </c>
      <c r="OF21" s="109">
        <v>7755801</v>
      </c>
      <c r="OG21" s="110">
        <v>13271556</v>
      </c>
      <c r="OH21" s="111">
        <v>13271556</v>
      </c>
      <c r="OI21" s="129">
        <v>5759615</v>
      </c>
      <c r="OJ21" s="109">
        <v>14468764</v>
      </c>
      <c r="OK21" s="128">
        <v>20228379</v>
      </c>
      <c r="OL21" s="108">
        <v>0</v>
      </c>
      <c r="OM21" s="109">
        <v>107058578</v>
      </c>
      <c r="ON21" s="109">
        <v>200156802</v>
      </c>
      <c r="OO21" s="109">
        <v>232485485</v>
      </c>
      <c r="OP21" s="109">
        <v>261678098</v>
      </c>
      <c r="OQ21" s="109">
        <v>172952246</v>
      </c>
      <c r="OR21" s="110">
        <v>974331209</v>
      </c>
      <c r="OS21" s="130">
        <v>994559588</v>
      </c>
    </row>
    <row r="22" spans="2:409" ht="21" customHeight="1" x14ac:dyDescent="0.2">
      <c r="B22" s="468" t="s">
        <v>17</v>
      </c>
      <c r="C22" s="100">
        <v>6701022</v>
      </c>
      <c r="D22" s="104">
        <v>17100218</v>
      </c>
      <c r="E22" s="103">
        <v>23801240</v>
      </c>
      <c r="F22" s="99">
        <v>0</v>
      </c>
      <c r="G22" s="104">
        <v>83999251</v>
      </c>
      <c r="H22" s="104">
        <v>176608796</v>
      </c>
      <c r="I22" s="104">
        <v>149306996</v>
      </c>
      <c r="J22" s="104">
        <v>133405484</v>
      </c>
      <c r="K22" s="104">
        <v>95724275</v>
      </c>
      <c r="L22" s="99">
        <v>639044802</v>
      </c>
      <c r="M22" s="106">
        <v>662846042</v>
      </c>
      <c r="N22" s="100">
        <v>1502199</v>
      </c>
      <c r="O22" s="104">
        <v>3817878</v>
      </c>
      <c r="P22" s="103">
        <v>5320077</v>
      </c>
      <c r="Q22" s="100">
        <v>0</v>
      </c>
      <c r="R22" s="104">
        <v>21235325</v>
      </c>
      <c r="S22" s="104">
        <v>47832038</v>
      </c>
      <c r="T22" s="104">
        <v>48220449</v>
      </c>
      <c r="U22" s="104">
        <v>52980262</v>
      </c>
      <c r="V22" s="104">
        <v>46659889</v>
      </c>
      <c r="W22" s="103">
        <v>216927963</v>
      </c>
      <c r="X22" s="106">
        <v>222248040</v>
      </c>
      <c r="Y22" s="100">
        <v>0</v>
      </c>
      <c r="Z22" s="104">
        <v>0</v>
      </c>
      <c r="AA22" s="103">
        <v>0</v>
      </c>
      <c r="AB22" s="100">
        <v>0</v>
      </c>
      <c r="AC22" s="104">
        <v>8942442</v>
      </c>
      <c r="AD22" s="104">
        <v>24567600</v>
      </c>
      <c r="AE22" s="104">
        <v>29380511</v>
      </c>
      <c r="AF22" s="104">
        <v>32271930</v>
      </c>
      <c r="AG22" s="104">
        <v>26885005</v>
      </c>
      <c r="AH22" s="103">
        <v>122047488</v>
      </c>
      <c r="AI22" s="106">
        <v>122047488</v>
      </c>
      <c r="AJ22" s="100">
        <v>0</v>
      </c>
      <c r="AK22" s="104">
        <v>0</v>
      </c>
      <c r="AL22" s="103">
        <v>0</v>
      </c>
      <c r="AM22" s="100">
        <v>0</v>
      </c>
      <c r="AN22" s="104">
        <v>53296</v>
      </c>
      <c r="AO22" s="104">
        <v>465089</v>
      </c>
      <c r="AP22" s="104">
        <v>1028619</v>
      </c>
      <c r="AQ22" s="104">
        <v>2989708</v>
      </c>
      <c r="AR22" s="104">
        <v>5586784</v>
      </c>
      <c r="AS22" s="103">
        <v>10123496</v>
      </c>
      <c r="AT22" s="106">
        <v>10123496</v>
      </c>
      <c r="AU22" s="100">
        <v>767005</v>
      </c>
      <c r="AV22" s="104">
        <v>2759458</v>
      </c>
      <c r="AW22" s="103">
        <v>3526463</v>
      </c>
      <c r="AX22" s="100">
        <v>0</v>
      </c>
      <c r="AY22" s="104">
        <v>7752523</v>
      </c>
      <c r="AZ22" s="104">
        <v>14527928</v>
      </c>
      <c r="BA22" s="104">
        <v>9866590</v>
      </c>
      <c r="BB22" s="104">
        <v>10727124</v>
      </c>
      <c r="BC22" s="104">
        <v>8536261</v>
      </c>
      <c r="BD22" s="103">
        <v>51410426</v>
      </c>
      <c r="BE22" s="106">
        <v>54936889</v>
      </c>
      <c r="BF22" s="100">
        <v>95062</v>
      </c>
      <c r="BG22" s="104">
        <v>303345</v>
      </c>
      <c r="BH22" s="102">
        <v>398407</v>
      </c>
      <c r="BI22" s="101">
        <v>0</v>
      </c>
      <c r="BJ22" s="104">
        <v>402882</v>
      </c>
      <c r="BK22" s="104">
        <v>1505268</v>
      </c>
      <c r="BL22" s="104">
        <v>1448298</v>
      </c>
      <c r="BM22" s="104">
        <v>775875</v>
      </c>
      <c r="BN22" s="104">
        <v>869702</v>
      </c>
      <c r="BO22" s="103">
        <v>5002025</v>
      </c>
      <c r="BP22" s="106">
        <v>5400432</v>
      </c>
      <c r="BQ22" s="100">
        <v>640132</v>
      </c>
      <c r="BR22" s="104">
        <v>755075</v>
      </c>
      <c r="BS22" s="103">
        <v>1395207</v>
      </c>
      <c r="BT22" s="100">
        <v>0</v>
      </c>
      <c r="BU22" s="104">
        <v>4084182</v>
      </c>
      <c r="BV22" s="104">
        <v>6766153</v>
      </c>
      <c r="BW22" s="104">
        <v>6496431</v>
      </c>
      <c r="BX22" s="104">
        <v>6215625</v>
      </c>
      <c r="BY22" s="104">
        <v>4782137</v>
      </c>
      <c r="BZ22" s="103">
        <v>28344528</v>
      </c>
      <c r="CA22" s="106">
        <v>29739735</v>
      </c>
      <c r="CB22" s="100">
        <v>810766</v>
      </c>
      <c r="CC22" s="104">
        <v>3220060</v>
      </c>
      <c r="CD22" s="103">
        <v>4030826</v>
      </c>
      <c r="CE22" s="100">
        <v>0</v>
      </c>
      <c r="CF22" s="104">
        <v>23205793</v>
      </c>
      <c r="CG22" s="104">
        <v>57834686</v>
      </c>
      <c r="CH22" s="104">
        <v>41248466</v>
      </c>
      <c r="CI22" s="104">
        <v>26132055</v>
      </c>
      <c r="CJ22" s="104">
        <v>14023908</v>
      </c>
      <c r="CK22" s="103">
        <v>162444908</v>
      </c>
      <c r="CL22" s="106">
        <v>166475734</v>
      </c>
      <c r="CM22" s="100">
        <v>0</v>
      </c>
      <c r="CN22" s="104">
        <v>0</v>
      </c>
      <c r="CO22" s="103">
        <v>0</v>
      </c>
      <c r="CP22" s="101">
        <v>0</v>
      </c>
      <c r="CQ22" s="104">
        <v>20054877</v>
      </c>
      <c r="CR22" s="104">
        <v>44487261</v>
      </c>
      <c r="CS22" s="104">
        <v>32497429</v>
      </c>
      <c r="CT22" s="104">
        <v>21263780</v>
      </c>
      <c r="CU22" s="104">
        <v>11719156</v>
      </c>
      <c r="CV22" s="103">
        <v>130022503</v>
      </c>
      <c r="CW22" s="106">
        <v>130022503</v>
      </c>
      <c r="CX22" s="100">
        <v>810766</v>
      </c>
      <c r="CY22" s="104">
        <v>3220060</v>
      </c>
      <c r="CZ22" s="103">
        <v>4030826</v>
      </c>
      <c r="DA22" s="100">
        <v>0</v>
      </c>
      <c r="DB22" s="104">
        <v>3150916</v>
      </c>
      <c r="DC22" s="104">
        <v>13347425</v>
      </c>
      <c r="DD22" s="104">
        <v>8751037</v>
      </c>
      <c r="DE22" s="104">
        <v>4868275</v>
      </c>
      <c r="DF22" s="104">
        <v>2304752</v>
      </c>
      <c r="DG22" s="103">
        <v>32422405</v>
      </c>
      <c r="DH22" s="106">
        <v>36453231</v>
      </c>
      <c r="DI22" s="100">
        <v>21039</v>
      </c>
      <c r="DJ22" s="104">
        <v>142961</v>
      </c>
      <c r="DK22" s="102">
        <v>164000</v>
      </c>
      <c r="DL22" s="101">
        <v>0</v>
      </c>
      <c r="DM22" s="104">
        <v>2804609</v>
      </c>
      <c r="DN22" s="104">
        <v>7310652</v>
      </c>
      <c r="DO22" s="104">
        <v>10824053</v>
      </c>
      <c r="DP22" s="104">
        <v>11608015</v>
      </c>
      <c r="DQ22" s="104">
        <v>5000362</v>
      </c>
      <c r="DR22" s="103">
        <v>37547691</v>
      </c>
      <c r="DS22" s="106">
        <v>37711691</v>
      </c>
      <c r="DT22" s="100">
        <v>21039</v>
      </c>
      <c r="DU22" s="104">
        <v>142961</v>
      </c>
      <c r="DV22" s="103">
        <v>164000</v>
      </c>
      <c r="DW22" s="100">
        <v>0</v>
      </c>
      <c r="DX22" s="104">
        <v>2433803</v>
      </c>
      <c r="DY22" s="104">
        <v>5894944</v>
      </c>
      <c r="DZ22" s="104">
        <v>9534343</v>
      </c>
      <c r="EA22" s="104">
        <v>10432778</v>
      </c>
      <c r="EB22" s="104">
        <v>4036686</v>
      </c>
      <c r="EC22" s="103">
        <v>32332554</v>
      </c>
      <c r="ED22" s="106">
        <v>32496554</v>
      </c>
      <c r="EE22" s="100">
        <v>0</v>
      </c>
      <c r="EF22" s="102">
        <v>0</v>
      </c>
      <c r="EG22" s="103">
        <v>0</v>
      </c>
      <c r="EH22" s="100">
        <v>0</v>
      </c>
      <c r="EI22" s="104">
        <v>370806</v>
      </c>
      <c r="EJ22" s="104">
        <v>1415708</v>
      </c>
      <c r="EK22" s="104">
        <v>1289710</v>
      </c>
      <c r="EL22" s="104">
        <v>1175237</v>
      </c>
      <c r="EM22" s="104">
        <v>963676</v>
      </c>
      <c r="EN22" s="102">
        <v>5215137</v>
      </c>
      <c r="EO22" s="106">
        <v>5215137</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2"/>
      <c r="FE22" s="104">
        <v>0</v>
      </c>
      <c r="FF22" s="104">
        <v>0</v>
      </c>
      <c r="FG22" s="104">
        <v>0</v>
      </c>
      <c r="FH22" s="104">
        <v>0</v>
      </c>
      <c r="FI22" s="104">
        <v>0</v>
      </c>
      <c r="FJ22" s="103">
        <v>0</v>
      </c>
      <c r="FK22" s="106">
        <v>0</v>
      </c>
      <c r="FL22" s="100">
        <v>1277065</v>
      </c>
      <c r="FM22" s="104">
        <v>3852073</v>
      </c>
      <c r="FN22" s="103">
        <v>5129138</v>
      </c>
      <c r="FO22" s="100">
        <v>0</v>
      </c>
      <c r="FP22" s="104">
        <v>4787232</v>
      </c>
      <c r="FQ22" s="104">
        <v>17337040</v>
      </c>
      <c r="FR22" s="104">
        <v>12650462</v>
      </c>
      <c r="FS22" s="104">
        <v>10593376</v>
      </c>
      <c r="FT22" s="104">
        <v>8201516</v>
      </c>
      <c r="FU22" s="103">
        <v>53569626</v>
      </c>
      <c r="FV22" s="106">
        <v>58698764</v>
      </c>
      <c r="FW22" s="105">
        <v>1017221</v>
      </c>
      <c r="FX22" s="104">
        <v>3310237</v>
      </c>
      <c r="FY22" s="102">
        <v>4327458</v>
      </c>
      <c r="FZ22" s="101">
        <v>0</v>
      </c>
      <c r="GA22" s="104">
        <v>3357207</v>
      </c>
      <c r="GB22" s="104">
        <v>15974985</v>
      </c>
      <c r="GC22" s="104">
        <v>11884142</v>
      </c>
      <c r="GD22" s="104">
        <v>10347163</v>
      </c>
      <c r="GE22" s="104">
        <v>7646076</v>
      </c>
      <c r="GF22" s="103">
        <v>49209573</v>
      </c>
      <c r="GG22" s="294">
        <v>53537031</v>
      </c>
      <c r="GH22" s="105">
        <v>81144</v>
      </c>
      <c r="GI22" s="104">
        <v>137736</v>
      </c>
      <c r="GJ22" s="102">
        <v>218880</v>
      </c>
      <c r="GK22" s="101">
        <v>0</v>
      </c>
      <c r="GL22" s="104">
        <v>231057</v>
      </c>
      <c r="GM22" s="104">
        <v>447948</v>
      </c>
      <c r="GN22" s="104">
        <v>514880</v>
      </c>
      <c r="GO22" s="104">
        <v>193113</v>
      </c>
      <c r="GP22" s="104">
        <v>25970</v>
      </c>
      <c r="GQ22" s="103">
        <v>1412968</v>
      </c>
      <c r="GR22" s="106">
        <v>1631848</v>
      </c>
      <c r="GS22" s="100">
        <v>178700</v>
      </c>
      <c r="GT22" s="104">
        <v>404100</v>
      </c>
      <c r="GU22" s="103">
        <v>582800</v>
      </c>
      <c r="GV22" s="100">
        <v>0</v>
      </c>
      <c r="GW22" s="104">
        <v>1198968</v>
      </c>
      <c r="GX22" s="104">
        <v>914107</v>
      </c>
      <c r="GY22" s="104">
        <v>251440</v>
      </c>
      <c r="GZ22" s="104">
        <v>53100</v>
      </c>
      <c r="HA22" s="104">
        <v>529470</v>
      </c>
      <c r="HB22" s="102">
        <v>2947085</v>
      </c>
      <c r="HC22" s="106">
        <v>3529885</v>
      </c>
      <c r="HD22" s="100">
        <v>1804943</v>
      </c>
      <c r="HE22" s="104">
        <v>3121743</v>
      </c>
      <c r="HF22" s="102">
        <v>4926686</v>
      </c>
      <c r="HG22" s="101">
        <v>0</v>
      </c>
      <c r="HH22" s="104">
        <v>17295116</v>
      </c>
      <c r="HI22" s="104">
        <v>22824159</v>
      </c>
      <c r="HJ22" s="104">
        <v>20309615</v>
      </c>
      <c r="HK22" s="104">
        <v>21218720</v>
      </c>
      <c r="HL22" s="104">
        <v>15813218</v>
      </c>
      <c r="HM22" s="103">
        <v>97460828</v>
      </c>
      <c r="HN22" s="99">
        <v>102387514</v>
      </c>
      <c r="HO22" s="105">
        <v>1285010</v>
      </c>
      <c r="HP22" s="104">
        <v>2945503</v>
      </c>
      <c r="HQ22" s="103">
        <v>4230513</v>
      </c>
      <c r="HR22" s="100">
        <v>0</v>
      </c>
      <c r="HS22" s="104">
        <v>14671176</v>
      </c>
      <c r="HT22" s="104">
        <v>23470221</v>
      </c>
      <c r="HU22" s="104">
        <v>16053951</v>
      </c>
      <c r="HV22" s="104">
        <v>10873056</v>
      </c>
      <c r="HW22" s="104">
        <v>6025382</v>
      </c>
      <c r="HX22" s="102">
        <v>71093786</v>
      </c>
      <c r="HY22" s="106">
        <v>75324299</v>
      </c>
      <c r="HZ22" s="137">
        <v>41905</v>
      </c>
      <c r="IA22" s="122">
        <v>339883</v>
      </c>
      <c r="IB22" s="137">
        <v>381788</v>
      </c>
      <c r="IC22" s="121">
        <v>0</v>
      </c>
      <c r="ID22" s="122">
        <v>26570731</v>
      </c>
      <c r="IE22" s="123">
        <v>46396397</v>
      </c>
      <c r="IF22" s="124">
        <v>53453404</v>
      </c>
      <c r="IG22" s="122">
        <v>48153228</v>
      </c>
      <c r="IH22" s="124">
        <v>32619849</v>
      </c>
      <c r="II22" s="125">
        <v>207193609</v>
      </c>
      <c r="IJ22" s="137">
        <v>207575397</v>
      </c>
      <c r="IK22" s="219">
        <v>0</v>
      </c>
      <c r="IL22" s="223">
        <v>0</v>
      </c>
      <c r="IM22" s="224">
        <v>0</v>
      </c>
      <c r="IN22" s="127"/>
      <c r="IO22" s="109">
        <v>107267</v>
      </c>
      <c r="IP22" s="109">
        <v>328686</v>
      </c>
      <c r="IQ22" s="109">
        <v>388281</v>
      </c>
      <c r="IR22" s="109">
        <v>600285</v>
      </c>
      <c r="IS22" s="109">
        <v>242829</v>
      </c>
      <c r="IT22" s="128">
        <v>1667348</v>
      </c>
      <c r="IU22" s="296">
        <v>1667348</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13397396</v>
      </c>
      <c r="JL22" s="109">
        <v>20657374</v>
      </c>
      <c r="JM22" s="109">
        <v>14502906</v>
      </c>
      <c r="JN22" s="109">
        <v>13809830</v>
      </c>
      <c r="JO22" s="109">
        <v>7720392</v>
      </c>
      <c r="JP22" s="110">
        <v>70087898</v>
      </c>
      <c r="JQ22" s="296">
        <v>70087898</v>
      </c>
      <c r="JR22" s="129">
        <v>41905</v>
      </c>
      <c r="JS22" s="109">
        <v>84378</v>
      </c>
      <c r="JT22" s="128">
        <v>126283</v>
      </c>
      <c r="JU22" s="108">
        <v>0</v>
      </c>
      <c r="JV22" s="109">
        <v>1269980</v>
      </c>
      <c r="JW22" s="109">
        <v>1047177</v>
      </c>
      <c r="JX22" s="109">
        <v>1472690</v>
      </c>
      <c r="JY22" s="109">
        <v>1312611</v>
      </c>
      <c r="JZ22" s="109">
        <v>602941</v>
      </c>
      <c r="KA22" s="110">
        <v>5705399</v>
      </c>
      <c r="KB22" s="296">
        <v>5831682</v>
      </c>
      <c r="KC22" s="221">
        <v>0</v>
      </c>
      <c r="KD22" s="217">
        <v>255505</v>
      </c>
      <c r="KE22" s="110">
        <v>255505</v>
      </c>
      <c r="KF22" s="108">
        <v>0</v>
      </c>
      <c r="KG22" s="109">
        <v>2053071</v>
      </c>
      <c r="KH22" s="109">
        <v>6795956</v>
      </c>
      <c r="KI22" s="109">
        <v>7927443</v>
      </c>
      <c r="KJ22" s="109">
        <v>6941697</v>
      </c>
      <c r="KK22" s="109">
        <v>3702291</v>
      </c>
      <c r="KL22" s="110">
        <v>27420458</v>
      </c>
      <c r="KM22" s="130">
        <v>27675963</v>
      </c>
      <c r="KN22" s="219">
        <v>0</v>
      </c>
      <c r="KO22" s="223">
        <v>0</v>
      </c>
      <c r="KP22" s="224">
        <v>0</v>
      </c>
      <c r="KQ22" s="127"/>
      <c r="KR22" s="109">
        <v>9743017</v>
      </c>
      <c r="KS22" s="109">
        <v>16581882</v>
      </c>
      <c r="KT22" s="109">
        <v>21684791</v>
      </c>
      <c r="KU22" s="109">
        <v>12671320</v>
      </c>
      <c r="KV22" s="109">
        <v>5991734</v>
      </c>
      <c r="KW22" s="110">
        <v>66672744</v>
      </c>
      <c r="KX22" s="296">
        <v>66672744</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501058</v>
      </c>
      <c r="LP22" s="109">
        <v>6888918</v>
      </c>
      <c r="LQ22" s="109">
        <v>11769865</v>
      </c>
      <c r="LR22" s="109">
        <v>10860748</v>
      </c>
      <c r="LS22" s="110">
        <v>30020589</v>
      </c>
      <c r="LT22" s="296">
        <v>30020589</v>
      </c>
      <c r="LU22" s="129">
        <v>0</v>
      </c>
      <c r="LV22" s="109">
        <v>0</v>
      </c>
      <c r="LW22" s="110">
        <v>0</v>
      </c>
      <c r="LX22" s="132"/>
      <c r="LY22" s="109">
        <v>0</v>
      </c>
      <c r="LZ22" s="109">
        <v>484264</v>
      </c>
      <c r="MA22" s="109">
        <v>588375</v>
      </c>
      <c r="MB22" s="109">
        <v>1047620</v>
      </c>
      <c r="MC22" s="109">
        <v>3498914</v>
      </c>
      <c r="MD22" s="110">
        <v>5619173</v>
      </c>
      <c r="ME22" s="111">
        <v>5619173</v>
      </c>
      <c r="MF22" s="129">
        <v>0</v>
      </c>
      <c r="MG22" s="109">
        <v>0</v>
      </c>
      <c r="MH22" s="110">
        <v>0</v>
      </c>
      <c r="MI22" s="132"/>
      <c r="MJ22" s="109">
        <v>10278853</v>
      </c>
      <c r="MK22" s="109">
        <v>32577382</v>
      </c>
      <c r="ML22" s="109">
        <v>93748904</v>
      </c>
      <c r="MM22" s="109">
        <v>124681187</v>
      </c>
      <c r="MN22" s="109">
        <v>92785290</v>
      </c>
      <c r="MO22" s="110">
        <v>354071616</v>
      </c>
      <c r="MP22" s="130">
        <v>354071616</v>
      </c>
      <c r="MQ22" s="129">
        <v>0</v>
      </c>
      <c r="MR22" s="109">
        <v>0</v>
      </c>
      <c r="MS22" s="110">
        <v>0</v>
      </c>
      <c r="MT22" s="132"/>
      <c r="MU22" s="109">
        <v>649095</v>
      </c>
      <c r="MV22" s="109">
        <v>3112794</v>
      </c>
      <c r="MW22" s="109">
        <v>50725286</v>
      </c>
      <c r="MX22" s="109">
        <v>77766257</v>
      </c>
      <c r="MY22" s="109">
        <v>62813718</v>
      </c>
      <c r="MZ22" s="110">
        <v>195067150</v>
      </c>
      <c r="NA22" s="130">
        <v>195067150</v>
      </c>
      <c r="NB22" s="129">
        <v>0</v>
      </c>
      <c r="NC22" s="109">
        <v>0</v>
      </c>
      <c r="ND22" s="110">
        <v>0</v>
      </c>
      <c r="NE22" s="132"/>
      <c r="NF22" s="109">
        <v>9629758</v>
      </c>
      <c r="NG22" s="109">
        <v>29464588</v>
      </c>
      <c r="NH22" s="109">
        <v>42668242</v>
      </c>
      <c r="NI22" s="109">
        <v>45490668</v>
      </c>
      <c r="NJ22" s="109">
        <v>23639682</v>
      </c>
      <c r="NK22" s="110">
        <v>150892938</v>
      </c>
      <c r="NL22" s="296">
        <v>150892938</v>
      </c>
      <c r="NM22" s="129">
        <v>0</v>
      </c>
      <c r="NN22" s="109">
        <v>0</v>
      </c>
      <c r="NO22" s="110">
        <v>0</v>
      </c>
      <c r="NP22" s="132"/>
      <c r="NQ22" s="109">
        <v>0</v>
      </c>
      <c r="NR22" s="109">
        <v>0</v>
      </c>
      <c r="NS22" s="109">
        <v>0</v>
      </c>
      <c r="NT22" s="109">
        <v>323457</v>
      </c>
      <c r="NU22" s="109">
        <v>1016277</v>
      </c>
      <c r="NV22" s="110">
        <v>1339734</v>
      </c>
      <c r="NW22" s="111">
        <v>1339734</v>
      </c>
      <c r="NX22" s="129">
        <v>0</v>
      </c>
      <c r="NY22" s="109">
        <v>0</v>
      </c>
      <c r="NZ22" s="110">
        <v>0</v>
      </c>
      <c r="OA22" s="132"/>
      <c r="OB22" s="109">
        <v>0</v>
      </c>
      <c r="OC22" s="109">
        <v>0</v>
      </c>
      <c r="OD22" s="109">
        <v>355376</v>
      </c>
      <c r="OE22" s="109">
        <v>1100805</v>
      </c>
      <c r="OF22" s="109">
        <v>5315613</v>
      </c>
      <c r="OG22" s="110">
        <v>6771794</v>
      </c>
      <c r="OH22" s="111">
        <v>6771794</v>
      </c>
      <c r="OI22" s="129">
        <v>6742927</v>
      </c>
      <c r="OJ22" s="109">
        <v>17440101</v>
      </c>
      <c r="OK22" s="128">
        <v>24183028</v>
      </c>
      <c r="OL22" s="108">
        <v>0</v>
      </c>
      <c r="OM22" s="109">
        <v>120848835</v>
      </c>
      <c r="ON22" s="109">
        <v>255582575</v>
      </c>
      <c r="OO22" s="109">
        <v>296509304</v>
      </c>
      <c r="OP22" s="109">
        <v>306239899</v>
      </c>
      <c r="OQ22" s="109">
        <v>221129414</v>
      </c>
      <c r="OR22" s="110">
        <v>1200310027</v>
      </c>
      <c r="OS22" s="130">
        <v>1224493055</v>
      </c>
    </row>
    <row r="23" spans="2:409" ht="21" customHeight="1" x14ac:dyDescent="0.2">
      <c r="B23" s="468" t="s">
        <v>18</v>
      </c>
      <c r="C23" s="100">
        <v>9213636</v>
      </c>
      <c r="D23" s="104">
        <v>17934349</v>
      </c>
      <c r="E23" s="103">
        <v>27147985</v>
      </c>
      <c r="F23" s="99">
        <v>0</v>
      </c>
      <c r="G23" s="104">
        <v>148047824</v>
      </c>
      <c r="H23" s="104">
        <v>180926057</v>
      </c>
      <c r="I23" s="104">
        <v>167604129</v>
      </c>
      <c r="J23" s="104">
        <v>160329432</v>
      </c>
      <c r="K23" s="104">
        <v>108298050</v>
      </c>
      <c r="L23" s="99">
        <v>765205492</v>
      </c>
      <c r="M23" s="106">
        <v>792353477</v>
      </c>
      <c r="N23" s="100">
        <v>2335588</v>
      </c>
      <c r="O23" s="104">
        <v>4937058</v>
      </c>
      <c r="P23" s="103">
        <v>7272646</v>
      </c>
      <c r="Q23" s="100">
        <v>0</v>
      </c>
      <c r="R23" s="104">
        <v>40518014</v>
      </c>
      <c r="S23" s="104">
        <v>53176849</v>
      </c>
      <c r="T23" s="104">
        <v>51383832</v>
      </c>
      <c r="U23" s="104">
        <v>62970369</v>
      </c>
      <c r="V23" s="104">
        <v>55859006</v>
      </c>
      <c r="W23" s="103">
        <v>263908070</v>
      </c>
      <c r="X23" s="106">
        <v>271180716</v>
      </c>
      <c r="Y23" s="100">
        <v>0</v>
      </c>
      <c r="Z23" s="104">
        <v>0</v>
      </c>
      <c r="AA23" s="103">
        <v>0</v>
      </c>
      <c r="AB23" s="100">
        <v>0</v>
      </c>
      <c r="AC23" s="104">
        <v>18716150</v>
      </c>
      <c r="AD23" s="104">
        <v>26065531</v>
      </c>
      <c r="AE23" s="104">
        <v>29813070</v>
      </c>
      <c r="AF23" s="104">
        <v>39910170</v>
      </c>
      <c r="AG23" s="104">
        <v>35314340</v>
      </c>
      <c r="AH23" s="103">
        <v>149819261</v>
      </c>
      <c r="AI23" s="106">
        <v>149819261</v>
      </c>
      <c r="AJ23" s="100">
        <v>0</v>
      </c>
      <c r="AK23" s="104">
        <v>0</v>
      </c>
      <c r="AL23" s="103">
        <v>0</v>
      </c>
      <c r="AM23" s="100">
        <v>0</v>
      </c>
      <c r="AN23" s="104">
        <v>111563</v>
      </c>
      <c r="AO23" s="104">
        <v>372117</v>
      </c>
      <c r="AP23" s="104">
        <v>639792</v>
      </c>
      <c r="AQ23" s="104">
        <v>3548833</v>
      </c>
      <c r="AR23" s="104">
        <v>5520736</v>
      </c>
      <c r="AS23" s="103">
        <v>10193041</v>
      </c>
      <c r="AT23" s="106">
        <v>10193041</v>
      </c>
      <c r="AU23" s="100">
        <v>1325186</v>
      </c>
      <c r="AV23" s="104">
        <v>3674725</v>
      </c>
      <c r="AW23" s="103">
        <v>4999911</v>
      </c>
      <c r="AX23" s="100">
        <v>0</v>
      </c>
      <c r="AY23" s="104">
        <v>13216307</v>
      </c>
      <c r="AZ23" s="104">
        <v>15863361</v>
      </c>
      <c r="BA23" s="104">
        <v>11097762</v>
      </c>
      <c r="BB23" s="104">
        <v>10135573</v>
      </c>
      <c r="BC23" s="104">
        <v>8515941</v>
      </c>
      <c r="BD23" s="103">
        <v>58828944</v>
      </c>
      <c r="BE23" s="106">
        <v>63828855</v>
      </c>
      <c r="BF23" s="100">
        <v>229195</v>
      </c>
      <c r="BG23" s="104">
        <v>513584</v>
      </c>
      <c r="BH23" s="102">
        <v>742779</v>
      </c>
      <c r="BI23" s="101">
        <v>0</v>
      </c>
      <c r="BJ23" s="104">
        <v>1722445</v>
      </c>
      <c r="BK23" s="104">
        <v>2417168</v>
      </c>
      <c r="BL23" s="104">
        <v>1767636</v>
      </c>
      <c r="BM23" s="104">
        <v>1190082</v>
      </c>
      <c r="BN23" s="104">
        <v>743866</v>
      </c>
      <c r="BO23" s="103">
        <v>7841197</v>
      </c>
      <c r="BP23" s="106">
        <v>8583976</v>
      </c>
      <c r="BQ23" s="100">
        <v>781207</v>
      </c>
      <c r="BR23" s="104">
        <v>748749</v>
      </c>
      <c r="BS23" s="103">
        <v>1529956</v>
      </c>
      <c r="BT23" s="100">
        <v>0</v>
      </c>
      <c r="BU23" s="104">
        <v>6751549</v>
      </c>
      <c r="BV23" s="104">
        <v>8458672</v>
      </c>
      <c r="BW23" s="104">
        <v>8065572</v>
      </c>
      <c r="BX23" s="104">
        <v>8185711</v>
      </c>
      <c r="BY23" s="104">
        <v>5764123</v>
      </c>
      <c r="BZ23" s="103">
        <v>37225627</v>
      </c>
      <c r="CA23" s="106">
        <v>38755583</v>
      </c>
      <c r="CB23" s="100">
        <v>1715236</v>
      </c>
      <c r="CC23" s="104">
        <v>4670056</v>
      </c>
      <c r="CD23" s="103">
        <v>6385292</v>
      </c>
      <c r="CE23" s="100">
        <v>0</v>
      </c>
      <c r="CF23" s="104">
        <v>51008757</v>
      </c>
      <c r="CG23" s="104">
        <v>60289122</v>
      </c>
      <c r="CH23" s="104">
        <v>52275997</v>
      </c>
      <c r="CI23" s="104">
        <v>31255471</v>
      </c>
      <c r="CJ23" s="104">
        <v>13875624</v>
      </c>
      <c r="CK23" s="103">
        <v>208704971</v>
      </c>
      <c r="CL23" s="106">
        <v>215090263</v>
      </c>
      <c r="CM23" s="100">
        <v>0</v>
      </c>
      <c r="CN23" s="104">
        <v>0</v>
      </c>
      <c r="CO23" s="103">
        <v>0</v>
      </c>
      <c r="CP23" s="101">
        <v>0</v>
      </c>
      <c r="CQ23" s="104">
        <v>41732844</v>
      </c>
      <c r="CR23" s="104">
        <v>48380560</v>
      </c>
      <c r="CS23" s="104">
        <v>42122375</v>
      </c>
      <c r="CT23" s="104">
        <v>24970066</v>
      </c>
      <c r="CU23" s="104">
        <v>11688188</v>
      </c>
      <c r="CV23" s="103">
        <v>168894033</v>
      </c>
      <c r="CW23" s="106">
        <v>168894033</v>
      </c>
      <c r="CX23" s="100">
        <v>1715236</v>
      </c>
      <c r="CY23" s="104">
        <v>4670056</v>
      </c>
      <c r="CZ23" s="103">
        <v>6385292</v>
      </c>
      <c r="DA23" s="100">
        <v>0</v>
      </c>
      <c r="DB23" s="104">
        <v>9275913</v>
      </c>
      <c r="DC23" s="104">
        <v>11908562</v>
      </c>
      <c r="DD23" s="104">
        <v>10153622</v>
      </c>
      <c r="DE23" s="104">
        <v>6285405</v>
      </c>
      <c r="DF23" s="104">
        <v>2187436</v>
      </c>
      <c r="DG23" s="103">
        <v>39810938</v>
      </c>
      <c r="DH23" s="106">
        <v>46196230</v>
      </c>
      <c r="DI23" s="100">
        <v>30942</v>
      </c>
      <c r="DJ23" s="104">
        <v>245979</v>
      </c>
      <c r="DK23" s="102">
        <v>276921</v>
      </c>
      <c r="DL23" s="101">
        <v>0</v>
      </c>
      <c r="DM23" s="104">
        <v>3371341</v>
      </c>
      <c r="DN23" s="104">
        <v>8177442</v>
      </c>
      <c r="DO23" s="104">
        <v>15287293</v>
      </c>
      <c r="DP23" s="104">
        <v>17707695</v>
      </c>
      <c r="DQ23" s="104">
        <v>8588243</v>
      </c>
      <c r="DR23" s="103">
        <v>53132014</v>
      </c>
      <c r="DS23" s="106">
        <v>53408935</v>
      </c>
      <c r="DT23" s="100">
        <v>30942</v>
      </c>
      <c r="DU23" s="104">
        <v>245979</v>
      </c>
      <c r="DV23" s="103">
        <v>276921</v>
      </c>
      <c r="DW23" s="100">
        <v>0</v>
      </c>
      <c r="DX23" s="104">
        <v>3328702</v>
      </c>
      <c r="DY23" s="104">
        <v>7980314</v>
      </c>
      <c r="DZ23" s="104">
        <v>14876129</v>
      </c>
      <c r="EA23" s="104">
        <v>17438480</v>
      </c>
      <c r="EB23" s="104">
        <v>8544456</v>
      </c>
      <c r="EC23" s="103">
        <v>52168081</v>
      </c>
      <c r="ED23" s="106">
        <v>52445002</v>
      </c>
      <c r="EE23" s="100">
        <v>0</v>
      </c>
      <c r="EF23" s="102">
        <v>0</v>
      </c>
      <c r="EG23" s="103">
        <v>0</v>
      </c>
      <c r="EH23" s="100">
        <v>0</v>
      </c>
      <c r="EI23" s="104">
        <v>42639</v>
      </c>
      <c r="EJ23" s="104">
        <v>197128</v>
      </c>
      <c r="EK23" s="104">
        <v>411164</v>
      </c>
      <c r="EL23" s="104">
        <v>269215</v>
      </c>
      <c r="EM23" s="104">
        <v>43787</v>
      </c>
      <c r="EN23" s="102">
        <v>963933</v>
      </c>
      <c r="EO23" s="106">
        <v>963933</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2"/>
      <c r="FE23" s="104">
        <v>0</v>
      </c>
      <c r="FF23" s="104">
        <v>0</v>
      </c>
      <c r="FG23" s="104">
        <v>0</v>
      </c>
      <c r="FH23" s="104">
        <v>0</v>
      </c>
      <c r="FI23" s="104">
        <v>0</v>
      </c>
      <c r="FJ23" s="103">
        <v>0</v>
      </c>
      <c r="FK23" s="106">
        <v>0</v>
      </c>
      <c r="FL23" s="100">
        <v>1553530</v>
      </c>
      <c r="FM23" s="104">
        <v>3973224</v>
      </c>
      <c r="FN23" s="103">
        <v>5526754</v>
      </c>
      <c r="FO23" s="100">
        <v>0</v>
      </c>
      <c r="FP23" s="104">
        <v>7371405</v>
      </c>
      <c r="FQ23" s="104">
        <v>14758442</v>
      </c>
      <c r="FR23" s="104">
        <v>11780765</v>
      </c>
      <c r="FS23" s="104">
        <v>11046257</v>
      </c>
      <c r="FT23" s="104">
        <v>7603053</v>
      </c>
      <c r="FU23" s="103">
        <v>52559922</v>
      </c>
      <c r="FV23" s="106">
        <v>58086676</v>
      </c>
      <c r="FW23" s="105">
        <v>1116155</v>
      </c>
      <c r="FX23" s="104">
        <v>3134282</v>
      </c>
      <c r="FY23" s="102">
        <v>4250437</v>
      </c>
      <c r="FZ23" s="101">
        <v>0</v>
      </c>
      <c r="GA23" s="104">
        <v>5934529</v>
      </c>
      <c r="GB23" s="104">
        <v>14135372</v>
      </c>
      <c r="GC23" s="104">
        <v>11092450</v>
      </c>
      <c r="GD23" s="104">
        <v>10283719</v>
      </c>
      <c r="GE23" s="104">
        <v>7488753</v>
      </c>
      <c r="GF23" s="103">
        <v>48934823</v>
      </c>
      <c r="GG23" s="294">
        <v>53185260</v>
      </c>
      <c r="GH23" s="105">
        <v>107505</v>
      </c>
      <c r="GI23" s="104">
        <v>136022</v>
      </c>
      <c r="GJ23" s="102">
        <v>243527</v>
      </c>
      <c r="GK23" s="101">
        <v>0</v>
      </c>
      <c r="GL23" s="104">
        <v>481277</v>
      </c>
      <c r="GM23" s="104">
        <v>306816</v>
      </c>
      <c r="GN23" s="104">
        <v>330205</v>
      </c>
      <c r="GO23" s="104">
        <v>348738</v>
      </c>
      <c r="GP23" s="104">
        <v>72900</v>
      </c>
      <c r="GQ23" s="103">
        <v>1539936</v>
      </c>
      <c r="GR23" s="106">
        <v>1783463</v>
      </c>
      <c r="GS23" s="100">
        <v>329870</v>
      </c>
      <c r="GT23" s="104">
        <v>702920</v>
      </c>
      <c r="GU23" s="103">
        <v>1032790</v>
      </c>
      <c r="GV23" s="100">
        <v>0</v>
      </c>
      <c r="GW23" s="104">
        <v>955599</v>
      </c>
      <c r="GX23" s="104">
        <v>316254</v>
      </c>
      <c r="GY23" s="104">
        <v>358110</v>
      </c>
      <c r="GZ23" s="104">
        <v>413800</v>
      </c>
      <c r="HA23" s="104">
        <v>41400</v>
      </c>
      <c r="HB23" s="102">
        <v>2085163</v>
      </c>
      <c r="HC23" s="106">
        <v>3117953</v>
      </c>
      <c r="HD23" s="100">
        <v>1900544</v>
      </c>
      <c r="HE23" s="104">
        <v>948682</v>
      </c>
      <c r="HF23" s="102">
        <v>2849226</v>
      </c>
      <c r="HG23" s="101">
        <v>0</v>
      </c>
      <c r="HH23" s="104">
        <v>21563541</v>
      </c>
      <c r="HI23" s="104">
        <v>22708413</v>
      </c>
      <c r="HJ23" s="104">
        <v>21580012</v>
      </c>
      <c r="HK23" s="104">
        <v>26268475</v>
      </c>
      <c r="HL23" s="104">
        <v>16490699</v>
      </c>
      <c r="HM23" s="103">
        <v>108611140</v>
      </c>
      <c r="HN23" s="99">
        <v>111460366</v>
      </c>
      <c r="HO23" s="105">
        <v>1677796</v>
      </c>
      <c r="HP23" s="104">
        <v>3159350</v>
      </c>
      <c r="HQ23" s="103">
        <v>4837146</v>
      </c>
      <c r="HR23" s="100">
        <v>0</v>
      </c>
      <c r="HS23" s="104">
        <v>24214766</v>
      </c>
      <c r="HT23" s="104">
        <v>21815789</v>
      </c>
      <c r="HU23" s="104">
        <v>15296230</v>
      </c>
      <c r="HV23" s="104">
        <v>11081165</v>
      </c>
      <c r="HW23" s="104">
        <v>5881425</v>
      </c>
      <c r="HX23" s="102">
        <v>78289375</v>
      </c>
      <c r="HY23" s="106">
        <v>83126521</v>
      </c>
      <c r="HZ23" s="118">
        <v>353079</v>
      </c>
      <c r="IA23" s="119">
        <v>2342813</v>
      </c>
      <c r="IB23" s="120">
        <v>2695892</v>
      </c>
      <c r="IC23" s="133">
        <v>0</v>
      </c>
      <c r="ID23" s="119">
        <v>35648455</v>
      </c>
      <c r="IE23" s="134">
        <v>46235633</v>
      </c>
      <c r="IF23" s="120">
        <v>58118552</v>
      </c>
      <c r="IG23" s="119">
        <v>40213111</v>
      </c>
      <c r="IH23" s="120">
        <v>24004049</v>
      </c>
      <c r="II23" s="135">
        <v>204219800</v>
      </c>
      <c r="IJ23" s="126">
        <v>206915692</v>
      </c>
      <c r="IK23" s="219">
        <v>0</v>
      </c>
      <c r="IL23" s="223">
        <v>0</v>
      </c>
      <c r="IM23" s="224">
        <v>0</v>
      </c>
      <c r="IN23" s="127"/>
      <c r="IO23" s="109">
        <v>216346</v>
      </c>
      <c r="IP23" s="109">
        <v>818708</v>
      </c>
      <c r="IQ23" s="109">
        <v>182806</v>
      </c>
      <c r="IR23" s="109">
        <v>476977</v>
      </c>
      <c r="IS23" s="109">
        <v>884847</v>
      </c>
      <c r="IT23" s="128">
        <v>2579684</v>
      </c>
      <c r="IU23" s="296">
        <v>2579684</v>
      </c>
      <c r="IV23" s="129">
        <v>0</v>
      </c>
      <c r="IW23" s="109">
        <v>0</v>
      </c>
      <c r="IX23" s="110">
        <v>0</v>
      </c>
      <c r="IY23" s="131"/>
      <c r="IZ23" s="109">
        <v>0</v>
      </c>
      <c r="JA23" s="109">
        <v>0</v>
      </c>
      <c r="JB23" s="109">
        <v>0</v>
      </c>
      <c r="JC23" s="109">
        <v>14849</v>
      </c>
      <c r="JD23" s="109">
        <v>0</v>
      </c>
      <c r="JE23" s="110">
        <v>14849</v>
      </c>
      <c r="JF23" s="111">
        <v>14849</v>
      </c>
      <c r="JG23" s="129">
        <v>0</v>
      </c>
      <c r="JH23" s="109">
        <v>0</v>
      </c>
      <c r="JI23" s="128">
        <v>0</v>
      </c>
      <c r="JJ23" s="108">
        <v>0</v>
      </c>
      <c r="JK23" s="109">
        <v>14605961</v>
      </c>
      <c r="JL23" s="109">
        <v>11533467</v>
      </c>
      <c r="JM23" s="109">
        <v>8693367</v>
      </c>
      <c r="JN23" s="109">
        <v>4188084</v>
      </c>
      <c r="JO23" s="109">
        <v>2147402</v>
      </c>
      <c r="JP23" s="110">
        <v>41168281</v>
      </c>
      <c r="JQ23" s="296">
        <v>41168281</v>
      </c>
      <c r="JR23" s="129">
        <v>0</v>
      </c>
      <c r="JS23" s="109">
        <v>0</v>
      </c>
      <c r="JT23" s="128">
        <v>0</v>
      </c>
      <c r="JU23" s="108">
        <v>0</v>
      </c>
      <c r="JV23" s="109">
        <v>823174</v>
      </c>
      <c r="JW23" s="109">
        <v>774618</v>
      </c>
      <c r="JX23" s="109">
        <v>3576939</v>
      </c>
      <c r="JY23" s="109">
        <v>2108507</v>
      </c>
      <c r="JZ23" s="109">
        <v>1171390</v>
      </c>
      <c r="KA23" s="110">
        <v>8454628</v>
      </c>
      <c r="KB23" s="296">
        <v>8454628</v>
      </c>
      <c r="KC23" s="221">
        <v>353079</v>
      </c>
      <c r="KD23" s="217">
        <v>1353382</v>
      </c>
      <c r="KE23" s="110">
        <v>1706461</v>
      </c>
      <c r="KF23" s="108">
        <v>0</v>
      </c>
      <c r="KG23" s="109">
        <v>6291628</v>
      </c>
      <c r="KH23" s="109">
        <v>8764403</v>
      </c>
      <c r="KI23" s="109">
        <v>14085866</v>
      </c>
      <c r="KJ23" s="109">
        <v>4961217</v>
      </c>
      <c r="KK23" s="109">
        <v>2728647</v>
      </c>
      <c r="KL23" s="110">
        <v>36831761</v>
      </c>
      <c r="KM23" s="130">
        <v>38538222</v>
      </c>
      <c r="KN23" s="219">
        <v>0</v>
      </c>
      <c r="KO23" s="223">
        <v>989431</v>
      </c>
      <c r="KP23" s="224">
        <v>989431</v>
      </c>
      <c r="KQ23" s="127"/>
      <c r="KR23" s="109">
        <v>11933189</v>
      </c>
      <c r="KS23" s="109">
        <v>20459512</v>
      </c>
      <c r="KT23" s="109">
        <v>27271878</v>
      </c>
      <c r="KU23" s="109">
        <v>16919376</v>
      </c>
      <c r="KV23" s="109">
        <v>7137300</v>
      </c>
      <c r="KW23" s="110">
        <v>83721255</v>
      </c>
      <c r="KX23" s="296">
        <v>84710686</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30610</v>
      </c>
      <c r="LP23" s="109">
        <v>1698986</v>
      </c>
      <c r="LQ23" s="109">
        <v>4413632</v>
      </c>
      <c r="LR23" s="109">
        <v>1195072</v>
      </c>
      <c r="LS23" s="110">
        <v>7838300</v>
      </c>
      <c r="LT23" s="296">
        <v>7838300</v>
      </c>
      <c r="LU23" s="129">
        <v>0</v>
      </c>
      <c r="LV23" s="109">
        <v>0</v>
      </c>
      <c r="LW23" s="110">
        <v>0</v>
      </c>
      <c r="LX23" s="132"/>
      <c r="LY23" s="109">
        <v>1778157</v>
      </c>
      <c r="LZ23" s="109">
        <v>3354315</v>
      </c>
      <c r="MA23" s="109">
        <v>2608710</v>
      </c>
      <c r="MB23" s="109">
        <v>7130469</v>
      </c>
      <c r="MC23" s="109">
        <v>8739391</v>
      </c>
      <c r="MD23" s="110">
        <v>23611042</v>
      </c>
      <c r="ME23" s="111">
        <v>23611042</v>
      </c>
      <c r="MF23" s="129">
        <v>0</v>
      </c>
      <c r="MG23" s="109">
        <v>0</v>
      </c>
      <c r="MH23" s="110">
        <v>0</v>
      </c>
      <c r="MI23" s="132"/>
      <c r="MJ23" s="109">
        <v>8364363</v>
      </c>
      <c r="MK23" s="109">
        <v>24353775</v>
      </c>
      <c r="ML23" s="109">
        <v>81792634</v>
      </c>
      <c r="MM23" s="109">
        <v>152068025</v>
      </c>
      <c r="MN23" s="109">
        <v>108453886</v>
      </c>
      <c r="MO23" s="110">
        <v>375032683</v>
      </c>
      <c r="MP23" s="130">
        <v>375032683</v>
      </c>
      <c r="MQ23" s="129">
        <v>0</v>
      </c>
      <c r="MR23" s="109">
        <v>0</v>
      </c>
      <c r="MS23" s="110">
        <v>0</v>
      </c>
      <c r="MT23" s="132"/>
      <c r="MU23" s="109">
        <v>1184620</v>
      </c>
      <c r="MV23" s="109">
        <v>2721101</v>
      </c>
      <c r="MW23" s="109">
        <v>46719812</v>
      </c>
      <c r="MX23" s="109">
        <v>111020075</v>
      </c>
      <c r="MY23" s="109">
        <v>76411528</v>
      </c>
      <c r="MZ23" s="110">
        <v>238057136</v>
      </c>
      <c r="NA23" s="130">
        <v>238057136</v>
      </c>
      <c r="NB23" s="129">
        <v>0</v>
      </c>
      <c r="NC23" s="109">
        <v>0</v>
      </c>
      <c r="ND23" s="110">
        <v>0</v>
      </c>
      <c r="NE23" s="132"/>
      <c r="NF23" s="109">
        <v>7179743</v>
      </c>
      <c r="NG23" s="109">
        <v>21632674</v>
      </c>
      <c r="NH23" s="109">
        <v>35072822</v>
      </c>
      <c r="NI23" s="109">
        <v>35717004</v>
      </c>
      <c r="NJ23" s="109">
        <v>24504974</v>
      </c>
      <c r="NK23" s="110">
        <v>124107217</v>
      </c>
      <c r="NL23" s="296">
        <v>124107217</v>
      </c>
      <c r="NM23" s="129">
        <v>0</v>
      </c>
      <c r="NN23" s="109">
        <v>0</v>
      </c>
      <c r="NO23" s="110">
        <v>0</v>
      </c>
      <c r="NP23" s="132"/>
      <c r="NQ23" s="109">
        <v>0</v>
      </c>
      <c r="NR23" s="109">
        <v>0</v>
      </c>
      <c r="NS23" s="109">
        <v>0</v>
      </c>
      <c r="NT23" s="109">
        <v>0</v>
      </c>
      <c r="NU23" s="109">
        <v>202001</v>
      </c>
      <c r="NV23" s="110">
        <v>202001</v>
      </c>
      <c r="NW23" s="111">
        <v>202001</v>
      </c>
      <c r="NX23" s="129">
        <v>0</v>
      </c>
      <c r="NY23" s="109">
        <v>0</v>
      </c>
      <c r="NZ23" s="110">
        <v>0</v>
      </c>
      <c r="OA23" s="132"/>
      <c r="OB23" s="109">
        <v>0</v>
      </c>
      <c r="OC23" s="109">
        <v>0</v>
      </c>
      <c r="OD23" s="109">
        <v>0</v>
      </c>
      <c r="OE23" s="109">
        <v>5330946</v>
      </c>
      <c r="OF23" s="109">
        <v>7335383</v>
      </c>
      <c r="OG23" s="110">
        <v>12666329</v>
      </c>
      <c r="OH23" s="111">
        <v>12666329</v>
      </c>
      <c r="OI23" s="129">
        <v>9566715</v>
      </c>
      <c r="OJ23" s="109">
        <v>20277162</v>
      </c>
      <c r="OK23" s="128">
        <v>29843877</v>
      </c>
      <c r="OL23" s="108">
        <v>0</v>
      </c>
      <c r="OM23" s="109">
        <v>192060642</v>
      </c>
      <c r="ON23" s="109">
        <v>251515465</v>
      </c>
      <c r="OO23" s="109">
        <v>307515315</v>
      </c>
      <c r="OP23" s="109">
        <v>352610568</v>
      </c>
      <c r="OQ23" s="109">
        <v>240755985</v>
      </c>
      <c r="OR23" s="110">
        <v>1344457975</v>
      </c>
      <c r="OS23" s="130">
        <v>1374301852</v>
      </c>
    </row>
    <row r="24" spans="2:409" ht="21" customHeight="1" x14ac:dyDescent="0.2">
      <c r="B24" s="468" t="s">
        <v>19</v>
      </c>
      <c r="C24" s="100">
        <v>5396225</v>
      </c>
      <c r="D24" s="104">
        <v>10264076</v>
      </c>
      <c r="E24" s="103">
        <v>15660301</v>
      </c>
      <c r="F24" s="99">
        <v>0</v>
      </c>
      <c r="G24" s="104">
        <v>64391467</v>
      </c>
      <c r="H24" s="104">
        <v>74764016</v>
      </c>
      <c r="I24" s="104">
        <v>64902389</v>
      </c>
      <c r="J24" s="104">
        <v>49396056</v>
      </c>
      <c r="K24" s="104">
        <v>41661980</v>
      </c>
      <c r="L24" s="99">
        <v>295115908</v>
      </c>
      <c r="M24" s="106">
        <v>310776209</v>
      </c>
      <c r="N24" s="100">
        <v>1490102</v>
      </c>
      <c r="O24" s="104">
        <v>2051776</v>
      </c>
      <c r="P24" s="103">
        <v>3541878</v>
      </c>
      <c r="Q24" s="100">
        <v>0</v>
      </c>
      <c r="R24" s="104">
        <v>17446192</v>
      </c>
      <c r="S24" s="104">
        <v>18678701</v>
      </c>
      <c r="T24" s="104">
        <v>17645540</v>
      </c>
      <c r="U24" s="104">
        <v>18279896</v>
      </c>
      <c r="V24" s="104">
        <v>17568828</v>
      </c>
      <c r="W24" s="103">
        <v>89619157</v>
      </c>
      <c r="X24" s="106">
        <v>93161035</v>
      </c>
      <c r="Y24" s="100">
        <v>0</v>
      </c>
      <c r="Z24" s="104">
        <v>0</v>
      </c>
      <c r="AA24" s="103">
        <v>0</v>
      </c>
      <c r="AB24" s="100">
        <v>0</v>
      </c>
      <c r="AC24" s="104">
        <v>6663877</v>
      </c>
      <c r="AD24" s="104">
        <v>8109057</v>
      </c>
      <c r="AE24" s="104">
        <v>8434637</v>
      </c>
      <c r="AF24" s="104">
        <v>9864799</v>
      </c>
      <c r="AG24" s="104">
        <v>7979587</v>
      </c>
      <c r="AH24" s="103">
        <v>41051957</v>
      </c>
      <c r="AI24" s="106">
        <v>41051957</v>
      </c>
      <c r="AJ24" s="100">
        <v>0</v>
      </c>
      <c r="AK24" s="104">
        <v>0</v>
      </c>
      <c r="AL24" s="103">
        <v>0</v>
      </c>
      <c r="AM24" s="100">
        <v>0</v>
      </c>
      <c r="AN24" s="104">
        <v>283792</v>
      </c>
      <c r="AO24" s="104">
        <v>385397</v>
      </c>
      <c r="AP24" s="104">
        <v>517158</v>
      </c>
      <c r="AQ24" s="104">
        <v>945744</v>
      </c>
      <c r="AR24" s="104">
        <v>1558581</v>
      </c>
      <c r="AS24" s="103">
        <v>3690672</v>
      </c>
      <c r="AT24" s="106">
        <v>3690672</v>
      </c>
      <c r="AU24" s="100">
        <v>992313</v>
      </c>
      <c r="AV24" s="104">
        <v>1487021</v>
      </c>
      <c r="AW24" s="103">
        <v>2479334</v>
      </c>
      <c r="AX24" s="100">
        <v>0</v>
      </c>
      <c r="AY24" s="104">
        <v>7241530</v>
      </c>
      <c r="AZ24" s="104">
        <v>6327375</v>
      </c>
      <c r="BA24" s="104">
        <v>5277329</v>
      </c>
      <c r="BB24" s="104">
        <v>4371072</v>
      </c>
      <c r="BC24" s="104">
        <v>5744290</v>
      </c>
      <c r="BD24" s="103">
        <v>28961596</v>
      </c>
      <c r="BE24" s="106">
        <v>31440930</v>
      </c>
      <c r="BF24" s="100">
        <v>48403</v>
      </c>
      <c r="BG24" s="104">
        <v>166752</v>
      </c>
      <c r="BH24" s="102">
        <v>215155</v>
      </c>
      <c r="BI24" s="101">
        <v>0</v>
      </c>
      <c r="BJ24" s="104">
        <v>797236</v>
      </c>
      <c r="BK24" s="104">
        <v>519254</v>
      </c>
      <c r="BL24" s="104">
        <v>329133</v>
      </c>
      <c r="BM24" s="104">
        <v>467166</v>
      </c>
      <c r="BN24" s="104">
        <v>101085</v>
      </c>
      <c r="BO24" s="103">
        <v>2213874</v>
      </c>
      <c r="BP24" s="106">
        <v>2429029</v>
      </c>
      <c r="BQ24" s="100">
        <v>449386</v>
      </c>
      <c r="BR24" s="104">
        <v>398003</v>
      </c>
      <c r="BS24" s="103">
        <v>847389</v>
      </c>
      <c r="BT24" s="100">
        <v>0</v>
      </c>
      <c r="BU24" s="104">
        <v>2459757</v>
      </c>
      <c r="BV24" s="104">
        <v>3337618</v>
      </c>
      <c r="BW24" s="104">
        <v>3087283</v>
      </c>
      <c r="BX24" s="104">
        <v>2631115</v>
      </c>
      <c r="BY24" s="104">
        <v>2185285</v>
      </c>
      <c r="BZ24" s="103">
        <v>13701058</v>
      </c>
      <c r="CA24" s="106">
        <v>14548447</v>
      </c>
      <c r="CB24" s="100">
        <v>757611</v>
      </c>
      <c r="CC24" s="104">
        <v>2901623</v>
      </c>
      <c r="CD24" s="103">
        <v>3659234</v>
      </c>
      <c r="CE24" s="100">
        <v>0</v>
      </c>
      <c r="CF24" s="104">
        <v>20632033</v>
      </c>
      <c r="CG24" s="104">
        <v>26282829</v>
      </c>
      <c r="CH24" s="104">
        <v>18515736</v>
      </c>
      <c r="CI24" s="104">
        <v>9089228</v>
      </c>
      <c r="CJ24" s="104">
        <v>6722303</v>
      </c>
      <c r="CK24" s="103">
        <v>81242129</v>
      </c>
      <c r="CL24" s="106">
        <v>84901363</v>
      </c>
      <c r="CM24" s="100">
        <v>0</v>
      </c>
      <c r="CN24" s="104">
        <v>0</v>
      </c>
      <c r="CO24" s="103">
        <v>0</v>
      </c>
      <c r="CP24" s="101">
        <v>0</v>
      </c>
      <c r="CQ24" s="104">
        <v>14764307</v>
      </c>
      <c r="CR24" s="104">
        <v>18752378</v>
      </c>
      <c r="CS24" s="104">
        <v>13038969</v>
      </c>
      <c r="CT24" s="104">
        <v>6805296</v>
      </c>
      <c r="CU24" s="104">
        <v>5204343</v>
      </c>
      <c r="CV24" s="103">
        <v>58565293</v>
      </c>
      <c r="CW24" s="106">
        <v>58565293</v>
      </c>
      <c r="CX24" s="100">
        <v>757611</v>
      </c>
      <c r="CY24" s="104">
        <v>2901623</v>
      </c>
      <c r="CZ24" s="103">
        <v>3659234</v>
      </c>
      <c r="DA24" s="100">
        <v>0</v>
      </c>
      <c r="DB24" s="104">
        <v>5867726</v>
      </c>
      <c r="DC24" s="104">
        <v>7530451</v>
      </c>
      <c r="DD24" s="104">
        <v>5476767</v>
      </c>
      <c r="DE24" s="104">
        <v>2283932</v>
      </c>
      <c r="DF24" s="104">
        <v>1517960</v>
      </c>
      <c r="DG24" s="103">
        <v>22676836</v>
      </c>
      <c r="DH24" s="106">
        <v>26336070</v>
      </c>
      <c r="DI24" s="100">
        <v>0</v>
      </c>
      <c r="DJ24" s="104">
        <v>72537</v>
      </c>
      <c r="DK24" s="102">
        <v>72537</v>
      </c>
      <c r="DL24" s="101">
        <v>0</v>
      </c>
      <c r="DM24" s="104">
        <v>1164512</v>
      </c>
      <c r="DN24" s="104">
        <v>4118248</v>
      </c>
      <c r="DO24" s="104">
        <v>4795453</v>
      </c>
      <c r="DP24" s="104">
        <v>4413930</v>
      </c>
      <c r="DQ24" s="104">
        <v>1878293</v>
      </c>
      <c r="DR24" s="103">
        <v>16370436</v>
      </c>
      <c r="DS24" s="106">
        <v>16442973</v>
      </c>
      <c r="DT24" s="100">
        <v>0</v>
      </c>
      <c r="DU24" s="104">
        <v>72537</v>
      </c>
      <c r="DV24" s="103">
        <v>72537</v>
      </c>
      <c r="DW24" s="100">
        <v>0</v>
      </c>
      <c r="DX24" s="104">
        <v>837137</v>
      </c>
      <c r="DY24" s="104">
        <v>3413234</v>
      </c>
      <c r="DZ24" s="104">
        <v>3956578</v>
      </c>
      <c r="EA24" s="104">
        <v>2886879</v>
      </c>
      <c r="EB24" s="104">
        <v>1209331</v>
      </c>
      <c r="EC24" s="103">
        <v>12303159</v>
      </c>
      <c r="ED24" s="106">
        <v>12375696</v>
      </c>
      <c r="EE24" s="100">
        <v>0</v>
      </c>
      <c r="EF24" s="102">
        <v>0</v>
      </c>
      <c r="EG24" s="103">
        <v>0</v>
      </c>
      <c r="EH24" s="100">
        <v>0</v>
      </c>
      <c r="EI24" s="104">
        <v>327375</v>
      </c>
      <c r="EJ24" s="104">
        <v>705014</v>
      </c>
      <c r="EK24" s="104">
        <v>838875</v>
      </c>
      <c r="EL24" s="104">
        <v>1527051</v>
      </c>
      <c r="EM24" s="104">
        <v>668962</v>
      </c>
      <c r="EN24" s="102">
        <v>4067277</v>
      </c>
      <c r="EO24" s="106">
        <v>4067277</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2"/>
      <c r="FE24" s="104">
        <v>0</v>
      </c>
      <c r="FF24" s="104">
        <v>0</v>
      </c>
      <c r="FG24" s="104">
        <v>0</v>
      </c>
      <c r="FH24" s="104">
        <v>0</v>
      </c>
      <c r="FI24" s="104">
        <v>0</v>
      </c>
      <c r="FJ24" s="103">
        <v>0</v>
      </c>
      <c r="FK24" s="106">
        <v>0</v>
      </c>
      <c r="FL24" s="100">
        <v>1244108</v>
      </c>
      <c r="FM24" s="104">
        <v>2217906</v>
      </c>
      <c r="FN24" s="103">
        <v>3462014</v>
      </c>
      <c r="FO24" s="100">
        <v>0</v>
      </c>
      <c r="FP24" s="104">
        <v>4296133</v>
      </c>
      <c r="FQ24" s="104">
        <v>6104587</v>
      </c>
      <c r="FR24" s="104">
        <v>5179793</v>
      </c>
      <c r="FS24" s="104">
        <v>4027828</v>
      </c>
      <c r="FT24" s="104">
        <v>3645207</v>
      </c>
      <c r="FU24" s="103">
        <v>23253548</v>
      </c>
      <c r="FV24" s="106">
        <v>26715562</v>
      </c>
      <c r="FW24" s="105">
        <v>928264</v>
      </c>
      <c r="FX24" s="104">
        <v>1480042</v>
      </c>
      <c r="FY24" s="102">
        <v>2408306</v>
      </c>
      <c r="FZ24" s="101">
        <v>0</v>
      </c>
      <c r="GA24" s="104">
        <v>3362096</v>
      </c>
      <c r="GB24" s="104">
        <v>5925373</v>
      </c>
      <c r="GC24" s="104">
        <v>4715927</v>
      </c>
      <c r="GD24" s="104">
        <v>3939233</v>
      </c>
      <c r="GE24" s="104">
        <v>3571087</v>
      </c>
      <c r="GF24" s="103">
        <v>21513716</v>
      </c>
      <c r="GG24" s="294">
        <v>23922022</v>
      </c>
      <c r="GH24" s="105">
        <v>16170</v>
      </c>
      <c r="GI24" s="104">
        <v>299345</v>
      </c>
      <c r="GJ24" s="102">
        <v>315515</v>
      </c>
      <c r="GK24" s="101">
        <v>0</v>
      </c>
      <c r="GL24" s="104">
        <v>223749</v>
      </c>
      <c r="GM24" s="104">
        <v>20790</v>
      </c>
      <c r="GN24" s="104">
        <v>145233</v>
      </c>
      <c r="GO24" s="104">
        <v>31185</v>
      </c>
      <c r="GP24" s="104">
        <v>0</v>
      </c>
      <c r="GQ24" s="103">
        <v>420957</v>
      </c>
      <c r="GR24" s="106">
        <v>736472</v>
      </c>
      <c r="GS24" s="100">
        <v>299674</v>
      </c>
      <c r="GT24" s="104">
        <v>438519</v>
      </c>
      <c r="GU24" s="103">
        <v>738193</v>
      </c>
      <c r="GV24" s="100">
        <v>0</v>
      </c>
      <c r="GW24" s="104">
        <v>710288</v>
      </c>
      <c r="GX24" s="104">
        <v>158424</v>
      </c>
      <c r="GY24" s="104">
        <v>318633</v>
      </c>
      <c r="GZ24" s="104">
        <v>57410</v>
      </c>
      <c r="HA24" s="104">
        <v>74120</v>
      </c>
      <c r="HB24" s="102">
        <v>1318875</v>
      </c>
      <c r="HC24" s="106">
        <v>2057068</v>
      </c>
      <c r="HD24" s="100">
        <v>885047</v>
      </c>
      <c r="HE24" s="104">
        <v>1584572</v>
      </c>
      <c r="HF24" s="102">
        <v>2469619</v>
      </c>
      <c r="HG24" s="101">
        <v>0</v>
      </c>
      <c r="HH24" s="104">
        <v>10090825</v>
      </c>
      <c r="HI24" s="104">
        <v>10932540</v>
      </c>
      <c r="HJ24" s="104">
        <v>13103606</v>
      </c>
      <c r="HK24" s="104">
        <v>10291941</v>
      </c>
      <c r="HL24" s="104">
        <v>9390488</v>
      </c>
      <c r="HM24" s="103">
        <v>53809400</v>
      </c>
      <c r="HN24" s="99">
        <v>56279019</v>
      </c>
      <c r="HO24" s="105">
        <v>1019357</v>
      </c>
      <c r="HP24" s="104">
        <v>1435662</v>
      </c>
      <c r="HQ24" s="103">
        <v>2455019</v>
      </c>
      <c r="HR24" s="100">
        <v>0</v>
      </c>
      <c r="HS24" s="104">
        <v>10761772</v>
      </c>
      <c r="HT24" s="104">
        <v>8647111</v>
      </c>
      <c r="HU24" s="104">
        <v>5662261</v>
      </c>
      <c r="HV24" s="104">
        <v>3293233</v>
      </c>
      <c r="HW24" s="104">
        <v>2456861</v>
      </c>
      <c r="HX24" s="102">
        <v>30821238</v>
      </c>
      <c r="HY24" s="106">
        <v>33276257</v>
      </c>
      <c r="HZ24" s="137">
        <v>0</v>
      </c>
      <c r="IA24" s="122">
        <v>94085</v>
      </c>
      <c r="IB24" s="137">
        <v>94085</v>
      </c>
      <c r="IC24" s="121">
        <v>0</v>
      </c>
      <c r="ID24" s="122">
        <v>13612987</v>
      </c>
      <c r="IE24" s="123">
        <v>26066877</v>
      </c>
      <c r="IF24" s="124">
        <v>24995973</v>
      </c>
      <c r="IG24" s="122">
        <v>14238409</v>
      </c>
      <c r="IH24" s="124">
        <v>16353720</v>
      </c>
      <c r="II24" s="125">
        <v>95267966</v>
      </c>
      <c r="IJ24" s="137">
        <v>95362051</v>
      </c>
      <c r="IK24" s="219">
        <v>0</v>
      </c>
      <c r="IL24" s="223">
        <v>0</v>
      </c>
      <c r="IM24" s="224">
        <v>0</v>
      </c>
      <c r="IN24" s="127"/>
      <c r="IO24" s="109">
        <v>976117</v>
      </c>
      <c r="IP24" s="109">
        <v>1409430</v>
      </c>
      <c r="IQ24" s="109">
        <v>1108284</v>
      </c>
      <c r="IR24" s="109">
        <v>742667</v>
      </c>
      <c r="IS24" s="109">
        <v>1914803</v>
      </c>
      <c r="IT24" s="128">
        <v>6151301</v>
      </c>
      <c r="IU24" s="296">
        <v>6151301</v>
      </c>
      <c r="IV24" s="129">
        <v>0</v>
      </c>
      <c r="IW24" s="109">
        <v>0</v>
      </c>
      <c r="IX24" s="110">
        <v>0</v>
      </c>
      <c r="IY24" s="131"/>
      <c r="IZ24" s="109">
        <v>11459</v>
      </c>
      <c r="JA24" s="109">
        <v>29495</v>
      </c>
      <c r="JB24" s="109">
        <v>45836</v>
      </c>
      <c r="JC24" s="109">
        <v>72963</v>
      </c>
      <c r="JD24" s="109">
        <v>33039</v>
      </c>
      <c r="JE24" s="110">
        <v>192792</v>
      </c>
      <c r="JF24" s="111">
        <v>192792</v>
      </c>
      <c r="JG24" s="129">
        <v>0</v>
      </c>
      <c r="JH24" s="109">
        <v>0</v>
      </c>
      <c r="JI24" s="128">
        <v>0</v>
      </c>
      <c r="JJ24" s="108">
        <v>0</v>
      </c>
      <c r="JK24" s="109">
        <v>5814463</v>
      </c>
      <c r="JL24" s="109">
        <v>7568129</v>
      </c>
      <c r="JM24" s="109">
        <v>4608339</v>
      </c>
      <c r="JN24" s="109">
        <v>2436701</v>
      </c>
      <c r="JO24" s="109">
        <v>1588941</v>
      </c>
      <c r="JP24" s="110">
        <v>22016573</v>
      </c>
      <c r="JQ24" s="296">
        <v>22016573</v>
      </c>
      <c r="JR24" s="129">
        <v>0</v>
      </c>
      <c r="JS24" s="109">
        <v>0</v>
      </c>
      <c r="JT24" s="128">
        <v>0</v>
      </c>
      <c r="JU24" s="108">
        <v>0</v>
      </c>
      <c r="JV24" s="109">
        <v>943391</v>
      </c>
      <c r="JW24" s="109">
        <v>1840189</v>
      </c>
      <c r="JX24" s="109">
        <v>2776045</v>
      </c>
      <c r="JY24" s="109">
        <v>438172</v>
      </c>
      <c r="JZ24" s="109">
        <v>794649</v>
      </c>
      <c r="KA24" s="110">
        <v>6792446</v>
      </c>
      <c r="KB24" s="296">
        <v>6792446</v>
      </c>
      <c r="KC24" s="221">
        <v>0</v>
      </c>
      <c r="KD24" s="217">
        <v>94085</v>
      </c>
      <c r="KE24" s="110">
        <v>94085</v>
      </c>
      <c r="KF24" s="108">
        <v>0</v>
      </c>
      <c r="KG24" s="109">
        <v>2654404</v>
      </c>
      <c r="KH24" s="109">
        <v>7440309</v>
      </c>
      <c r="KI24" s="109">
        <v>7546656</v>
      </c>
      <c r="KJ24" s="109">
        <v>3900295</v>
      </c>
      <c r="KK24" s="109">
        <v>2938652</v>
      </c>
      <c r="KL24" s="110">
        <v>24480316</v>
      </c>
      <c r="KM24" s="130">
        <v>24574401</v>
      </c>
      <c r="KN24" s="219">
        <v>0</v>
      </c>
      <c r="KO24" s="223">
        <v>0</v>
      </c>
      <c r="KP24" s="224">
        <v>0</v>
      </c>
      <c r="KQ24" s="127"/>
      <c r="KR24" s="109">
        <v>3037864</v>
      </c>
      <c r="KS24" s="109">
        <v>7287960</v>
      </c>
      <c r="KT24" s="109">
        <v>7905979</v>
      </c>
      <c r="KU24" s="109">
        <v>5914922</v>
      </c>
      <c r="KV24" s="109">
        <v>3888705</v>
      </c>
      <c r="KW24" s="110">
        <v>28035430</v>
      </c>
      <c r="KX24" s="296">
        <v>28035430</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6">
        <v>0</v>
      </c>
      <c r="LU24" s="129">
        <v>0</v>
      </c>
      <c r="LV24" s="109">
        <v>0</v>
      </c>
      <c r="LW24" s="110">
        <v>0</v>
      </c>
      <c r="LX24" s="132"/>
      <c r="LY24" s="109">
        <v>175289</v>
      </c>
      <c r="LZ24" s="109">
        <v>491365</v>
      </c>
      <c r="MA24" s="109">
        <v>1004834</v>
      </c>
      <c r="MB24" s="109">
        <v>732689</v>
      </c>
      <c r="MC24" s="109">
        <v>5194931</v>
      </c>
      <c r="MD24" s="110">
        <v>7599108</v>
      </c>
      <c r="ME24" s="111">
        <v>7599108</v>
      </c>
      <c r="MF24" s="129">
        <v>0</v>
      </c>
      <c r="MG24" s="109">
        <v>0</v>
      </c>
      <c r="MH24" s="110">
        <v>0</v>
      </c>
      <c r="MI24" s="132"/>
      <c r="MJ24" s="109">
        <v>4367008</v>
      </c>
      <c r="MK24" s="109">
        <v>13870756</v>
      </c>
      <c r="ML24" s="109">
        <v>47616554</v>
      </c>
      <c r="MM24" s="109">
        <v>54342306</v>
      </c>
      <c r="MN24" s="109">
        <v>39548875</v>
      </c>
      <c r="MO24" s="110">
        <v>159745499</v>
      </c>
      <c r="MP24" s="130">
        <v>159745499</v>
      </c>
      <c r="MQ24" s="129">
        <v>0</v>
      </c>
      <c r="MR24" s="109">
        <v>0</v>
      </c>
      <c r="MS24" s="110">
        <v>0</v>
      </c>
      <c r="MT24" s="132"/>
      <c r="MU24" s="109">
        <v>207412</v>
      </c>
      <c r="MV24" s="109">
        <v>1146727</v>
      </c>
      <c r="MW24" s="109">
        <v>29082496</v>
      </c>
      <c r="MX24" s="109">
        <v>33263199</v>
      </c>
      <c r="MY24" s="109">
        <v>32089418</v>
      </c>
      <c r="MZ24" s="110">
        <v>95789252</v>
      </c>
      <c r="NA24" s="130">
        <v>95789252</v>
      </c>
      <c r="NB24" s="129">
        <v>0</v>
      </c>
      <c r="NC24" s="109">
        <v>0</v>
      </c>
      <c r="ND24" s="110">
        <v>0</v>
      </c>
      <c r="NE24" s="132"/>
      <c r="NF24" s="109">
        <v>4159596</v>
      </c>
      <c r="NG24" s="109">
        <v>12724029</v>
      </c>
      <c r="NH24" s="109">
        <v>18534058</v>
      </c>
      <c r="NI24" s="109">
        <v>19550935</v>
      </c>
      <c r="NJ24" s="109">
        <v>4474754</v>
      </c>
      <c r="NK24" s="110">
        <v>59443372</v>
      </c>
      <c r="NL24" s="296">
        <v>59443372</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1528172</v>
      </c>
      <c r="OF24" s="109">
        <v>2984703</v>
      </c>
      <c r="OG24" s="110">
        <v>4512875</v>
      </c>
      <c r="OH24" s="111">
        <v>4512875</v>
      </c>
      <c r="OI24" s="129">
        <v>5396225</v>
      </c>
      <c r="OJ24" s="109">
        <v>10358161</v>
      </c>
      <c r="OK24" s="128">
        <v>15754386</v>
      </c>
      <c r="OL24" s="108">
        <v>0</v>
      </c>
      <c r="OM24" s="109">
        <v>82371462</v>
      </c>
      <c r="ON24" s="109">
        <v>114701649</v>
      </c>
      <c r="OO24" s="109">
        <v>137514916</v>
      </c>
      <c r="OP24" s="109">
        <v>117976771</v>
      </c>
      <c r="OQ24" s="109">
        <v>97564575</v>
      </c>
      <c r="OR24" s="110">
        <v>550129373</v>
      </c>
      <c r="OS24" s="130">
        <v>565883759</v>
      </c>
    </row>
    <row r="25" spans="2:409" ht="21" customHeight="1" x14ac:dyDescent="0.2">
      <c r="B25" s="468" t="s">
        <v>20</v>
      </c>
      <c r="C25" s="100">
        <v>5464408</v>
      </c>
      <c r="D25" s="104">
        <v>12347586</v>
      </c>
      <c r="E25" s="103">
        <v>17811994</v>
      </c>
      <c r="F25" s="100">
        <v>0</v>
      </c>
      <c r="G25" s="104">
        <v>89657629</v>
      </c>
      <c r="H25" s="104">
        <v>86852431</v>
      </c>
      <c r="I25" s="104">
        <v>85065014</v>
      </c>
      <c r="J25" s="104">
        <v>70561980</v>
      </c>
      <c r="K25" s="104">
        <v>46672583</v>
      </c>
      <c r="L25" s="160">
        <v>378809637</v>
      </c>
      <c r="M25" s="106">
        <v>396621631</v>
      </c>
      <c r="N25" s="100">
        <v>1787540</v>
      </c>
      <c r="O25" s="104">
        <v>4408740</v>
      </c>
      <c r="P25" s="103">
        <v>6196280</v>
      </c>
      <c r="Q25" s="100">
        <v>0</v>
      </c>
      <c r="R25" s="104">
        <v>27836649</v>
      </c>
      <c r="S25" s="104">
        <v>25077974</v>
      </c>
      <c r="T25" s="104">
        <v>27930051</v>
      </c>
      <c r="U25" s="104">
        <v>25436752</v>
      </c>
      <c r="V25" s="104">
        <v>22919693</v>
      </c>
      <c r="W25" s="103">
        <v>129201119</v>
      </c>
      <c r="X25" s="106">
        <v>135397399</v>
      </c>
      <c r="Y25" s="100">
        <v>0</v>
      </c>
      <c r="Z25" s="104">
        <v>0</v>
      </c>
      <c r="AA25" s="103">
        <v>0</v>
      </c>
      <c r="AB25" s="100">
        <v>0</v>
      </c>
      <c r="AC25" s="104">
        <v>11463835</v>
      </c>
      <c r="AD25" s="104">
        <v>10525139</v>
      </c>
      <c r="AE25" s="104">
        <v>15396734</v>
      </c>
      <c r="AF25" s="104">
        <v>13843237</v>
      </c>
      <c r="AG25" s="104">
        <v>13364136</v>
      </c>
      <c r="AH25" s="103">
        <v>64593081</v>
      </c>
      <c r="AI25" s="106">
        <v>64593081</v>
      </c>
      <c r="AJ25" s="100">
        <v>0</v>
      </c>
      <c r="AK25" s="104">
        <v>0</v>
      </c>
      <c r="AL25" s="103">
        <v>0</v>
      </c>
      <c r="AM25" s="100">
        <v>0</v>
      </c>
      <c r="AN25" s="104">
        <v>124793</v>
      </c>
      <c r="AO25" s="104">
        <v>256273</v>
      </c>
      <c r="AP25" s="104">
        <v>1026689</v>
      </c>
      <c r="AQ25" s="104">
        <v>1817850</v>
      </c>
      <c r="AR25" s="104">
        <v>2956396</v>
      </c>
      <c r="AS25" s="103">
        <v>6182001</v>
      </c>
      <c r="AT25" s="106">
        <v>6182001</v>
      </c>
      <c r="AU25" s="100">
        <v>1022243</v>
      </c>
      <c r="AV25" s="104">
        <v>2736716</v>
      </c>
      <c r="AW25" s="103">
        <v>3758959</v>
      </c>
      <c r="AX25" s="100">
        <v>0</v>
      </c>
      <c r="AY25" s="104">
        <v>10741742</v>
      </c>
      <c r="AZ25" s="104">
        <v>8697271</v>
      </c>
      <c r="BA25" s="104">
        <v>5570054</v>
      </c>
      <c r="BB25" s="104">
        <v>5152634</v>
      </c>
      <c r="BC25" s="104">
        <v>3500406</v>
      </c>
      <c r="BD25" s="103">
        <v>33662107</v>
      </c>
      <c r="BE25" s="106">
        <v>37421066</v>
      </c>
      <c r="BF25" s="100">
        <v>431447</v>
      </c>
      <c r="BG25" s="104">
        <v>1320637</v>
      </c>
      <c r="BH25" s="102">
        <v>1752084</v>
      </c>
      <c r="BI25" s="101">
        <v>0</v>
      </c>
      <c r="BJ25" s="104">
        <v>2250027</v>
      </c>
      <c r="BK25" s="104">
        <v>2137209</v>
      </c>
      <c r="BL25" s="104">
        <v>1670862</v>
      </c>
      <c r="BM25" s="104">
        <v>1359024</v>
      </c>
      <c r="BN25" s="104">
        <v>526232</v>
      </c>
      <c r="BO25" s="103">
        <v>7943354</v>
      </c>
      <c r="BP25" s="106">
        <v>9695438</v>
      </c>
      <c r="BQ25" s="100">
        <v>333850</v>
      </c>
      <c r="BR25" s="104">
        <v>351387</v>
      </c>
      <c r="BS25" s="103">
        <v>685237</v>
      </c>
      <c r="BT25" s="100">
        <v>0</v>
      </c>
      <c r="BU25" s="104">
        <v>3256252</v>
      </c>
      <c r="BV25" s="104">
        <v>3462082</v>
      </c>
      <c r="BW25" s="104">
        <v>4265712</v>
      </c>
      <c r="BX25" s="104">
        <v>3264007</v>
      </c>
      <c r="BY25" s="104">
        <v>2572523</v>
      </c>
      <c r="BZ25" s="103">
        <v>16820576</v>
      </c>
      <c r="CA25" s="106">
        <v>17505813</v>
      </c>
      <c r="CB25" s="100">
        <v>366046</v>
      </c>
      <c r="CC25" s="104">
        <v>1503806</v>
      </c>
      <c r="CD25" s="103">
        <v>1869852</v>
      </c>
      <c r="CE25" s="100">
        <v>0</v>
      </c>
      <c r="CF25" s="104">
        <v>26337012</v>
      </c>
      <c r="CG25" s="104">
        <v>29683628</v>
      </c>
      <c r="CH25" s="104">
        <v>20056469</v>
      </c>
      <c r="CI25" s="104">
        <v>12676464</v>
      </c>
      <c r="CJ25" s="104">
        <v>5057032</v>
      </c>
      <c r="CK25" s="103">
        <v>93810605</v>
      </c>
      <c r="CL25" s="106">
        <v>95680457</v>
      </c>
      <c r="CM25" s="100">
        <v>0</v>
      </c>
      <c r="CN25" s="104">
        <v>0</v>
      </c>
      <c r="CO25" s="103">
        <v>0</v>
      </c>
      <c r="CP25" s="101">
        <v>0</v>
      </c>
      <c r="CQ25" s="104">
        <v>19971437</v>
      </c>
      <c r="CR25" s="104">
        <v>22939388</v>
      </c>
      <c r="CS25" s="104">
        <v>16498772</v>
      </c>
      <c r="CT25" s="104">
        <v>8728421</v>
      </c>
      <c r="CU25" s="104">
        <v>3747738</v>
      </c>
      <c r="CV25" s="103">
        <v>71885756</v>
      </c>
      <c r="CW25" s="106">
        <v>71885756</v>
      </c>
      <c r="CX25" s="100">
        <v>366046</v>
      </c>
      <c r="CY25" s="104">
        <v>1503806</v>
      </c>
      <c r="CZ25" s="103">
        <v>1869852</v>
      </c>
      <c r="DA25" s="100">
        <v>0</v>
      </c>
      <c r="DB25" s="104">
        <v>6365575</v>
      </c>
      <c r="DC25" s="104">
        <v>6744240</v>
      </c>
      <c r="DD25" s="104">
        <v>3557697</v>
      </c>
      <c r="DE25" s="104">
        <v>3948043</v>
      </c>
      <c r="DF25" s="104">
        <v>1309294</v>
      </c>
      <c r="DG25" s="103">
        <v>21924849</v>
      </c>
      <c r="DH25" s="106">
        <v>23794701</v>
      </c>
      <c r="DI25" s="100">
        <v>0</v>
      </c>
      <c r="DJ25" s="104">
        <v>147819</v>
      </c>
      <c r="DK25" s="102">
        <v>147819</v>
      </c>
      <c r="DL25" s="101">
        <v>0</v>
      </c>
      <c r="DM25" s="104">
        <v>3320782</v>
      </c>
      <c r="DN25" s="104">
        <v>4352834</v>
      </c>
      <c r="DO25" s="104">
        <v>10717884</v>
      </c>
      <c r="DP25" s="104">
        <v>8630650</v>
      </c>
      <c r="DQ25" s="104">
        <v>3318456</v>
      </c>
      <c r="DR25" s="103">
        <v>30340606</v>
      </c>
      <c r="DS25" s="106">
        <v>30488425</v>
      </c>
      <c r="DT25" s="100">
        <v>0</v>
      </c>
      <c r="DU25" s="104">
        <v>147819</v>
      </c>
      <c r="DV25" s="103">
        <v>147819</v>
      </c>
      <c r="DW25" s="100">
        <v>0</v>
      </c>
      <c r="DX25" s="104">
        <v>3151578</v>
      </c>
      <c r="DY25" s="104">
        <v>4208697</v>
      </c>
      <c r="DZ25" s="104">
        <v>10409480</v>
      </c>
      <c r="EA25" s="104">
        <v>7807269</v>
      </c>
      <c r="EB25" s="104">
        <v>2985225</v>
      </c>
      <c r="EC25" s="103">
        <v>28562249</v>
      </c>
      <c r="ED25" s="106">
        <v>28710068</v>
      </c>
      <c r="EE25" s="100">
        <v>0</v>
      </c>
      <c r="EF25" s="102">
        <v>0</v>
      </c>
      <c r="EG25" s="103">
        <v>0</v>
      </c>
      <c r="EH25" s="100">
        <v>0</v>
      </c>
      <c r="EI25" s="104">
        <v>169204</v>
      </c>
      <c r="EJ25" s="104">
        <v>144137</v>
      </c>
      <c r="EK25" s="104">
        <v>308404</v>
      </c>
      <c r="EL25" s="104">
        <v>823381</v>
      </c>
      <c r="EM25" s="104">
        <v>333231</v>
      </c>
      <c r="EN25" s="102">
        <v>1778357</v>
      </c>
      <c r="EO25" s="106">
        <v>1778357</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2"/>
      <c r="FE25" s="104">
        <v>0</v>
      </c>
      <c r="FF25" s="104">
        <v>0</v>
      </c>
      <c r="FG25" s="104">
        <v>0</v>
      </c>
      <c r="FH25" s="104">
        <v>0</v>
      </c>
      <c r="FI25" s="104">
        <v>0</v>
      </c>
      <c r="FJ25" s="103">
        <v>0</v>
      </c>
      <c r="FK25" s="106">
        <v>0</v>
      </c>
      <c r="FL25" s="100">
        <v>1487545</v>
      </c>
      <c r="FM25" s="104">
        <v>3006148</v>
      </c>
      <c r="FN25" s="103">
        <v>4493693</v>
      </c>
      <c r="FO25" s="100">
        <v>0</v>
      </c>
      <c r="FP25" s="104">
        <v>5913271</v>
      </c>
      <c r="FQ25" s="104">
        <v>8060073</v>
      </c>
      <c r="FR25" s="104">
        <v>5992283</v>
      </c>
      <c r="FS25" s="104">
        <v>5935801</v>
      </c>
      <c r="FT25" s="104">
        <v>3869903</v>
      </c>
      <c r="FU25" s="103">
        <v>29771331</v>
      </c>
      <c r="FV25" s="106">
        <v>34265024</v>
      </c>
      <c r="FW25" s="105">
        <v>943855</v>
      </c>
      <c r="FX25" s="104">
        <v>2325865</v>
      </c>
      <c r="FY25" s="102">
        <v>3269720</v>
      </c>
      <c r="FZ25" s="101">
        <v>0</v>
      </c>
      <c r="GA25" s="104">
        <v>5277877</v>
      </c>
      <c r="GB25" s="104">
        <v>7072238</v>
      </c>
      <c r="GC25" s="104">
        <v>5763413</v>
      </c>
      <c r="GD25" s="104">
        <v>5511043</v>
      </c>
      <c r="GE25" s="104">
        <v>3493798</v>
      </c>
      <c r="GF25" s="103">
        <v>27118369</v>
      </c>
      <c r="GG25" s="294">
        <v>30388089</v>
      </c>
      <c r="GH25" s="105">
        <v>35100</v>
      </c>
      <c r="GI25" s="104">
        <v>120483</v>
      </c>
      <c r="GJ25" s="102">
        <v>155583</v>
      </c>
      <c r="GK25" s="101">
        <v>0</v>
      </c>
      <c r="GL25" s="104">
        <v>214644</v>
      </c>
      <c r="GM25" s="104">
        <v>332815</v>
      </c>
      <c r="GN25" s="104">
        <v>122670</v>
      </c>
      <c r="GO25" s="104">
        <v>244758</v>
      </c>
      <c r="GP25" s="104">
        <v>112905</v>
      </c>
      <c r="GQ25" s="103">
        <v>1027792</v>
      </c>
      <c r="GR25" s="106">
        <v>1183375</v>
      </c>
      <c r="GS25" s="100">
        <v>508590</v>
      </c>
      <c r="GT25" s="104">
        <v>559800</v>
      </c>
      <c r="GU25" s="103">
        <v>1068390</v>
      </c>
      <c r="GV25" s="100">
        <v>0</v>
      </c>
      <c r="GW25" s="104">
        <v>420750</v>
      </c>
      <c r="GX25" s="104">
        <v>655020</v>
      </c>
      <c r="GY25" s="104">
        <v>106200</v>
      </c>
      <c r="GZ25" s="104">
        <v>180000</v>
      </c>
      <c r="HA25" s="104">
        <v>263200</v>
      </c>
      <c r="HB25" s="102">
        <v>1625170</v>
      </c>
      <c r="HC25" s="106">
        <v>2693560</v>
      </c>
      <c r="HD25" s="100">
        <v>773465</v>
      </c>
      <c r="HE25" s="104">
        <v>1111477</v>
      </c>
      <c r="HF25" s="102">
        <v>1884942</v>
      </c>
      <c r="HG25" s="101">
        <v>0</v>
      </c>
      <c r="HH25" s="104">
        <v>11830271</v>
      </c>
      <c r="HI25" s="104">
        <v>9983485</v>
      </c>
      <c r="HJ25" s="104">
        <v>13455073</v>
      </c>
      <c r="HK25" s="104">
        <v>12902500</v>
      </c>
      <c r="HL25" s="104">
        <v>8932726</v>
      </c>
      <c r="HM25" s="103">
        <v>57104055</v>
      </c>
      <c r="HN25" s="99">
        <v>58988997</v>
      </c>
      <c r="HO25" s="105">
        <v>1049812</v>
      </c>
      <c r="HP25" s="104">
        <v>2169596</v>
      </c>
      <c r="HQ25" s="103">
        <v>3219408</v>
      </c>
      <c r="HR25" s="100">
        <v>0</v>
      </c>
      <c r="HS25" s="104">
        <v>14419644</v>
      </c>
      <c r="HT25" s="104">
        <v>9694437</v>
      </c>
      <c r="HU25" s="104">
        <v>6913254</v>
      </c>
      <c r="HV25" s="104">
        <v>4979813</v>
      </c>
      <c r="HW25" s="104">
        <v>2574773</v>
      </c>
      <c r="HX25" s="102">
        <v>38581921</v>
      </c>
      <c r="HY25" s="106">
        <v>41801329</v>
      </c>
      <c r="HZ25" s="118">
        <v>0</v>
      </c>
      <c r="IA25" s="119">
        <v>288776</v>
      </c>
      <c r="IB25" s="120">
        <v>288776</v>
      </c>
      <c r="IC25" s="133">
        <v>0</v>
      </c>
      <c r="ID25" s="119">
        <v>14839906</v>
      </c>
      <c r="IE25" s="134">
        <v>17639321</v>
      </c>
      <c r="IF25" s="120">
        <v>22113766</v>
      </c>
      <c r="IG25" s="119">
        <v>7549102</v>
      </c>
      <c r="IH25" s="120">
        <v>7269421</v>
      </c>
      <c r="II25" s="135">
        <v>69411516</v>
      </c>
      <c r="IJ25" s="126">
        <v>69700292</v>
      </c>
      <c r="IK25" s="219">
        <v>0</v>
      </c>
      <c r="IL25" s="223">
        <v>0</v>
      </c>
      <c r="IM25" s="224">
        <v>0</v>
      </c>
      <c r="IN25" s="127"/>
      <c r="IO25" s="109">
        <v>90882</v>
      </c>
      <c r="IP25" s="109">
        <v>84598</v>
      </c>
      <c r="IQ25" s="109">
        <v>0</v>
      </c>
      <c r="IR25" s="109">
        <v>0</v>
      </c>
      <c r="IS25" s="109">
        <v>345751</v>
      </c>
      <c r="IT25" s="128">
        <v>521231</v>
      </c>
      <c r="IU25" s="296">
        <v>521231</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7975346</v>
      </c>
      <c r="JL25" s="109">
        <v>5241191</v>
      </c>
      <c r="JM25" s="109">
        <v>5201125</v>
      </c>
      <c r="JN25" s="109">
        <v>1685426</v>
      </c>
      <c r="JO25" s="109">
        <v>825441</v>
      </c>
      <c r="JP25" s="110">
        <v>20928529</v>
      </c>
      <c r="JQ25" s="296">
        <v>20928529</v>
      </c>
      <c r="JR25" s="129">
        <v>0</v>
      </c>
      <c r="JS25" s="109">
        <v>0</v>
      </c>
      <c r="JT25" s="128">
        <v>0</v>
      </c>
      <c r="JU25" s="108">
        <v>0</v>
      </c>
      <c r="JV25" s="109">
        <v>274166</v>
      </c>
      <c r="JW25" s="109">
        <v>46616</v>
      </c>
      <c r="JX25" s="109">
        <v>810398</v>
      </c>
      <c r="JY25" s="109">
        <v>575341</v>
      </c>
      <c r="JZ25" s="109">
        <v>302420</v>
      </c>
      <c r="KA25" s="110">
        <v>2008941</v>
      </c>
      <c r="KB25" s="296">
        <v>2008941</v>
      </c>
      <c r="KC25" s="221">
        <v>0</v>
      </c>
      <c r="KD25" s="217">
        <v>65135</v>
      </c>
      <c r="KE25" s="110">
        <v>65135</v>
      </c>
      <c r="KF25" s="108">
        <v>0</v>
      </c>
      <c r="KG25" s="109">
        <v>2424078</v>
      </c>
      <c r="KH25" s="109">
        <v>2074402</v>
      </c>
      <c r="KI25" s="109">
        <v>-453340</v>
      </c>
      <c r="KJ25" s="109">
        <v>609524</v>
      </c>
      <c r="KK25" s="109">
        <v>310739</v>
      </c>
      <c r="KL25" s="110">
        <v>4965403</v>
      </c>
      <c r="KM25" s="130">
        <v>5030538</v>
      </c>
      <c r="KN25" s="219">
        <v>0</v>
      </c>
      <c r="KO25" s="223">
        <v>223641</v>
      </c>
      <c r="KP25" s="224">
        <v>223641</v>
      </c>
      <c r="KQ25" s="127"/>
      <c r="KR25" s="109">
        <v>4075434</v>
      </c>
      <c r="KS25" s="109">
        <v>10192514</v>
      </c>
      <c r="KT25" s="109">
        <v>16555583</v>
      </c>
      <c r="KU25" s="109">
        <v>4678811</v>
      </c>
      <c r="KV25" s="109">
        <v>5485070</v>
      </c>
      <c r="KW25" s="110">
        <v>40987412</v>
      </c>
      <c r="KX25" s="296">
        <v>41211053</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6">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5215296</v>
      </c>
      <c r="MK25" s="109">
        <v>16773996</v>
      </c>
      <c r="ML25" s="109">
        <v>47256714</v>
      </c>
      <c r="MM25" s="109">
        <v>80428333</v>
      </c>
      <c r="MN25" s="109">
        <v>38481026</v>
      </c>
      <c r="MO25" s="110">
        <v>188155365</v>
      </c>
      <c r="MP25" s="130">
        <v>188155365</v>
      </c>
      <c r="MQ25" s="129">
        <v>0</v>
      </c>
      <c r="MR25" s="109">
        <v>0</v>
      </c>
      <c r="MS25" s="110">
        <v>0</v>
      </c>
      <c r="MT25" s="132"/>
      <c r="MU25" s="109">
        <v>892017</v>
      </c>
      <c r="MV25" s="109">
        <v>7096894</v>
      </c>
      <c r="MW25" s="109">
        <v>36013652</v>
      </c>
      <c r="MX25" s="109">
        <v>61839119</v>
      </c>
      <c r="MY25" s="109">
        <v>29922468</v>
      </c>
      <c r="MZ25" s="110">
        <v>135764150</v>
      </c>
      <c r="NA25" s="130">
        <v>135764150</v>
      </c>
      <c r="NB25" s="129">
        <v>0</v>
      </c>
      <c r="NC25" s="109">
        <v>0</v>
      </c>
      <c r="ND25" s="110">
        <v>0</v>
      </c>
      <c r="NE25" s="132"/>
      <c r="NF25" s="109">
        <v>4323279</v>
      </c>
      <c r="NG25" s="109">
        <v>9677102</v>
      </c>
      <c r="NH25" s="109">
        <v>11243062</v>
      </c>
      <c r="NI25" s="109">
        <v>17773972</v>
      </c>
      <c r="NJ25" s="109">
        <v>7210666</v>
      </c>
      <c r="NK25" s="110">
        <v>50228081</v>
      </c>
      <c r="NL25" s="296">
        <v>50228081</v>
      </c>
      <c r="NM25" s="129">
        <v>0</v>
      </c>
      <c r="NN25" s="109">
        <v>0</v>
      </c>
      <c r="NO25" s="110">
        <v>0</v>
      </c>
      <c r="NP25" s="132"/>
      <c r="NQ25" s="109">
        <v>0</v>
      </c>
      <c r="NR25" s="109">
        <v>0</v>
      </c>
      <c r="NS25" s="109">
        <v>0</v>
      </c>
      <c r="NT25" s="109">
        <v>452514</v>
      </c>
      <c r="NU25" s="109">
        <v>0</v>
      </c>
      <c r="NV25" s="110">
        <v>452514</v>
      </c>
      <c r="NW25" s="111">
        <v>452514</v>
      </c>
      <c r="NX25" s="129">
        <v>0</v>
      </c>
      <c r="NY25" s="109">
        <v>0</v>
      </c>
      <c r="NZ25" s="110">
        <v>0</v>
      </c>
      <c r="OA25" s="132"/>
      <c r="OB25" s="109">
        <v>0</v>
      </c>
      <c r="OC25" s="109">
        <v>0</v>
      </c>
      <c r="OD25" s="109">
        <v>0</v>
      </c>
      <c r="OE25" s="109">
        <v>362728</v>
      </c>
      <c r="OF25" s="109">
        <v>1347892</v>
      </c>
      <c r="OG25" s="110">
        <v>1710620</v>
      </c>
      <c r="OH25" s="111">
        <v>1710620</v>
      </c>
      <c r="OI25" s="129">
        <v>5464408</v>
      </c>
      <c r="OJ25" s="109">
        <v>12636362</v>
      </c>
      <c r="OK25" s="128">
        <v>18100770</v>
      </c>
      <c r="OL25" s="108">
        <v>0</v>
      </c>
      <c r="OM25" s="109">
        <v>109712831</v>
      </c>
      <c r="ON25" s="109">
        <v>121265748</v>
      </c>
      <c r="OO25" s="109">
        <v>154435494</v>
      </c>
      <c r="OP25" s="109">
        <v>158539415</v>
      </c>
      <c r="OQ25" s="109">
        <v>92423030</v>
      </c>
      <c r="OR25" s="110">
        <v>636376518</v>
      </c>
      <c r="OS25" s="130">
        <v>654477288</v>
      </c>
    </row>
    <row r="26" spans="2:409" ht="21" customHeight="1" x14ac:dyDescent="0.2">
      <c r="B26" s="468" t="s">
        <v>21</v>
      </c>
      <c r="C26" s="100">
        <v>6739449</v>
      </c>
      <c r="D26" s="104">
        <v>12294020</v>
      </c>
      <c r="E26" s="103">
        <v>19033469</v>
      </c>
      <c r="F26" s="99">
        <v>0</v>
      </c>
      <c r="G26" s="104">
        <v>73648048</v>
      </c>
      <c r="H26" s="104">
        <v>108550340</v>
      </c>
      <c r="I26" s="104">
        <v>95763394</v>
      </c>
      <c r="J26" s="104">
        <v>81335898</v>
      </c>
      <c r="K26" s="104">
        <v>60052084</v>
      </c>
      <c r="L26" s="160">
        <v>419349764</v>
      </c>
      <c r="M26" s="106">
        <v>438383233</v>
      </c>
      <c r="N26" s="100">
        <v>2395420</v>
      </c>
      <c r="O26" s="104">
        <v>4606575</v>
      </c>
      <c r="P26" s="103">
        <v>7001995</v>
      </c>
      <c r="Q26" s="100">
        <v>0</v>
      </c>
      <c r="R26" s="104">
        <v>24184849</v>
      </c>
      <c r="S26" s="104">
        <v>38946269</v>
      </c>
      <c r="T26" s="104">
        <v>36061013</v>
      </c>
      <c r="U26" s="104">
        <v>33841248</v>
      </c>
      <c r="V26" s="104">
        <v>31794052</v>
      </c>
      <c r="W26" s="103">
        <v>164827431</v>
      </c>
      <c r="X26" s="106">
        <v>171829426</v>
      </c>
      <c r="Y26" s="100">
        <v>0</v>
      </c>
      <c r="Z26" s="104">
        <v>0</v>
      </c>
      <c r="AA26" s="103">
        <v>0</v>
      </c>
      <c r="AB26" s="100">
        <v>0</v>
      </c>
      <c r="AC26" s="104">
        <v>10800595</v>
      </c>
      <c r="AD26" s="104">
        <v>19494070</v>
      </c>
      <c r="AE26" s="104">
        <v>21740563</v>
      </c>
      <c r="AF26" s="104">
        <v>21165534</v>
      </c>
      <c r="AG26" s="104">
        <v>20279550</v>
      </c>
      <c r="AH26" s="103">
        <v>93480312</v>
      </c>
      <c r="AI26" s="106">
        <v>93480312</v>
      </c>
      <c r="AJ26" s="100">
        <v>0</v>
      </c>
      <c r="AK26" s="104">
        <v>0</v>
      </c>
      <c r="AL26" s="103">
        <v>0</v>
      </c>
      <c r="AM26" s="100">
        <v>0</v>
      </c>
      <c r="AN26" s="104">
        <v>0</v>
      </c>
      <c r="AO26" s="104">
        <v>264566</v>
      </c>
      <c r="AP26" s="104">
        <v>623634</v>
      </c>
      <c r="AQ26" s="104">
        <v>1732058</v>
      </c>
      <c r="AR26" s="104">
        <v>2642544</v>
      </c>
      <c r="AS26" s="103">
        <v>5262802</v>
      </c>
      <c r="AT26" s="106">
        <v>5262802</v>
      </c>
      <c r="AU26" s="100">
        <v>1269309</v>
      </c>
      <c r="AV26" s="104">
        <v>3344383</v>
      </c>
      <c r="AW26" s="103">
        <v>4613692</v>
      </c>
      <c r="AX26" s="100">
        <v>0</v>
      </c>
      <c r="AY26" s="104">
        <v>9058793</v>
      </c>
      <c r="AZ26" s="104">
        <v>12584107</v>
      </c>
      <c r="BA26" s="104">
        <v>7715895</v>
      </c>
      <c r="BB26" s="104">
        <v>6600538</v>
      </c>
      <c r="BC26" s="104">
        <v>5372566</v>
      </c>
      <c r="BD26" s="103">
        <v>41331899</v>
      </c>
      <c r="BE26" s="106">
        <v>45945591</v>
      </c>
      <c r="BF26" s="100">
        <v>509464</v>
      </c>
      <c r="BG26" s="104">
        <v>789126</v>
      </c>
      <c r="BH26" s="102">
        <v>1298590</v>
      </c>
      <c r="BI26" s="101">
        <v>0</v>
      </c>
      <c r="BJ26" s="104">
        <v>847887</v>
      </c>
      <c r="BK26" s="104">
        <v>1466851</v>
      </c>
      <c r="BL26" s="104">
        <v>967527</v>
      </c>
      <c r="BM26" s="104">
        <v>615417</v>
      </c>
      <c r="BN26" s="104">
        <v>213059</v>
      </c>
      <c r="BO26" s="103">
        <v>4110741</v>
      </c>
      <c r="BP26" s="106">
        <v>5409331</v>
      </c>
      <c r="BQ26" s="100">
        <v>616647</v>
      </c>
      <c r="BR26" s="104">
        <v>473066</v>
      </c>
      <c r="BS26" s="103">
        <v>1089713</v>
      </c>
      <c r="BT26" s="100">
        <v>0</v>
      </c>
      <c r="BU26" s="104">
        <v>3477574</v>
      </c>
      <c r="BV26" s="104">
        <v>5136675</v>
      </c>
      <c r="BW26" s="104">
        <v>5013394</v>
      </c>
      <c r="BX26" s="104">
        <v>3727701</v>
      </c>
      <c r="BY26" s="104">
        <v>3286333</v>
      </c>
      <c r="BZ26" s="103">
        <v>20641677</v>
      </c>
      <c r="CA26" s="106">
        <v>21731390</v>
      </c>
      <c r="CB26" s="100">
        <v>533289</v>
      </c>
      <c r="CC26" s="104">
        <v>1511736</v>
      </c>
      <c r="CD26" s="103">
        <v>2045025</v>
      </c>
      <c r="CE26" s="100">
        <v>0</v>
      </c>
      <c r="CF26" s="104">
        <v>21555557</v>
      </c>
      <c r="CG26" s="104">
        <v>30758458</v>
      </c>
      <c r="CH26" s="104">
        <v>23506981</v>
      </c>
      <c r="CI26" s="104">
        <v>13773884</v>
      </c>
      <c r="CJ26" s="104">
        <v>4619716</v>
      </c>
      <c r="CK26" s="103">
        <v>94214596</v>
      </c>
      <c r="CL26" s="106">
        <v>96259621</v>
      </c>
      <c r="CM26" s="100">
        <v>0</v>
      </c>
      <c r="CN26" s="104">
        <v>0</v>
      </c>
      <c r="CO26" s="103">
        <v>0</v>
      </c>
      <c r="CP26" s="101">
        <v>0</v>
      </c>
      <c r="CQ26" s="104">
        <v>18626096</v>
      </c>
      <c r="CR26" s="104">
        <v>26660602</v>
      </c>
      <c r="CS26" s="104">
        <v>20804847</v>
      </c>
      <c r="CT26" s="104">
        <v>11844903</v>
      </c>
      <c r="CU26" s="104">
        <v>3967054</v>
      </c>
      <c r="CV26" s="103">
        <v>81903502</v>
      </c>
      <c r="CW26" s="106">
        <v>81903502</v>
      </c>
      <c r="CX26" s="100">
        <v>533289</v>
      </c>
      <c r="CY26" s="104">
        <v>1511736</v>
      </c>
      <c r="CZ26" s="103">
        <v>2045025</v>
      </c>
      <c r="DA26" s="100">
        <v>0</v>
      </c>
      <c r="DB26" s="104">
        <v>2929461</v>
      </c>
      <c r="DC26" s="104">
        <v>4097856</v>
      </c>
      <c r="DD26" s="104">
        <v>2702134</v>
      </c>
      <c r="DE26" s="104">
        <v>1928981</v>
      </c>
      <c r="DF26" s="104">
        <v>652662</v>
      </c>
      <c r="DG26" s="103">
        <v>12311094</v>
      </c>
      <c r="DH26" s="106">
        <v>14356119</v>
      </c>
      <c r="DI26" s="100">
        <v>71523</v>
      </c>
      <c r="DJ26" s="104">
        <v>154565</v>
      </c>
      <c r="DK26" s="102">
        <v>226088</v>
      </c>
      <c r="DL26" s="101">
        <v>0</v>
      </c>
      <c r="DM26" s="104">
        <v>2042724</v>
      </c>
      <c r="DN26" s="104">
        <v>3686775</v>
      </c>
      <c r="DO26" s="104">
        <v>8903481</v>
      </c>
      <c r="DP26" s="104">
        <v>10594215</v>
      </c>
      <c r="DQ26" s="104">
        <v>5617782</v>
      </c>
      <c r="DR26" s="103">
        <v>30844977</v>
      </c>
      <c r="DS26" s="106">
        <v>31071065</v>
      </c>
      <c r="DT26" s="100">
        <v>71523</v>
      </c>
      <c r="DU26" s="104">
        <v>154565</v>
      </c>
      <c r="DV26" s="103">
        <v>226088</v>
      </c>
      <c r="DW26" s="100">
        <v>0</v>
      </c>
      <c r="DX26" s="104">
        <v>1864668</v>
      </c>
      <c r="DY26" s="104">
        <v>3554376</v>
      </c>
      <c r="DZ26" s="104">
        <v>8499805</v>
      </c>
      <c r="EA26" s="104">
        <v>10265356</v>
      </c>
      <c r="EB26" s="104">
        <v>5342829</v>
      </c>
      <c r="EC26" s="103">
        <v>29527034</v>
      </c>
      <c r="ED26" s="106">
        <v>29753122</v>
      </c>
      <c r="EE26" s="100">
        <v>0</v>
      </c>
      <c r="EF26" s="102">
        <v>0</v>
      </c>
      <c r="EG26" s="103">
        <v>0</v>
      </c>
      <c r="EH26" s="100">
        <v>0</v>
      </c>
      <c r="EI26" s="104">
        <v>178056</v>
      </c>
      <c r="EJ26" s="104">
        <v>132399</v>
      </c>
      <c r="EK26" s="104">
        <v>403676</v>
      </c>
      <c r="EL26" s="104">
        <v>328859</v>
      </c>
      <c r="EM26" s="104">
        <v>274953</v>
      </c>
      <c r="EN26" s="102">
        <v>1317943</v>
      </c>
      <c r="EO26" s="106">
        <v>1317943</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2"/>
      <c r="FE26" s="104">
        <v>0</v>
      </c>
      <c r="FF26" s="104">
        <v>0</v>
      </c>
      <c r="FG26" s="104">
        <v>0</v>
      </c>
      <c r="FH26" s="104">
        <v>0</v>
      </c>
      <c r="FI26" s="104">
        <v>0</v>
      </c>
      <c r="FJ26" s="103">
        <v>0</v>
      </c>
      <c r="FK26" s="106">
        <v>0</v>
      </c>
      <c r="FL26" s="100">
        <v>1555459</v>
      </c>
      <c r="FM26" s="104">
        <v>2409803</v>
      </c>
      <c r="FN26" s="103">
        <v>3965262</v>
      </c>
      <c r="FO26" s="100">
        <v>0</v>
      </c>
      <c r="FP26" s="104">
        <v>3943902</v>
      </c>
      <c r="FQ26" s="104">
        <v>9200568</v>
      </c>
      <c r="FR26" s="104">
        <v>7123116</v>
      </c>
      <c r="FS26" s="104">
        <v>5740825</v>
      </c>
      <c r="FT26" s="104">
        <v>4112172</v>
      </c>
      <c r="FU26" s="103">
        <v>30120583</v>
      </c>
      <c r="FV26" s="106">
        <v>34085845</v>
      </c>
      <c r="FW26" s="105">
        <v>1012646</v>
      </c>
      <c r="FX26" s="104">
        <v>2114387</v>
      </c>
      <c r="FY26" s="102">
        <v>3127033</v>
      </c>
      <c r="FZ26" s="101">
        <v>0</v>
      </c>
      <c r="GA26" s="104">
        <v>2992408</v>
      </c>
      <c r="GB26" s="104">
        <v>8876253</v>
      </c>
      <c r="GC26" s="104">
        <v>6794796</v>
      </c>
      <c r="GD26" s="104">
        <v>5637504</v>
      </c>
      <c r="GE26" s="104">
        <v>3895902</v>
      </c>
      <c r="GF26" s="103">
        <v>28196863</v>
      </c>
      <c r="GG26" s="294">
        <v>31323896</v>
      </c>
      <c r="GH26" s="105">
        <v>106313</v>
      </c>
      <c r="GI26" s="104">
        <v>93096</v>
      </c>
      <c r="GJ26" s="102">
        <v>199409</v>
      </c>
      <c r="GK26" s="101">
        <v>0</v>
      </c>
      <c r="GL26" s="104">
        <v>330634</v>
      </c>
      <c r="GM26" s="104">
        <v>0</v>
      </c>
      <c r="GN26" s="104">
        <v>159750</v>
      </c>
      <c r="GO26" s="104">
        <v>79561</v>
      </c>
      <c r="GP26" s="104">
        <v>54900</v>
      </c>
      <c r="GQ26" s="103">
        <v>624845</v>
      </c>
      <c r="GR26" s="106">
        <v>824254</v>
      </c>
      <c r="GS26" s="100">
        <v>436500</v>
      </c>
      <c r="GT26" s="104">
        <v>202320</v>
      </c>
      <c r="GU26" s="103">
        <v>638820</v>
      </c>
      <c r="GV26" s="100">
        <v>0</v>
      </c>
      <c r="GW26" s="104">
        <v>620860</v>
      </c>
      <c r="GX26" s="104">
        <v>324315</v>
      </c>
      <c r="GY26" s="104">
        <v>168570</v>
      </c>
      <c r="GZ26" s="104">
        <v>23760</v>
      </c>
      <c r="HA26" s="104">
        <v>161370</v>
      </c>
      <c r="HB26" s="102">
        <v>1298875</v>
      </c>
      <c r="HC26" s="106">
        <v>1937695</v>
      </c>
      <c r="HD26" s="100">
        <v>884459</v>
      </c>
      <c r="HE26" s="104">
        <v>1546312</v>
      </c>
      <c r="HF26" s="102">
        <v>2430771</v>
      </c>
      <c r="HG26" s="101">
        <v>0</v>
      </c>
      <c r="HH26" s="104">
        <v>9809790</v>
      </c>
      <c r="HI26" s="104">
        <v>12615353</v>
      </c>
      <c r="HJ26" s="104">
        <v>11374797</v>
      </c>
      <c r="HK26" s="104">
        <v>11707475</v>
      </c>
      <c r="HL26" s="104">
        <v>10736495</v>
      </c>
      <c r="HM26" s="103">
        <v>56243910</v>
      </c>
      <c r="HN26" s="99">
        <v>58674681</v>
      </c>
      <c r="HO26" s="105">
        <v>1299299</v>
      </c>
      <c r="HP26" s="104">
        <v>2065029</v>
      </c>
      <c r="HQ26" s="103">
        <v>3364328</v>
      </c>
      <c r="HR26" s="100">
        <v>0</v>
      </c>
      <c r="HS26" s="104">
        <v>12111226</v>
      </c>
      <c r="HT26" s="104">
        <v>13342917</v>
      </c>
      <c r="HU26" s="104">
        <v>8794006</v>
      </c>
      <c r="HV26" s="104">
        <v>5678251</v>
      </c>
      <c r="HW26" s="104">
        <v>3171867</v>
      </c>
      <c r="HX26" s="102">
        <v>43098267</v>
      </c>
      <c r="HY26" s="106">
        <v>46462595</v>
      </c>
      <c r="HZ26" s="137">
        <v>0</v>
      </c>
      <c r="IA26" s="122">
        <v>0</v>
      </c>
      <c r="IB26" s="137">
        <v>0</v>
      </c>
      <c r="IC26" s="121">
        <v>0</v>
      </c>
      <c r="ID26" s="122">
        <v>15269532</v>
      </c>
      <c r="IE26" s="123">
        <v>22788358</v>
      </c>
      <c r="IF26" s="124">
        <v>24407359</v>
      </c>
      <c r="IG26" s="122">
        <v>10150639</v>
      </c>
      <c r="IH26" s="124">
        <v>8105255</v>
      </c>
      <c r="II26" s="125">
        <v>80721143</v>
      </c>
      <c r="IJ26" s="137">
        <v>80721143</v>
      </c>
      <c r="IK26" s="219">
        <v>0</v>
      </c>
      <c r="IL26" s="223">
        <v>0</v>
      </c>
      <c r="IM26" s="224">
        <v>0</v>
      </c>
      <c r="IN26" s="127"/>
      <c r="IO26" s="109">
        <v>214195</v>
      </c>
      <c r="IP26" s="109">
        <v>915107</v>
      </c>
      <c r="IQ26" s="109">
        <v>198820</v>
      </c>
      <c r="IR26" s="109">
        <v>702909</v>
      </c>
      <c r="IS26" s="109">
        <v>1186391</v>
      </c>
      <c r="IT26" s="128">
        <v>3217422</v>
      </c>
      <c r="IU26" s="296">
        <v>3217422</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8691592</v>
      </c>
      <c r="JL26" s="109">
        <v>9982076</v>
      </c>
      <c r="JM26" s="109">
        <v>7351586</v>
      </c>
      <c r="JN26" s="109">
        <v>3785269</v>
      </c>
      <c r="JO26" s="109">
        <v>1278679</v>
      </c>
      <c r="JP26" s="110">
        <v>31089202</v>
      </c>
      <c r="JQ26" s="296">
        <v>31089202</v>
      </c>
      <c r="JR26" s="129">
        <v>0</v>
      </c>
      <c r="JS26" s="109">
        <v>0</v>
      </c>
      <c r="JT26" s="128">
        <v>0</v>
      </c>
      <c r="JU26" s="108">
        <v>0</v>
      </c>
      <c r="JV26" s="109">
        <v>0</v>
      </c>
      <c r="JW26" s="109">
        <v>0</v>
      </c>
      <c r="JX26" s="109">
        <v>0</v>
      </c>
      <c r="JY26" s="109">
        <v>41436</v>
      </c>
      <c r="JZ26" s="109">
        <v>0</v>
      </c>
      <c r="KA26" s="110">
        <v>41436</v>
      </c>
      <c r="KB26" s="296">
        <v>41436</v>
      </c>
      <c r="KC26" s="221">
        <v>0</v>
      </c>
      <c r="KD26" s="217">
        <v>0</v>
      </c>
      <c r="KE26" s="110">
        <v>0</v>
      </c>
      <c r="KF26" s="108">
        <v>0</v>
      </c>
      <c r="KG26" s="109">
        <v>1432145</v>
      </c>
      <c r="KH26" s="109">
        <v>1015813</v>
      </c>
      <c r="KI26" s="109">
        <v>4664044</v>
      </c>
      <c r="KJ26" s="109">
        <v>1480724</v>
      </c>
      <c r="KK26" s="109">
        <v>626650</v>
      </c>
      <c r="KL26" s="110">
        <v>9219376</v>
      </c>
      <c r="KM26" s="130">
        <v>9219376</v>
      </c>
      <c r="KN26" s="219">
        <v>0</v>
      </c>
      <c r="KO26" s="223">
        <v>0</v>
      </c>
      <c r="KP26" s="224">
        <v>0</v>
      </c>
      <c r="KQ26" s="127"/>
      <c r="KR26" s="109">
        <v>4642118</v>
      </c>
      <c r="KS26" s="109">
        <v>10281197</v>
      </c>
      <c r="KT26" s="109">
        <v>11923537</v>
      </c>
      <c r="KU26" s="109">
        <v>3890849</v>
      </c>
      <c r="KV26" s="109">
        <v>3054426</v>
      </c>
      <c r="KW26" s="110">
        <v>33792127</v>
      </c>
      <c r="KX26" s="296">
        <v>33792127</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6">
        <v>0</v>
      </c>
      <c r="LU26" s="129">
        <v>0</v>
      </c>
      <c r="LV26" s="109">
        <v>0</v>
      </c>
      <c r="LW26" s="110">
        <v>0</v>
      </c>
      <c r="LX26" s="132"/>
      <c r="LY26" s="109">
        <v>289482</v>
      </c>
      <c r="LZ26" s="109">
        <v>594165</v>
      </c>
      <c r="MA26" s="109">
        <v>269372</v>
      </c>
      <c r="MB26" s="109">
        <v>249452</v>
      </c>
      <c r="MC26" s="109">
        <v>1959109</v>
      </c>
      <c r="MD26" s="110">
        <v>3361580</v>
      </c>
      <c r="ME26" s="111">
        <v>3361580</v>
      </c>
      <c r="MF26" s="129">
        <v>0</v>
      </c>
      <c r="MG26" s="109">
        <v>0</v>
      </c>
      <c r="MH26" s="110">
        <v>0</v>
      </c>
      <c r="MI26" s="132"/>
      <c r="MJ26" s="109">
        <v>6732887</v>
      </c>
      <c r="MK26" s="109">
        <v>11223996</v>
      </c>
      <c r="ML26" s="109">
        <v>66628503</v>
      </c>
      <c r="MM26" s="109">
        <v>77201705</v>
      </c>
      <c r="MN26" s="109">
        <v>62945125</v>
      </c>
      <c r="MO26" s="110">
        <v>224732216</v>
      </c>
      <c r="MP26" s="130">
        <v>224732216</v>
      </c>
      <c r="MQ26" s="129">
        <v>0</v>
      </c>
      <c r="MR26" s="109">
        <v>0</v>
      </c>
      <c r="MS26" s="110">
        <v>0</v>
      </c>
      <c r="MT26" s="132"/>
      <c r="MU26" s="109">
        <v>892176</v>
      </c>
      <c r="MV26" s="109">
        <v>3476313</v>
      </c>
      <c r="MW26" s="109">
        <v>51472659</v>
      </c>
      <c r="MX26" s="109">
        <v>60727350</v>
      </c>
      <c r="MY26" s="109">
        <v>47004790</v>
      </c>
      <c r="MZ26" s="110">
        <v>163573288</v>
      </c>
      <c r="NA26" s="130">
        <v>163573288</v>
      </c>
      <c r="NB26" s="129">
        <v>0</v>
      </c>
      <c r="NC26" s="109">
        <v>0</v>
      </c>
      <c r="ND26" s="110">
        <v>0</v>
      </c>
      <c r="NE26" s="132"/>
      <c r="NF26" s="109">
        <v>5840711</v>
      </c>
      <c r="NG26" s="109">
        <v>7747683</v>
      </c>
      <c r="NH26" s="109">
        <v>14787263</v>
      </c>
      <c r="NI26" s="109">
        <v>12891120</v>
      </c>
      <c r="NJ26" s="109">
        <v>7676605</v>
      </c>
      <c r="NK26" s="110">
        <v>48943382</v>
      </c>
      <c r="NL26" s="296">
        <v>48943382</v>
      </c>
      <c r="NM26" s="129">
        <v>0</v>
      </c>
      <c r="NN26" s="109">
        <v>0</v>
      </c>
      <c r="NO26" s="110">
        <v>0</v>
      </c>
      <c r="NP26" s="132"/>
      <c r="NQ26" s="109">
        <v>0</v>
      </c>
      <c r="NR26" s="109">
        <v>0</v>
      </c>
      <c r="NS26" s="109">
        <v>0</v>
      </c>
      <c r="NT26" s="109">
        <v>315708</v>
      </c>
      <c r="NU26" s="109">
        <v>1253408</v>
      </c>
      <c r="NV26" s="110">
        <v>1569116</v>
      </c>
      <c r="NW26" s="111">
        <v>1569116</v>
      </c>
      <c r="NX26" s="129">
        <v>0</v>
      </c>
      <c r="NY26" s="109">
        <v>0</v>
      </c>
      <c r="NZ26" s="110">
        <v>0</v>
      </c>
      <c r="OA26" s="132"/>
      <c r="OB26" s="109">
        <v>0</v>
      </c>
      <c r="OC26" s="109">
        <v>0</v>
      </c>
      <c r="OD26" s="109">
        <v>368581</v>
      </c>
      <c r="OE26" s="109">
        <v>3267527</v>
      </c>
      <c r="OF26" s="109">
        <v>7010322</v>
      </c>
      <c r="OG26" s="110">
        <v>10646430</v>
      </c>
      <c r="OH26" s="111">
        <v>10646430</v>
      </c>
      <c r="OI26" s="129">
        <v>6739449</v>
      </c>
      <c r="OJ26" s="109">
        <v>12294020</v>
      </c>
      <c r="OK26" s="128">
        <v>19033469</v>
      </c>
      <c r="OL26" s="108">
        <v>0</v>
      </c>
      <c r="OM26" s="109">
        <v>95650467</v>
      </c>
      <c r="ON26" s="109">
        <v>142562694</v>
      </c>
      <c r="OO26" s="109">
        <v>186799256</v>
      </c>
      <c r="OP26" s="109">
        <v>168688242</v>
      </c>
      <c r="OQ26" s="109">
        <v>131102464</v>
      </c>
      <c r="OR26" s="110">
        <v>724803123</v>
      </c>
      <c r="OS26" s="130">
        <v>743836592</v>
      </c>
    </row>
    <row r="27" spans="2:409" ht="21" customHeight="1" x14ac:dyDescent="0.2">
      <c r="B27" s="468" t="s">
        <v>22</v>
      </c>
      <c r="C27" s="100">
        <v>1732134</v>
      </c>
      <c r="D27" s="104">
        <v>3522954</v>
      </c>
      <c r="E27" s="103">
        <v>5255088</v>
      </c>
      <c r="F27" s="99">
        <v>0</v>
      </c>
      <c r="G27" s="104">
        <v>20338830</v>
      </c>
      <c r="H27" s="104">
        <v>26027690</v>
      </c>
      <c r="I27" s="104">
        <v>18697433</v>
      </c>
      <c r="J27" s="104">
        <v>18027890</v>
      </c>
      <c r="K27" s="104">
        <v>14093180</v>
      </c>
      <c r="L27" s="160">
        <v>97185023</v>
      </c>
      <c r="M27" s="106">
        <v>102440111</v>
      </c>
      <c r="N27" s="100">
        <v>292990</v>
      </c>
      <c r="O27" s="104">
        <v>454171</v>
      </c>
      <c r="P27" s="103">
        <v>747161</v>
      </c>
      <c r="Q27" s="100">
        <v>0</v>
      </c>
      <c r="R27" s="104">
        <v>4448838</v>
      </c>
      <c r="S27" s="104">
        <v>5488611</v>
      </c>
      <c r="T27" s="104">
        <v>4539851</v>
      </c>
      <c r="U27" s="104">
        <v>5377095</v>
      </c>
      <c r="V27" s="104">
        <v>6670930</v>
      </c>
      <c r="W27" s="103">
        <v>26525325</v>
      </c>
      <c r="X27" s="106">
        <v>27272486</v>
      </c>
      <c r="Y27" s="100">
        <v>0</v>
      </c>
      <c r="Z27" s="104">
        <v>0</v>
      </c>
      <c r="AA27" s="103">
        <v>0</v>
      </c>
      <c r="AB27" s="100">
        <v>0</v>
      </c>
      <c r="AC27" s="104">
        <v>1719573</v>
      </c>
      <c r="AD27" s="104">
        <v>2418918</v>
      </c>
      <c r="AE27" s="104">
        <v>2034874</v>
      </c>
      <c r="AF27" s="104">
        <v>2625522</v>
      </c>
      <c r="AG27" s="104">
        <v>3505241</v>
      </c>
      <c r="AH27" s="103">
        <v>12304128</v>
      </c>
      <c r="AI27" s="106">
        <v>12304128</v>
      </c>
      <c r="AJ27" s="100">
        <v>0</v>
      </c>
      <c r="AK27" s="104">
        <v>0</v>
      </c>
      <c r="AL27" s="103">
        <v>0</v>
      </c>
      <c r="AM27" s="100">
        <v>0</v>
      </c>
      <c r="AN27" s="104">
        <v>204388</v>
      </c>
      <c r="AO27" s="104">
        <v>0</v>
      </c>
      <c r="AP27" s="104">
        <v>88383</v>
      </c>
      <c r="AQ27" s="104">
        <v>412229</v>
      </c>
      <c r="AR27" s="104">
        <v>804029</v>
      </c>
      <c r="AS27" s="103">
        <v>1509029</v>
      </c>
      <c r="AT27" s="106">
        <v>1509029</v>
      </c>
      <c r="AU27" s="100">
        <v>146718</v>
      </c>
      <c r="AV27" s="104">
        <v>345937</v>
      </c>
      <c r="AW27" s="103">
        <v>492655</v>
      </c>
      <c r="AX27" s="100">
        <v>0</v>
      </c>
      <c r="AY27" s="104">
        <v>1635649</v>
      </c>
      <c r="AZ27" s="104">
        <v>1690376</v>
      </c>
      <c r="BA27" s="104">
        <v>1238141</v>
      </c>
      <c r="BB27" s="104">
        <v>1017702</v>
      </c>
      <c r="BC27" s="104">
        <v>1735559</v>
      </c>
      <c r="BD27" s="103">
        <v>7317427</v>
      </c>
      <c r="BE27" s="106">
        <v>7810082</v>
      </c>
      <c r="BF27" s="100">
        <v>0</v>
      </c>
      <c r="BG27" s="104">
        <v>24948</v>
      </c>
      <c r="BH27" s="102">
        <v>24948</v>
      </c>
      <c r="BI27" s="101">
        <v>0</v>
      </c>
      <c r="BJ27" s="104">
        <v>285869</v>
      </c>
      <c r="BK27" s="104">
        <v>324575</v>
      </c>
      <c r="BL27" s="104">
        <v>233213</v>
      </c>
      <c r="BM27" s="104">
        <v>321350</v>
      </c>
      <c r="BN27" s="104">
        <v>112143</v>
      </c>
      <c r="BO27" s="103">
        <v>1277150</v>
      </c>
      <c r="BP27" s="106">
        <v>1302098</v>
      </c>
      <c r="BQ27" s="100">
        <v>146272</v>
      </c>
      <c r="BR27" s="104">
        <v>83286</v>
      </c>
      <c r="BS27" s="103">
        <v>229558</v>
      </c>
      <c r="BT27" s="100">
        <v>0</v>
      </c>
      <c r="BU27" s="104">
        <v>603359</v>
      </c>
      <c r="BV27" s="104">
        <v>1054742</v>
      </c>
      <c r="BW27" s="104">
        <v>945240</v>
      </c>
      <c r="BX27" s="104">
        <v>1000292</v>
      </c>
      <c r="BY27" s="104">
        <v>513958</v>
      </c>
      <c r="BZ27" s="103">
        <v>4117591</v>
      </c>
      <c r="CA27" s="106">
        <v>4347149</v>
      </c>
      <c r="CB27" s="100">
        <v>134444</v>
      </c>
      <c r="CC27" s="104">
        <v>517705</v>
      </c>
      <c r="CD27" s="103">
        <v>652149</v>
      </c>
      <c r="CE27" s="100">
        <v>0</v>
      </c>
      <c r="CF27" s="104">
        <v>5469224</v>
      </c>
      <c r="CG27" s="104">
        <v>8613448</v>
      </c>
      <c r="CH27" s="104">
        <v>4735166</v>
      </c>
      <c r="CI27" s="104">
        <v>2617730</v>
      </c>
      <c r="CJ27" s="104">
        <v>1694340</v>
      </c>
      <c r="CK27" s="103">
        <v>23129908</v>
      </c>
      <c r="CL27" s="106">
        <v>23782057</v>
      </c>
      <c r="CM27" s="100">
        <v>0</v>
      </c>
      <c r="CN27" s="104">
        <v>0</v>
      </c>
      <c r="CO27" s="103">
        <v>0</v>
      </c>
      <c r="CP27" s="101">
        <v>0</v>
      </c>
      <c r="CQ27" s="104">
        <v>4439638</v>
      </c>
      <c r="CR27" s="104">
        <v>7089196</v>
      </c>
      <c r="CS27" s="104">
        <v>4219277</v>
      </c>
      <c r="CT27" s="104">
        <v>1454800</v>
      </c>
      <c r="CU27" s="104">
        <v>1384115</v>
      </c>
      <c r="CV27" s="103">
        <v>18587026</v>
      </c>
      <c r="CW27" s="106">
        <v>18587026</v>
      </c>
      <c r="CX27" s="100">
        <v>134444</v>
      </c>
      <c r="CY27" s="104">
        <v>517705</v>
      </c>
      <c r="CZ27" s="103">
        <v>652149</v>
      </c>
      <c r="DA27" s="100">
        <v>0</v>
      </c>
      <c r="DB27" s="104">
        <v>1029586</v>
      </c>
      <c r="DC27" s="104">
        <v>1524252</v>
      </c>
      <c r="DD27" s="104">
        <v>515889</v>
      </c>
      <c r="DE27" s="104">
        <v>1162930</v>
      </c>
      <c r="DF27" s="104">
        <v>310225</v>
      </c>
      <c r="DG27" s="103">
        <v>4542882</v>
      </c>
      <c r="DH27" s="106">
        <v>5195031</v>
      </c>
      <c r="DI27" s="100">
        <v>0</v>
      </c>
      <c r="DJ27" s="104">
        <v>91472</v>
      </c>
      <c r="DK27" s="102">
        <v>91472</v>
      </c>
      <c r="DL27" s="101">
        <v>0</v>
      </c>
      <c r="DM27" s="104">
        <v>671658</v>
      </c>
      <c r="DN27" s="104">
        <v>580699</v>
      </c>
      <c r="DO27" s="104">
        <v>1259170</v>
      </c>
      <c r="DP27" s="104">
        <v>2076954</v>
      </c>
      <c r="DQ27" s="104">
        <v>1105153</v>
      </c>
      <c r="DR27" s="103">
        <v>5693634</v>
      </c>
      <c r="DS27" s="106">
        <v>5785106</v>
      </c>
      <c r="DT27" s="100">
        <v>0</v>
      </c>
      <c r="DU27" s="104">
        <v>91472</v>
      </c>
      <c r="DV27" s="103">
        <v>91472</v>
      </c>
      <c r="DW27" s="100">
        <v>0</v>
      </c>
      <c r="DX27" s="104">
        <v>432730</v>
      </c>
      <c r="DY27" s="104">
        <v>538525</v>
      </c>
      <c r="DZ27" s="104">
        <v>1108133</v>
      </c>
      <c r="EA27" s="104">
        <v>1406037</v>
      </c>
      <c r="EB27" s="104">
        <v>1023544</v>
      </c>
      <c r="EC27" s="103">
        <v>4508969</v>
      </c>
      <c r="ED27" s="106">
        <v>4600441</v>
      </c>
      <c r="EE27" s="100">
        <v>0</v>
      </c>
      <c r="EF27" s="102">
        <v>0</v>
      </c>
      <c r="EG27" s="103">
        <v>0</v>
      </c>
      <c r="EH27" s="100">
        <v>0</v>
      </c>
      <c r="EI27" s="104">
        <v>238928</v>
      </c>
      <c r="EJ27" s="104">
        <v>42174</v>
      </c>
      <c r="EK27" s="104">
        <v>151037</v>
      </c>
      <c r="EL27" s="104">
        <v>670917</v>
      </c>
      <c r="EM27" s="104">
        <v>81609</v>
      </c>
      <c r="EN27" s="102">
        <v>1184665</v>
      </c>
      <c r="EO27" s="106">
        <v>1184665</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2"/>
      <c r="FE27" s="104">
        <v>0</v>
      </c>
      <c r="FF27" s="104">
        <v>0</v>
      </c>
      <c r="FG27" s="104">
        <v>0</v>
      </c>
      <c r="FH27" s="104">
        <v>0</v>
      </c>
      <c r="FI27" s="104">
        <v>0</v>
      </c>
      <c r="FJ27" s="103">
        <v>0</v>
      </c>
      <c r="FK27" s="106">
        <v>0</v>
      </c>
      <c r="FL27" s="100">
        <v>501574</v>
      </c>
      <c r="FM27" s="104">
        <v>1217504</v>
      </c>
      <c r="FN27" s="103">
        <v>1719078</v>
      </c>
      <c r="FO27" s="100">
        <v>0</v>
      </c>
      <c r="FP27" s="104">
        <v>1645127</v>
      </c>
      <c r="FQ27" s="104">
        <v>2544611</v>
      </c>
      <c r="FR27" s="104">
        <v>1658536</v>
      </c>
      <c r="FS27" s="104">
        <v>1497772</v>
      </c>
      <c r="FT27" s="104">
        <v>1273435</v>
      </c>
      <c r="FU27" s="103">
        <v>8619481</v>
      </c>
      <c r="FV27" s="106">
        <v>10338559</v>
      </c>
      <c r="FW27" s="105">
        <v>281481</v>
      </c>
      <c r="FX27" s="104">
        <v>965250</v>
      </c>
      <c r="FY27" s="102">
        <v>1246731</v>
      </c>
      <c r="FZ27" s="101">
        <v>0</v>
      </c>
      <c r="GA27" s="104">
        <v>1253559</v>
      </c>
      <c r="GB27" s="104">
        <v>2484122</v>
      </c>
      <c r="GC27" s="104">
        <v>1458718</v>
      </c>
      <c r="GD27" s="104">
        <v>1386982</v>
      </c>
      <c r="GE27" s="104">
        <v>1225321</v>
      </c>
      <c r="GF27" s="103">
        <v>7808702</v>
      </c>
      <c r="GG27" s="294">
        <v>9055433</v>
      </c>
      <c r="GH27" s="105">
        <v>25740</v>
      </c>
      <c r="GI27" s="104">
        <v>94304</v>
      </c>
      <c r="GJ27" s="102">
        <v>120044</v>
      </c>
      <c r="GK27" s="101">
        <v>0</v>
      </c>
      <c r="GL27" s="104">
        <v>118598</v>
      </c>
      <c r="GM27" s="104">
        <v>60489</v>
      </c>
      <c r="GN27" s="104">
        <v>114480</v>
      </c>
      <c r="GO27" s="104">
        <v>90000</v>
      </c>
      <c r="GP27" s="104">
        <v>48114</v>
      </c>
      <c r="GQ27" s="103">
        <v>431681</v>
      </c>
      <c r="GR27" s="106">
        <v>551725</v>
      </c>
      <c r="GS27" s="100">
        <v>194353</v>
      </c>
      <c r="GT27" s="104">
        <v>157950</v>
      </c>
      <c r="GU27" s="103">
        <v>352303</v>
      </c>
      <c r="GV27" s="100">
        <v>0</v>
      </c>
      <c r="GW27" s="104">
        <v>272970</v>
      </c>
      <c r="GX27" s="104">
        <v>0</v>
      </c>
      <c r="GY27" s="104">
        <v>85338</v>
      </c>
      <c r="GZ27" s="104">
        <v>20790</v>
      </c>
      <c r="HA27" s="104">
        <v>0</v>
      </c>
      <c r="HB27" s="102">
        <v>379098</v>
      </c>
      <c r="HC27" s="106">
        <v>731401</v>
      </c>
      <c r="HD27" s="100">
        <v>522566</v>
      </c>
      <c r="HE27" s="104">
        <v>476319</v>
      </c>
      <c r="HF27" s="102">
        <v>998885</v>
      </c>
      <c r="HG27" s="101">
        <v>0</v>
      </c>
      <c r="HH27" s="104">
        <v>4662714</v>
      </c>
      <c r="HI27" s="104">
        <v>5565120</v>
      </c>
      <c r="HJ27" s="104">
        <v>4699424</v>
      </c>
      <c r="HK27" s="104">
        <v>5255487</v>
      </c>
      <c r="HL27" s="104">
        <v>2453785</v>
      </c>
      <c r="HM27" s="103">
        <v>22636530</v>
      </c>
      <c r="HN27" s="99">
        <v>23635415</v>
      </c>
      <c r="HO27" s="105">
        <v>280560</v>
      </c>
      <c r="HP27" s="104">
        <v>765783</v>
      </c>
      <c r="HQ27" s="103">
        <v>1046343</v>
      </c>
      <c r="HR27" s="100">
        <v>0</v>
      </c>
      <c r="HS27" s="104">
        <v>3441269</v>
      </c>
      <c r="HT27" s="104">
        <v>3235201</v>
      </c>
      <c r="HU27" s="104">
        <v>1805286</v>
      </c>
      <c r="HV27" s="104">
        <v>1202852</v>
      </c>
      <c r="HW27" s="104">
        <v>895537</v>
      </c>
      <c r="HX27" s="102">
        <v>10580145</v>
      </c>
      <c r="HY27" s="106">
        <v>11626488</v>
      </c>
      <c r="HZ27" s="118">
        <v>145197</v>
      </c>
      <c r="IA27" s="119">
        <v>252558</v>
      </c>
      <c r="IB27" s="120">
        <v>397755</v>
      </c>
      <c r="IC27" s="133">
        <v>0</v>
      </c>
      <c r="ID27" s="119">
        <v>8797987</v>
      </c>
      <c r="IE27" s="134">
        <v>15108928</v>
      </c>
      <c r="IF27" s="120">
        <v>11668928</v>
      </c>
      <c r="IG27" s="119">
        <v>13816135</v>
      </c>
      <c r="IH27" s="120">
        <v>7189236</v>
      </c>
      <c r="II27" s="135">
        <v>56581214</v>
      </c>
      <c r="IJ27" s="126">
        <v>56978969</v>
      </c>
      <c r="IK27" s="219">
        <v>0</v>
      </c>
      <c r="IL27" s="223">
        <v>0</v>
      </c>
      <c r="IM27" s="224">
        <v>0</v>
      </c>
      <c r="IN27" s="127"/>
      <c r="IO27" s="109">
        <v>0</v>
      </c>
      <c r="IP27" s="109">
        <v>755380</v>
      </c>
      <c r="IQ27" s="109">
        <v>645220</v>
      </c>
      <c r="IR27" s="109">
        <v>678725</v>
      </c>
      <c r="IS27" s="109">
        <v>0</v>
      </c>
      <c r="IT27" s="128">
        <v>2079325</v>
      </c>
      <c r="IU27" s="296">
        <v>2079325</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4075972</v>
      </c>
      <c r="JL27" s="109">
        <v>6445696</v>
      </c>
      <c r="JM27" s="109">
        <v>2821957</v>
      </c>
      <c r="JN27" s="109">
        <v>2126674</v>
      </c>
      <c r="JO27" s="109">
        <v>543537</v>
      </c>
      <c r="JP27" s="110">
        <v>16013836</v>
      </c>
      <c r="JQ27" s="296">
        <v>16013836</v>
      </c>
      <c r="JR27" s="129">
        <v>0</v>
      </c>
      <c r="JS27" s="109">
        <v>0</v>
      </c>
      <c r="JT27" s="128">
        <v>0</v>
      </c>
      <c r="JU27" s="108">
        <v>0</v>
      </c>
      <c r="JV27" s="109">
        <v>133128</v>
      </c>
      <c r="JW27" s="109">
        <v>300699</v>
      </c>
      <c r="JX27" s="109">
        <v>225755</v>
      </c>
      <c r="JY27" s="109">
        <v>0</v>
      </c>
      <c r="JZ27" s="109">
        <v>619290</v>
      </c>
      <c r="KA27" s="110">
        <v>1278872</v>
      </c>
      <c r="KB27" s="296">
        <v>1278872</v>
      </c>
      <c r="KC27" s="221">
        <v>145197</v>
      </c>
      <c r="KD27" s="217">
        <v>252558</v>
      </c>
      <c r="KE27" s="110">
        <v>397755</v>
      </c>
      <c r="KF27" s="108">
        <v>0</v>
      </c>
      <c r="KG27" s="109">
        <v>2138219</v>
      </c>
      <c r="KH27" s="109">
        <v>4234142</v>
      </c>
      <c r="KI27" s="109">
        <v>2341782</v>
      </c>
      <c r="KJ27" s="109">
        <v>3682224</v>
      </c>
      <c r="KK27" s="109">
        <v>1433070</v>
      </c>
      <c r="KL27" s="110">
        <v>13829437</v>
      </c>
      <c r="KM27" s="130">
        <v>14227192</v>
      </c>
      <c r="KN27" s="219">
        <v>0</v>
      </c>
      <c r="KO27" s="223">
        <v>0</v>
      </c>
      <c r="KP27" s="224">
        <v>0</v>
      </c>
      <c r="KQ27" s="127"/>
      <c r="KR27" s="109">
        <v>2450668</v>
      </c>
      <c r="KS27" s="109">
        <v>3373011</v>
      </c>
      <c r="KT27" s="109">
        <v>3169236</v>
      </c>
      <c r="KU27" s="109">
        <v>4236002</v>
      </c>
      <c r="KV27" s="109">
        <v>976041</v>
      </c>
      <c r="KW27" s="110">
        <v>14204958</v>
      </c>
      <c r="KX27" s="296">
        <v>14204958</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2464978</v>
      </c>
      <c r="LQ27" s="109">
        <v>3092510</v>
      </c>
      <c r="LR27" s="109">
        <v>3617298</v>
      </c>
      <c r="LS27" s="110">
        <v>9174786</v>
      </c>
      <c r="LT27" s="296">
        <v>9174786</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601229</v>
      </c>
      <c r="MK27" s="109">
        <v>7601125</v>
      </c>
      <c r="ML27" s="109">
        <v>21472202</v>
      </c>
      <c r="MM27" s="109">
        <v>31825313</v>
      </c>
      <c r="MN27" s="109">
        <v>16865402</v>
      </c>
      <c r="MO27" s="110">
        <v>80365271</v>
      </c>
      <c r="MP27" s="130">
        <v>80365271</v>
      </c>
      <c r="MQ27" s="129">
        <v>0</v>
      </c>
      <c r="MR27" s="109">
        <v>0</v>
      </c>
      <c r="MS27" s="110">
        <v>0</v>
      </c>
      <c r="MT27" s="132"/>
      <c r="MU27" s="109">
        <v>624347</v>
      </c>
      <c r="MV27" s="109">
        <v>1208577</v>
      </c>
      <c r="MW27" s="109">
        <v>13160897</v>
      </c>
      <c r="MX27" s="109">
        <v>16738004</v>
      </c>
      <c r="MY27" s="109">
        <v>8808254</v>
      </c>
      <c r="MZ27" s="110">
        <v>40540079</v>
      </c>
      <c r="NA27" s="130">
        <v>40540079</v>
      </c>
      <c r="NB27" s="129">
        <v>0</v>
      </c>
      <c r="NC27" s="109">
        <v>0</v>
      </c>
      <c r="ND27" s="110">
        <v>0</v>
      </c>
      <c r="NE27" s="132"/>
      <c r="NF27" s="109">
        <v>1976882</v>
      </c>
      <c r="NG27" s="109">
        <v>6392548</v>
      </c>
      <c r="NH27" s="109">
        <v>8311305</v>
      </c>
      <c r="NI27" s="109">
        <v>12410902</v>
      </c>
      <c r="NJ27" s="109">
        <v>7201558</v>
      </c>
      <c r="NK27" s="110">
        <v>36293195</v>
      </c>
      <c r="NL27" s="296">
        <v>36293195</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2676407</v>
      </c>
      <c r="OF27" s="109">
        <v>855590</v>
      </c>
      <c r="OG27" s="110">
        <v>3531997</v>
      </c>
      <c r="OH27" s="111">
        <v>3531997</v>
      </c>
      <c r="OI27" s="129">
        <v>1877331</v>
      </c>
      <c r="OJ27" s="109">
        <v>3775512</v>
      </c>
      <c r="OK27" s="128">
        <v>5652843</v>
      </c>
      <c r="OL27" s="108">
        <v>0</v>
      </c>
      <c r="OM27" s="109">
        <v>31738046</v>
      </c>
      <c r="ON27" s="109">
        <v>48737743</v>
      </c>
      <c r="OO27" s="109">
        <v>51838563</v>
      </c>
      <c r="OP27" s="109">
        <v>63669338</v>
      </c>
      <c r="OQ27" s="109">
        <v>38147818</v>
      </c>
      <c r="OR27" s="110">
        <v>234131508</v>
      </c>
      <c r="OS27" s="130">
        <v>239784351</v>
      </c>
    </row>
    <row r="28" spans="2:409" ht="21" customHeight="1" x14ac:dyDescent="0.2">
      <c r="B28" s="468" t="s">
        <v>23</v>
      </c>
      <c r="C28" s="100">
        <v>3366272</v>
      </c>
      <c r="D28" s="104">
        <v>7248856</v>
      </c>
      <c r="E28" s="103">
        <v>10615128</v>
      </c>
      <c r="F28" s="99">
        <v>0</v>
      </c>
      <c r="G28" s="104">
        <v>53247735</v>
      </c>
      <c r="H28" s="104">
        <v>64520207</v>
      </c>
      <c r="I28" s="104">
        <v>53442688</v>
      </c>
      <c r="J28" s="104">
        <v>53960815</v>
      </c>
      <c r="K28" s="104">
        <v>35306941</v>
      </c>
      <c r="L28" s="160">
        <v>260478386</v>
      </c>
      <c r="M28" s="106">
        <v>271093514</v>
      </c>
      <c r="N28" s="100">
        <v>1110604</v>
      </c>
      <c r="O28" s="104">
        <v>2598458</v>
      </c>
      <c r="P28" s="103">
        <v>3709062</v>
      </c>
      <c r="Q28" s="100">
        <v>0</v>
      </c>
      <c r="R28" s="104">
        <v>12489068</v>
      </c>
      <c r="S28" s="104">
        <v>17177831</v>
      </c>
      <c r="T28" s="104">
        <v>13507289</v>
      </c>
      <c r="U28" s="104">
        <v>16978832</v>
      </c>
      <c r="V28" s="104">
        <v>14270074</v>
      </c>
      <c r="W28" s="103">
        <v>74423094</v>
      </c>
      <c r="X28" s="106">
        <v>78132156</v>
      </c>
      <c r="Y28" s="100">
        <v>0</v>
      </c>
      <c r="Z28" s="104">
        <v>0</v>
      </c>
      <c r="AA28" s="103">
        <v>0</v>
      </c>
      <c r="AB28" s="100">
        <v>0</v>
      </c>
      <c r="AC28" s="104">
        <v>5653572</v>
      </c>
      <c r="AD28" s="104">
        <v>6615269</v>
      </c>
      <c r="AE28" s="104">
        <v>6991656</v>
      </c>
      <c r="AF28" s="104">
        <v>8825495</v>
      </c>
      <c r="AG28" s="104">
        <v>7870893</v>
      </c>
      <c r="AH28" s="103">
        <v>35956885</v>
      </c>
      <c r="AI28" s="106">
        <v>35956885</v>
      </c>
      <c r="AJ28" s="100">
        <v>0</v>
      </c>
      <c r="AK28" s="104">
        <v>0</v>
      </c>
      <c r="AL28" s="103">
        <v>0</v>
      </c>
      <c r="AM28" s="100">
        <v>0</v>
      </c>
      <c r="AN28" s="104">
        <v>51149</v>
      </c>
      <c r="AO28" s="104">
        <v>144795</v>
      </c>
      <c r="AP28" s="104">
        <v>253270</v>
      </c>
      <c r="AQ28" s="104">
        <v>1251004</v>
      </c>
      <c r="AR28" s="104">
        <v>1651507</v>
      </c>
      <c r="AS28" s="103">
        <v>3351725</v>
      </c>
      <c r="AT28" s="106">
        <v>3351725</v>
      </c>
      <c r="AU28" s="100">
        <v>795582</v>
      </c>
      <c r="AV28" s="104">
        <v>2019906</v>
      </c>
      <c r="AW28" s="103">
        <v>2815488</v>
      </c>
      <c r="AX28" s="100">
        <v>0</v>
      </c>
      <c r="AY28" s="104">
        <v>3461135</v>
      </c>
      <c r="AZ28" s="104">
        <v>7309166</v>
      </c>
      <c r="BA28" s="104">
        <v>3604462</v>
      </c>
      <c r="BB28" s="104">
        <v>3590496</v>
      </c>
      <c r="BC28" s="104">
        <v>2658899</v>
      </c>
      <c r="BD28" s="103">
        <v>20624158</v>
      </c>
      <c r="BE28" s="106">
        <v>23439646</v>
      </c>
      <c r="BF28" s="100">
        <v>147020</v>
      </c>
      <c r="BG28" s="104">
        <v>390740</v>
      </c>
      <c r="BH28" s="102">
        <v>537760</v>
      </c>
      <c r="BI28" s="101">
        <v>0</v>
      </c>
      <c r="BJ28" s="104">
        <v>367661</v>
      </c>
      <c r="BK28" s="104">
        <v>675142</v>
      </c>
      <c r="BL28" s="104">
        <v>379050</v>
      </c>
      <c r="BM28" s="104">
        <v>350417</v>
      </c>
      <c r="BN28" s="104">
        <v>197403</v>
      </c>
      <c r="BO28" s="103">
        <v>1969673</v>
      </c>
      <c r="BP28" s="106">
        <v>2507433</v>
      </c>
      <c r="BQ28" s="100">
        <v>168002</v>
      </c>
      <c r="BR28" s="104">
        <v>187812</v>
      </c>
      <c r="BS28" s="103">
        <v>355814</v>
      </c>
      <c r="BT28" s="100">
        <v>0</v>
      </c>
      <c r="BU28" s="104">
        <v>2955551</v>
      </c>
      <c r="BV28" s="104">
        <v>2433459</v>
      </c>
      <c r="BW28" s="104">
        <v>2278851</v>
      </c>
      <c r="BX28" s="104">
        <v>2961420</v>
      </c>
      <c r="BY28" s="104">
        <v>1891372</v>
      </c>
      <c r="BZ28" s="103">
        <v>12520653</v>
      </c>
      <c r="CA28" s="106">
        <v>12876467</v>
      </c>
      <c r="CB28" s="100">
        <v>51148</v>
      </c>
      <c r="CC28" s="104">
        <v>459292</v>
      </c>
      <c r="CD28" s="103">
        <v>510440</v>
      </c>
      <c r="CE28" s="100">
        <v>0</v>
      </c>
      <c r="CF28" s="104">
        <v>18511111</v>
      </c>
      <c r="CG28" s="104">
        <v>20971885</v>
      </c>
      <c r="CH28" s="104">
        <v>18102785</v>
      </c>
      <c r="CI28" s="104">
        <v>11944457</v>
      </c>
      <c r="CJ28" s="104">
        <v>4493198</v>
      </c>
      <c r="CK28" s="103">
        <v>74023436</v>
      </c>
      <c r="CL28" s="106">
        <v>74533876</v>
      </c>
      <c r="CM28" s="100">
        <v>0</v>
      </c>
      <c r="CN28" s="104">
        <v>0</v>
      </c>
      <c r="CO28" s="103">
        <v>0</v>
      </c>
      <c r="CP28" s="101">
        <v>0</v>
      </c>
      <c r="CQ28" s="104">
        <v>16172479</v>
      </c>
      <c r="CR28" s="104">
        <v>17679614</v>
      </c>
      <c r="CS28" s="104">
        <v>14642889</v>
      </c>
      <c r="CT28" s="104">
        <v>9799783</v>
      </c>
      <c r="CU28" s="104">
        <v>3599103</v>
      </c>
      <c r="CV28" s="103">
        <v>61893868</v>
      </c>
      <c r="CW28" s="106">
        <v>61893868</v>
      </c>
      <c r="CX28" s="100">
        <v>51148</v>
      </c>
      <c r="CY28" s="104">
        <v>459292</v>
      </c>
      <c r="CZ28" s="103">
        <v>510440</v>
      </c>
      <c r="DA28" s="100">
        <v>0</v>
      </c>
      <c r="DB28" s="104">
        <v>2338632</v>
      </c>
      <c r="DC28" s="104">
        <v>3292271</v>
      </c>
      <c r="DD28" s="104">
        <v>3459896</v>
      </c>
      <c r="DE28" s="104">
        <v>2144674</v>
      </c>
      <c r="DF28" s="104">
        <v>894095</v>
      </c>
      <c r="DG28" s="103">
        <v>12129568</v>
      </c>
      <c r="DH28" s="106">
        <v>12640008</v>
      </c>
      <c r="DI28" s="100">
        <v>117662</v>
      </c>
      <c r="DJ28" s="104">
        <v>85811</v>
      </c>
      <c r="DK28" s="102">
        <v>203473</v>
      </c>
      <c r="DL28" s="101">
        <v>0</v>
      </c>
      <c r="DM28" s="104">
        <v>1704228</v>
      </c>
      <c r="DN28" s="104">
        <v>3884582</v>
      </c>
      <c r="DO28" s="104">
        <v>5901997</v>
      </c>
      <c r="DP28" s="104">
        <v>4368978</v>
      </c>
      <c r="DQ28" s="104">
        <v>1995762</v>
      </c>
      <c r="DR28" s="103">
        <v>17855547</v>
      </c>
      <c r="DS28" s="106">
        <v>18059020</v>
      </c>
      <c r="DT28" s="100">
        <v>73490</v>
      </c>
      <c r="DU28" s="104">
        <v>85811</v>
      </c>
      <c r="DV28" s="103">
        <v>159301</v>
      </c>
      <c r="DW28" s="100">
        <v>0</v>
      </c>
      <c r="DX28" s="104">
        <v>1672620</v>
      </c>
      <c r="DY28" s="104">
        <v>3792969</v>
      </c>
      <c r="DZ28" s="104">
        <v>5728808</v>
      </c>
      <c r="EA28" s="104">
        <v>4046899</v>
      </c>
      <c r="EB28" s="104">
        <v>1550062</v>
      </c>
      <c r="EC28" s="103">
        <v>16791358</v>
      </c>
      <c r="ED28" s="106">
        <v>16950659</v>
      </c>
      <c r="EE28" s="100">
        <v>44172</v>
      </c>
      <c r="EF28" s="102">
        <v>0</v>
      </c>
      <c r="EG28" s="103">
        <v>44172</v>
      </c>
      <c r="EH28" s="100">
        <v>0</v>
      </c>
      <c r="EI28" s="104">
        <v>31608</v>
      </c>
      <c r="EJ28" s="104">
        <v>91613</v>
      </c>
      <c r="EK28" s="104">
        <v>173189</v>
      </c>
      <c r="EL28" s="104">
        <v>322079</v>
      </c>
      <c r="EM28" s="104">
        <v>445700</v>
      </c>
      <c r="EN28" s="102">
        <v>1064189</v>
      </c>
      <c r="EO28" s="106">
        <v>1108361</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2"/>
      <c r="FE28" s="104">
        <v>0</v>
      </c>
      <c r="FF28" s="104">
        <v>0</v>
      </c>
      <c r="FG28" s="104">
        <v>0</v>
      </c>
      <c r="FH28" s="104">
        <v>0</v>
      </c>
      <c r="FI28" s="104">
        <v>0</v>
      </c>
      <c r="FJ28" s="103">
        <v>0</v>
      </c>
      <c r="FK28" s="106">
        <v>0</v>
      </c>
      <c r="FL28" s="100">
        <v>978566</v>
      </c>
      <c r="FM28" s="104">
        <v>2397554</v>
      </c>
      <c r="FN28" s="103">
        <v>3376120</v>
      </c>
      <c r="FO28" s="100">
        <v>0</v>
      </c>
      <c r="FP28" s="104">
        <v>3253124</v>
      </c>
      <c r="FQ28" s="104">
        <v>6643063</v>
      </c>
      <c r="FR28" s="104">
        <v>3563605</v>
      </c>
      <c r="FS28" s="104">
        <v>3711406</v>
      </c>
      <c r="FT28" s="104">
        <v>2310021</v>
      </c>
      <c r="FU28" s="103">
        <v>19481219</v>
      </c>
      <c r="FV28" s="106">
        <v>22857339</v>
      </c>
      <c r="FW28" s="105">
        <v>471686</v>
      </c>
      <c r="FX28" s="104">
        <v>1790342</v>
      </c>
      <c r="FY28" s="102">
        <v>2262028</v>
      </c>
      <c r="FZ28" s="101">
        <v>0</v>
      </c>
      <c r="GA28" s="104">
        <v>2272913</v>
      </c>
      <c r="GB28" s="104">
        <v>5812786</v>
      </c>
      <c r="GC28" s="104">
        <v>3386845</v>
      </c>
      <c r="GD28" s="104">
        <v>3529534</v>
      </c>
      <c r="GE28" s="104">
        <v>2056521</v>
      </c>
      <c r="GF28" s="103">
        <v>17058599</v>
      </c>
      <c r="GG28" s="294">
        <v>19320627</v>
      </c>
      <c r="GH28" s="105">
        <v>0</v>
      </c>
      <c r="GI28" s="104">
        <v>77292</v>
      </c>
      <c r="GJ28" s="102">
        <v>77292</v>
      </c>
      <c r="GK28" s="101">
        <v>0</v>
      </c>
      <c r="GL28" s="104">
        <v>113358</v>
      </c>
      <c r="GM28" s="104">
        <v>127827</v>
      </c>
      <c r="GN28" s="104">
        <v>39960</v>
      </c>
      <c r="GO28" s="104">
        <v>32472</v>
      </c>
      <c r="GP28" s="104">
        <v>0</v>
      </c>
      <c r="GQ28" s="103">
        <v>313617</v>
      </c>
      <c r="GR28" s="106">
        <v>390909</v>
      </c>
      <c r="GS28" s="100">
        <v>506880</v>
      </c>
      <c r="GT28" s="104">
        <v>529920</v>
      </c>
      <c r="GU28" s="103">
        <v>1036800</v>
      </c>
      <c r="GV28" s="100">
        <v>0</v>
      </c>
      <c r="GW28" s="104">
        <v>866853</v>
      </c>
      <c r="GX28" s="104">
        <v>702450</v>
      </c>
      <c r="GY28" s="104">
        <v>136800</v>
      </c>
      <c r="GZ28" s="104">
        <v>149400</v>
      </c>
      <c r="HA28" s="104">
        <v>253500</v>
      </c>
      <c r="HB28" s="102">
        <v>2109003</v>
      </c>
      <c r="HC28" s="106">
        <v>3145803</v>
      </c>
      <c r="HD28" s="100">
        <v>473432</v>
      </c>
      <c r="HE28" s="104">
        <v>362282</v>
      </c>
      <c r="HF28" s="102">
        <v>835714</v>
      </c>
      <c r="HG28" s="101">
        <v>0</v>
      </c>
      <c r="HH28" s="104">
        <v>9844313</v>
      </c>
      <c r="HI28" s="104">
        <v>7892485</v>
      </c>
      <c r="HJ28" s="104">
        <v>7232277</v>
      </c>
      <c r="HK28" s="104">
        <v>13352517</v>
      </c>
      <c r="HL28" s="104">
        <v>10403327</v>
      </c>
      <c r="HM28" s="103">
        <v>48724919</v>
      </c>
      <c r="HN28" s="99">
        <v>49560633</v>
      </c>
      <c r="HO28" s="105">
        <v>634860</v>
      </c>
      <c r="HP28" s="104">
        <v>1345459</v>
      </c>
      <c r="HQ28" s="103">
        <v>1980319</v>
      </c>
      <c r="HR28" s="100">
        <v>0</v>
      </c>
      <c r="HS28" s="104">
        <v>7445891</v>
      </c>
      <c r="HT28" s="104">
        <v>7950361</v>
      </c>
      <c r="HU28" s="104">
        <v>5134735</v>
      </c>
      <c r="HV28" s="104">
        <v>3604625</v>
      </c>
      <c r="HW28" s="104">
        <v>1834559</v>
      </c>
      <c r="HX28" s="102">
        <v>25970171</v>
      </c>
      <c r="HY28" s="106">
        <v>27950490</v>
      </c>
      <c r="HZ28" s="137">
        <v>0</v>
      </c>
      <c r="IA28" s="122">
        <v>0</v>
      </c>
      <c r="IB28" s="137">
        <v>0</v>
      </c>
      <c r="IC28" s="121">
        <v>0</v>
      </c>
      <c r="ID28" s="122">
        <v>14638565</v>
      </c>
      <c r="IE28" s="123">
        <v>10044842</v>
      </c>
      <c r="IF28" s="124">
        <v>10155807</v>
      </c>
      <c r="IG28" s="122">
        <v>9973652</v>
      </c>
      <c r="IH28" s="124">
        <v>2163144</v>
      </c>
      <c r="II28" s="125">
        <v>46976010</v>
      </c>
      <c r="IJ28" s="137">
        <v>46976010</v>
      </c>
      <c r="IK28" s="219">
        <v>0</v>
      </c>
      <c r="IL28" s="223">
        <v>0</v>
      </c>
      <c r="IM28" s="224">
        <v>0</v>
      </c>
      <c r="IN28" s="127"/>
      <c r="IO28" s="109">
        <v>0</v>
      </c>
      <c r="IP28" s="109">
        <v>0</v>
      </c>
      <c r="IQ28" s="109">
        <v>174946</v>
      </c>
      <c r="IR28" s="109">
        <v>0</v>
      </c>
      <c r="IS28" s="109">
        <v>232199</v>
      </c>
      <c r="IT28" s="128">
        <v>407145</v>
      </c>
      <c r="IU28" s="296">
        <v>407145</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2955603</v>
      </c>
      <c r="JL28" s="109">
        <v>2827002</v>
      </c>
      <c r="JM28" s="109">
        <v>2550276</v>
      </c>
      <c r="JN28" s="109">
        <v>1920146</v>
      </c>
      <c r="JO28" s="109">
        <v>411138</v>
      </c>
      <c r="JP28" s="110">
        <v>10664165</v>
      </c>
      <c r="JQ28" s="296">
        <v>10664165</v>
      </c>
      <c r="JR28" s="129">
        <v>0</v>
      </c>
      <c r="JS28" s="109">
        <v>0</v>
      </c>
      <c r="JT28" s="128">
        <v>0</v>
      </c>
      <c r="JU28" s="108">
        <v>0</v>
      </c>
      <c r="JV28" s="109">
        <v>0</v>
      </c>
      <c r="JW28" s="109">
        <v>0</v>
      </c>
      <c r="JX28" s="109">
        <v>431227</v>
      </c>
      <c r="JY28" s="109">
        <v>302028</v>
      </c>
      <c r="JZ28" s="109">
        <v>0</v>
      </c>
      <c r="KA28" s="110">
        <v>733255</v>
      </c>
      <c r="KB28" s="296">
        <v>733255</v>
      </c>
      <c r="KC28" s="221">
        <v>0</v>
      </c>
      <c r="KD28" s="217">
        <v>0</v>
      </c>
      <c r="KE28" s="110">
        <v>0</v>
      </c>
      <c r="KF28" s="108">
        <v>0</v>
      </c>
      <c r="KG28" s="109">
        <v>649405</v>
      </c>
      <c r="KH28" s="109">
        <v>1119518</v>
      </c>
      <c r="KI28" s="109">
        <v>789991</v>
      </c>
      <c r="KJ28" s="109">
        <v>573525</v>
      </c>
      <c r="KK28" s="109">
        <v>308005</v>
      </c>
      <c r="KL28" s="110">
        <v>3440444</v>
      </c>
      <c r="KM28" s="130">
        <v>3440444</v>
      </c>
      <c r="KN28" s="219">
        <v>0</v>
      </c>
      <c r="KO28" s="223">
        <v>0</v>
      </c>
      <c r="KP28" s="224">
        <v>0</v>
      </c>
      <c r="KQ28" s="127"/>
      <c r="KR28" s="109">
        <v>11033557</v>
      </c>
      <c r="KS28" s="109">
        <v>6098322</v>
      </c>
      <c r="KT28" s="109">
        <v>6209367</v>
      </c>
      <c r="KU28" s="109">
        <v>6858086</v>
      </c>
      <c r="KV28" s="109">
        <v>1211802</v>
      </c>
      <c r="KW28" s="110">
        <v>31411134</v>
      </c>
      <c r="KX28" s="296">
        <v>31411134</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6">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539660</v>
      </c>
      <c r="MK28" s="109">
        <v>10217995</v>
      </c>
      <c r="ML28" s="109">
        <v>35630733</v>
      </c>
      <c r="MM28" s="109">
        <v>55260325</v>
      </c>
      <c r="MN28" s="109">
        <v>38677835</v>
      </c>
      <c r="MO28" s="110">
        <v>143326548</v>
      </c>
      <c r="MP28" s="130">
        <v>143326548</v>
      </c>
      <c r="MQ28" s="129">
        <v>0</v>
      </c>
      <c r="MR28" s="109">
        <v>0</v>
      </c>
      <c r="MS28" s="110">
        <v>0</v>
      </c>
      <c r="MT28" s="132"/>
      <c r="MU28" s="109">
        <v>436230</v>
      </c>
      <c r="MV28" s="109">
        <v>3641540</v>
      </c>
      <c r="MW28" s="109">
        <v>24056391</v>
      </c>
      <c r="MX28" s="109">
        <v>35613673</v>
      </c>
      <c r="MY28" s="109">
        <v>24833521</v>
      </c>
      <c r="MZ28" s="110">
        <v>88581355</v>
      </c>
      <c r="NA28" s="130">
        <v>88581355</v>
      </c>
      <c r="NB28" s="129">
        <v>0</v>
      </c>
      <c r="NC28" s="109">
        <v>0</v>
      </c>
      <c r="ND28" s="110">
        <v>0</v>
      </c>
      <c r="NE28" s="132"/>
      <c r="NF28" s="109">
        <v>3103430</v>
      </c>
      <c r="NG28" s="109">
        <v>6576455</v>
      </c>
      <c r="NH28" s="109">
        <v>11574342</v>
      </c>
      <c r="NI28" s="109">
        <v>18459324</v>
      </c>
      <c r="NJ28" s="109">
        <v>9234861</v>
      </c>
      <c r="NK28" s="110">
        <v>48948412</v>
      </c>
      <c r="NL28" s="296">
        <v>48948412</v>
      </c>
      <c r="NM28" s="129">
        <v>0</v>
      </c>
      <c r="NN28" s="109">
        <v>0</v>
      </c>
      <c r="NO28" s="110">
        <v>0</v>
      </c>
      <c r="NP28" s="132"/>
      <c r="NQ28" s="109">
        <v>0</v>
      </c>
      <c r="NR28" s="109">
        <v>0</v>
      </c>
      <c r="NS28" s="109">
        <v>0</v>
      </c>
      <c r="NT28" s="109">
        <v>0</v>
      </c>
      <c r="NU28" s="109">
        <v>677518</v>
      </c>
      <c r="NV28" s="110">
        <v>677518</v>
      </c>
      <c r="NW28" s="111">
        <v>677518</v>
      </c>
      <c r="NX28" s="129">
        <v>0</v>
      </c>
      <c r="NY28" s="109">
        <v>0</v>
      </c>
      <c r="NZ28" s="110">
        <v>0</v>
      </c>
      <c r="OA28" s="132"/>
      <c r="OB28" s="109">
        <v>0</v>
      </c>
      <c r="OC28" s="109">
        <v>0</v>
      </c>
      <c r="OD28" s="109">
        <v>0</v>
      </c>
      <c r="OE28" s="109">
        <v>1187328</v>
      </c>
      <c r="OF28" s="109">
        <v>3931935</v>
      </c>
      <c r="OG28" s="110">
        <v>5119263</v>
      </c>
      <c r="OH28" s="111">
        <v>5119263</v>
      </c>
      <c r="OI28" s="129">
        <v>3366272</v>
      </c>
      <c r="OJ28" s="109">
        <v>7248856</v>
      </c>
      <c r="OK28" s="128">
        <v>10615128</v>
      </c>
      <c r="OL28" s="108">
        <v>0</v>
      </c>
      <c r="OM28" s="109">
        <v>71425960</v>
      </c>
      <c r="ON28" s="109">
        <v>84783044</v>
      </c>
      <c r="OO28" s="109">
        <v>99229228</v>
      </c>
      <c r="OP28" s="109">
        <v>119194792</v>
      </c>
      <c r="OQ28" s="109">
        <v>76147920</v>
      </c>
      <c r="OR28" s="110">
        <v>450780944</v>
      </c>
      <c r="OS28" s="130">
        <v>461396072</v>
      </c>
    </row>
    <row r="29" spans="2:409" ht="21" customHeight="1" x14ac:dyDescent="0.2">
      <c r="B29" s="468" t="s">
        <v>24</v>
      </c>
      <c r="C29" s="100">
        <v>3061126</v>
      </c>
      <c r="D29" s="104">
        <v>3911885</v>
      </c>
      <c r="E29" s="103">
        <v>6973011</v>
      </c>
      <c r="F29" s="99">
        <v>0</v>
      </c>
      <c r="G29" s="104">
        <v>27824991</v>
      </c>
      <c r="H29" s="104">
        <v>28512496</v>
      </c>
      <c r="I29" s="104">
        <v>22625078</v>
      </c>
      <c r="J29" s="104">
        <v>26064976</v>
      </c>
      <c r="K29" s="104">
        <v>19157485</v>
      </c>
      <c r="L29" s="160">
        <v>124185026</v>
      </c>
      <c r="M29" s="106">
        <v>131158037</v>
      </c>
      <c r="N29" s="100">
        <v>715958</v>
      </c>
      <c r="O29" s="104">
        <v>954413</v>
      </c>
      <c r="P29" s="103">
        <v>1670371</v>
      </c>
      <c r="Q29" s="100">
        <v>0</v>
      </c>
      <c r="R29" s="104">
        <v>6247863</v>
      </c>
      <c r="S29" s="104">
        <v>7922426</v>
      </c>
      <c r="T29" s="104">
        <v>7262962</v>
      </c>
      <c r="U29" s="104">
        <v>8917392</v>
      </c>
      <c r="V29" s="104">
        <v>8654980</v>
      </c>
      <c r="W29" s="103">
        <v>39005623</v>
      </c>
      <c r="X29" s="106">
        <v>40675994</v>
      </c>
      <c r="Y29" s="100">
        <v>0</v>
      </c>
      <c r="Z29" s="104">
        <v>0</v>
      </c>
      <c r="AA29" s="103">
        <v>0</v>
      </c>
      <c r="AB29" s="100">
        <v>0</v>
      </c>
      <c r="AC29" s="104">
        <v>2091709</v>
      </c>
      <c r="AD29" s="104">
        <v>3066245</v>
      </c>
      <c r="AE29" s="104">
        <v>4371425</v>
      </c>
      <c r="AF29" s="104">
        <v>4283760</v>
      </c>
      <c r="AG29" s="104">
        <v>4656328</v>
      </c>
      <c r="AH29" s="103">
        <v>18469467</v>
      </c>
      <c r="AI29" s="106">
        <v>18469467</v>
      </c>
      <c r="AJ29" s="100">
        <v>0</v>
      </c>
      <c r="AK29" s="104">
        <v>0</v>
      </c>
      <c r="AL29" s="103">
        <v>0</v>
      </c>
      <c r="AM29" s="100">
        <v>0</v>
      </c>
      <c r="AN29" s="104">
        <v>42256</v>
      </c>
      <c r="AO29" s="104">
        <v>79777</v>
      </c>
      <c r="AP29" s="104">
        <v>207138</v>
      </c>
      <c r="AQ29" s="104">
        <v>687791</v>
      </c>
      <c r="AR29" s="104">
        <v>1241245</v>
      </c>
      <c r="AS29" s="103">
        <v>2258207</v>
      </c>
      <c r="AT29" s="106">
        <v>2258207</v>
      </c>
      <c r="AU29" s="100">
        <v>473190</v>
      </c>
      <c r="AV29" s="104">
        <v>739550</v>
      </c>
      <c r="AW29" s="103">
        <v>1212740</v>
      </c>
      <c r="AX29" s="100">
        <v>0</v>
      </c>
      <c r="AY29" s="104">
        <v>2852244</v>
      </c>
      <c r="AZ29" s="104">
        <v>3395441</v>
      </c>
      <c r="BA29" s="104">
        <v>1542051</v>
      </c>
      <c r="BB29" s="104">
        <v>2464632</v>
      </c>
      <c r="BC29" s="104">
        <v>1683074</v>
      </c>
      <c r="BD29" s="103">
        <v>11937442</v>
      </c>
      <c r="BE29" s="106">
        <v>13150182</v>
      </c>
      <c r="BF29" s="100">
        <v>0</v>
      </c>
      <c r="BG29" s="104">
        <v>23395</v>
      </c>
      <c r="BH29" s="102">
        <v>23395</v>
      </c>
      <c r="BI29" s="101">
        <v>0</v>
      </c>
      <c r="BJ29" s="104">
        <v>98942</v>
      </c>
      <c r="BK29" s="104">
        <v>241021</v>
      </c>
      <c r="BL29" s="104">
        <v>66687</v>
      </c>
      <c r="BM29" s="104">
        <v>96637</v>
      </c>
      <c r="BN29" s="104">
        <v>102329</v>
      </c>
      <c r="BO29" s="103">
        <v>605616</v>
      </c>
      <c r="BP29" s="106">
        <v>629011</v>
      </c>
      <c r="BQ29" s="100">
        <v>242768</v>
      </c>
      <c r="BR29" s="104">
        <v>191468</v>
      </c>
      <c r="BS29" s="103">
        <v>434236</v>
      </c>
      <c r="BT29" s="100">
        <v>0</v>
      </c>
      <c r="BU29" s="104">
        <v>1162712</v>
      </c>
      <c r="BV29" s="104">
        <v>1139942</v>
      </c>
      <c r="BW29" s="104">
        <v>1075661</v>
      </c>
      <c r="BX29" s="104">
        <v>1384572</v>
      </c>
      <c r="BY29" s="104">
        <v>972004</v>
      </c>
      <c r="BZ29" s="103">
        <v>5734891</v>
      </c>
      <c r="CA29" s="106">
        <v>6169127</v>
      </c>
      <c r="CB29" s="100">
        <v>308010</v>
      </c>
      <c r="CC29" s="104">
        <v>506486</v>
      </c>
      <c r="CD29" s="103">
        <v>814496</v>
      </c>
      <c r="CE29" s="100">
        <v>0</v>
      </c>
      <c r="CF29" s="104">
        <v>9336511</v>
      </c>
      <c r="CG29" s="104">
        <v>8805806</v>
      </c>
      <c r="CH29" s="104">
        <v>5062908</v>
      </c>
      <c r="CI29" s="104">
        <v>3469625</v>
      </c>
      <c r="CJ29" s="104">
        <v>2367122</v>
      </c>
      <c r="CK29" s="103">
        <v>29041972</v>
      </c>
      <c r="CL29" s="106">
        <v>29856468</v>
      </c>
      <c r="CM29" s="100">
        <v>0</v>
      </c>
      <c r="CN29" s="104">
        <v>0</v>
      </c>
      <c r="CO29" s="103">
        <v>0</v>
      </c>
      <c r="CP29" s="101">
        <v>0</v>
      </c>
      <c r="CQ29" s="104">
        <v>6193782</v>
      </c>
      <c r="CR29" s="104">
        <v>6556885</v>
      </c>
      <c r="CS29" s="104">
        <v>3089803</v>
      </c>
      <c r="CT29" s="104">
        <v>2193951</v>
      </c>
      <c r="CU29" s="104">
        <v>1059472</v>
      </c>
      <c r="CV29" s="103">
        <v>19093893</v>
      </c>
      <c r="CW29" s="106">
        <v>19093893</v>
      </c>
      <c r="CX29" s="100">
        <v>308010</v>
      </c>
      <c r="CY29" s="104">
        <v>506486</v>
      </c>
      <c r="CZ29" s="103">
        <v>814496</v>
      </c>
      <c r="DA29" s="100">
        <v>0</v>
      </c>
      <c r="DB29" s="104">
        <v>3142729</v>
      </c>
      <c r="DC29" s="104">
        <v>2248921</v>
      </c>
      <c r="DD29" s="104">
        <v>1973105</v>
      </c>
      <c r="DE29" s="104">
        <v>1275674</v>
      </c>
      <c r="DF29" s="104">
        <v>1307650</v>
      </c>
      <c r="DG29" s="103">
        <v>9948079</v>
      </c>
      <c r="DH29" s="106">
        <v>10762575</v>
      </c>
      <c r="DI29" s="100">
        <v>24627</v>
      </c>
      <c r="DJ29" s="104">
        <v>67512</v>
      </c>
      <c r="DK29" s="102">
        <v>92139</v>
      </c>
      <c r="DL29" s="101">
        <v>0</v>
      </c>
      <c r="DM29" s="104">
        <v>967382</v>
      </c>
      <c r="DN29" s="104">
        <v>1173714</v>
      </c>
      <c r="DO29" s="104">
        <v>1921175</v>
      </c>
      <c r="DP29" s="104">
        <v>2298650</v>
      </c>
      <c r="DQ29" s="104">
        <v>1186075</v>
      </c>
      <c r="DR29" s="103">
        <v>7546996</v>
      </c>
      <c r="DS29" s="106">
        <v>7639135</v>
      </c>
      <c r="DT29" s="100">
        <v>24627</v>
      </c>
      <c r="DU29" s="104">
        <v>67512</v>
      </c>
      <c r="DV29" s="103">
        <v>92139</v>
      </c>
      <c r="DW29" s="100">
        <v>0</v>
      </c>
      <c r="DX29" s="104">
        <v>870627</v>
      </c>
      <c r="DY29" s="104">
        <v>1173714</v>
      </c>
      <c r="DZ29" s="104">
        <v>1736908</v>
      </c>
      <c r="EA29" s="104">
        <v>2217506</v>
      </c>
      <c r="EB29" s="104">
        <v>891764</v>
      </c>
      <c r="EC29" s="103">
        <v>6890519</v>
      </c>
      <c r="ED29" s="106">
        <v>6982658</v>
      </c>
      <c r="EE29" s="100">
        <v>0</v>
      </c>
      <c r="EF29" s="102">
        <v>0</v>
      </c>
      <c r="EG29" s="103">
        <v>0</v>
      </c>
      <c r="EH29" s="100">
        <v>0</v>
      </c>
      <c r="EI29" s="104">
        <v>96755</v>
      </c>
      <c r="EJ29" s="104">
        <v>0</v>
      </c>
      <c r="EK29" s="104">
        <v>184267</v>
      </c>
      <c r="EL29" s="104">
        <v>81144</v>
      </c>
      <c r="EM29" s="104">
        <v>294311</v>
      </c>
      <c r="EN29" s="102">
        <v>656477</v>
      </c>
      <c r="EO29" s="106">
        <v>656477</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2"/>
      <c r="FE29" s="104">
        <v>0</v>
      </c>
      <c r="FF29" s="104">
        <v>0</v>
      </c>
      <c r="FG29" s="104">
        <v>0</v>
      </c>
      <c r="FH29" s="104">
        <v>0</v>
      </c>
      <c r="FI29" s="104">
        <v>0</v>
      </c>
      <c r="FJ29" s="103">
        <v>0</v>
      </c>
      <c r="FK29" s="106">
        <v>0</v>
      </c>
      <c r="FL29" s="100">
        <v>880506</v>
      </c>
      <c r="FM29" s="104">
        <v>888583</v>
      </c>
      <c r="FN29" s="103">
        <v>1769089</v>
      </c>
      <c r="FO29" s="100">
        <v>0</v>
      </c>
      <c r="FP29" s="104">
        <v>1090048</v>
      </c>
      <c r="FQ29" s="104">
        <v>2385574</v>
      </c>
      <c r="FR29" s="104">
        <v>1527621</v>
      </c>
      <c r="FS29" s="104">
        <v>1544254</v>
      </c>
      <c r="FT29" s="104">
        <v>1200018</v>
      </c>
      <c r="FU29" s="103">
        <v>7747515</v>
      </c>
      <c r="FV29" s="106">
        <v>9516604</v>
      </c>
      <c r="FW29" s="105">
        <v>412965</v>
      </c>
      <c r="FX29" s="104">
        <v>525229</v>
      </c>
      <c r="FY29" s="102">
        <v>938194</v>
      </c>
      <c r="FZ29" s="101">
        <v>0</v>
      </c>
      <c r="GA29" s="104">
        <v>1024928</v>
      </c>
      <c r="GB29" s="104">
        <v>2141349</v>
      </c>
      <c r="GC29" s="104">
        <v>1404501</v>
      </c>
      <c r="GD29" s="104">
        <v>1385230</v>
      </c>
      <c r="GE29" s="104">
        <v>1200018</v>
      </c>
      <c r="GF29" s="103">
        <v>7156026</v>
      </c>
      <c r="GG29" s="294">
        <v>8094220</v>
      </c>
      <c r="GH29" s="105">
        <v>27720</v>
      </c>
      <c r="GI29" s="104">
        <v>96954</v>
      </c>
      <c r="GJ29" s="102">
        <v>124674</v>
      </c>
      <c r="GK29" s="101">
        <v>0</v>
      </c>
      <c r="GL29" s="104">
        <v>18920</v>
      </c>
      <c r="GM29" s="104">
        <v>183115</v>
      </c>
      <c r="GN29" s="104">
        <v>49500</v>
      </c>
      <c r="GO29" s="104">
        <v>82024</v>
      </c>
      <c r="GP29" s="104">
        <v>0</v>
      </c>
      <c r="GQ29" s="103">
        <v>333559</v>
      </c>
      <c r="GR29" s="106">
        <v>458233</v>
      </c>
      <c r="GS29" s="100">
        <v>439821</v>
      </c>
      <c r="GT29" s="104">
        <v>266400</v>
      </c>
      <c r="GU29" s="103">
        <v>706221</v>
      </c>
      <c r="GV29" s="100">
        <v>0</v>
      </c>
      <c r="GW29" s="104">
        <v>46200</v>
      </c>
      <c r="GX29" s="104">
        <v>61110</v>
      </c>
      <c r="GY29" s="104">
        <v>73620</v>
      </c>
      <c r="GZ29" s="104">
        <v>77000</v>
      </c>
      <c r="HA29" s="104">
        <v>0</v>
      </c>
      <c r="HB29" s="102">
        <v>257930</v>
      </c>
      <c r="HC29" s="106">
        <v>964151</v>
      </c>
      <c r="HD29" s="100">
        <v>640658</v>
      </c>
      <c r="HE29" s="104">
        <v>952336</v>
      </c>
      <c r="HF29" s="102">
        <v>1592994</v>
      </c>
      <c r="HG29" s="101">
        <v>0</v>
      </c>
      <c r="HH29" s="104">
        <v>6236276</v>
      </c>
      <c r="HI29" s="104">
        <v>5137366</v>
      </c>
      <c r="HJ29" s="104">
        <v>4725548</v>
      </c>
      <c r="HK29" s="104">
        <v>8392609</v>
      </c>
      <c r="HL29" s="104">
        <v>4733356</v>
      </c>
      <c r="HM29" s="103">
        <v>29225155</v>
      </c>
      <c r="HN29" s="99">
        <v>30818149</v>
      </c>
      <c r="HO29" s="105">
        <v>491367</v>
      </c>
      <c r="HP29" s="104">
        <v>542555</v>
      </c>
      <c r="HQ29" s="103">
        <v>1033922</v>
      </c>
      <c r="HR29" s="100">
        <v>0</v>
      </c>
      <c r="HS29" s="104">
        <v>3946911</v>
      </c>
      <c r="HT29" s="104">
        <v>3087610</v>
      </c>
      <c r="HU29" s="104">
        <v>2124864</v>
      </c>
      <c r="HV29" s="104">
        <v>1442446</v>
      </c>
      <c r="HW29" s="104">
        <v>1015934</v>
      </c>
      <c r="HX29" s="102">
        <v>11617765</v>
      </c>
      <c r="HY29" s="106">
        <v>12651687</v>
      </c>
      <c r="HZ29" s="118">
        <v>0</v>
      </c>
      <c r="IA29" s="119">
        <v>398810</v>
      </c>
      <c r="IB29" s="120">
        <v>398810</v>
      </c>
      <c r="IC29" s="133">
        <v>0</v>
      </c>
      <c r="ID29" s="119">
        <v>4099541</v>
      </c>
      <c r="IE29" s="134">
        <v>5635689</v>
      </c>
      <c r="IF29" s="120">
        <v>5445561</v>
      </c>
      <c r="IG29" s="119">
        <v>4491753</v>
      </c>
      <c r="IH29" s="120">
        <v>1353627</v>
      </c>
      <c r="II29" s="135">
        <v>21026171</v>
      </c>
      <c r="IJ29" s="126">
        <v>21424981</v>
      </c>
      <c r="IK29" s="219">
        <v>0</v>
      </c>
      <c r="IL29" s="223">
        <v>0</v>
      </c>
      <c r="IM29" s="224">
        <v>0</v>
      </c>
      <c r="IN29" s="127"/>
      <c r="IO29" s="109">
        <v>287717</v>
      </c>
      <c r="IP29" s="109">
        <v>221432</v>
      </c>
      <c r="IQ29" s="109">
        <v>546165</v>
      </c>
      <c r="IR29" s="109">
        <v>808005</v>
      </c>
      <c r="IS29" s="109">
        <v>0</v>
      </c>
      <c r="IT29" s="128">
        <v>1863319</v>
      </c>
      <c r="IU29" s="296">
        <v>1863319</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458133</v>
      </c>
      <c r="JL29" s="109">
        <v>1297169</v>
      </c>
      <c r="JM29" s="109">
        <v>1461723</v>
      </c>
      <c r="JN29" s="109">
        <v>812135</v>
      </c>
      <c r="JO29" s="109">
        <v>191095</v>
      </c>
      <c r="JP29" s="110">
        <v>5220255</v>
      </c>
      <c r="JQ29" s="296">
        <v>5220255</v>
      </c>
      <c r="JR29" s="129">
        <v>0</v>
      </c>
      <c r="JS29" s="109">
        <v>0</v>
      </c>
      <c r="JT29" s="128">
        <v>0</v>
      </c>
      <c r="JU29" s="108">
        <v>0</v>
      </c>
      <c r="JV29" s="109">
        <v>648514</v>
      </c>
      <c r="JW29" s="109">
        <v>762622</v>
      </c>
      <c r="JX29" s="109">
        <v>365321</v>
      </c>
      <c r="JY29" s="109">
        <v>366049</v>
      </c>
      <c r="JZ29" s="109">
        <v>75693</v>
      </c>
      <c r="KA29" s="110">
        <v>2218199</v>
      </c>
      <c r="KB29" s="296">
        <v>2218199</v>
      </c>
      <c r="KC29" s="221">
        <v>0</v>
      </c>
      <c r="KD29" s="217">
        <v>398810</v>
      </c>
      <c r="KE29" s="110">
        <v>398810</v>
      </c>
      <c r="KF29" s="108">
        <v>0</v>
      </c>
      <c r="KG29" s="109">
        <v>1454776</v>
      </c>
      <c r="KH29" s="109">
        <v>2250168</v>
      </c>
      <c r="KI29" s="109">
        <v>1551521</v>
      </c>
      <c r="KJ29" s="109">
        <v>1358725</v>
      </c>
      <c r="KK29" s="109">
        <v>630205</v>
      </c>
      <c r="KL29" s="110">
        <v>7245395</v>
      </c>
      <c r="KM29" s="130">
        <v>7644205</v>
      </c>
      <c r="KN29" s="219">
        <v>0</v>
      </c>
      <c r="KO29" s="223">
        <v>0</v>
      </c>
      <c r="KP29" s="224">
        <v>0</v>
      </c>
      <c r="KQ29" s="127"/>
      <c r="KR29" s="109">
        <v>250401</v>
      </c>
      <c r="KS29" s="109">
        <v>1104298</v>
      </c>
      <c r="KT29" s="109">
        <v>1520831</v>
      </c>
      <c r="KU29" s="109">
        <v>1146839</v>
      </c>
      <c r="KV29" s="109">
        <v>456634</v>
      </c>
      <c r="KW29" s="110">
        <v>4479003</v>
      </c>
      <c r="KX29" s="296">
        <v>4479003</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6">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3275781</v>
      </c>
      <c r="MK29" s="109">
        <v>2433233</v>
      </c>
      <c r="ML29" s="109">
        <v>13299318</v>
      </c>
      <c r="MM29" s="109">
        <v>32440199</v>
      </c>
      <c r="MN29" s="109">
        <v>19991584</v>
      </c>
      <c r="MO29" s="110">
        <v>71440115</v>
      </c>
      <c r="MP29" s="130">
        <v>71440115</v>
      </c>
      <c r="MQ29" s="129">
        <v>0</v>
      </c>
      <c r="MR29" s="109">
        <v>0</v>
      </c>
      <c r="MS29" s="110">
        <v>0</v>
      </c>
      <c r="MT29" s="132"/>
      <c r="MU29" s="109">
        <v>0</v>
      </c>
      <c r="MV29" s="109">
        <v>0</v>
      </c>
      <c r="MW29" s="109">
        <v>6739513</v>
      </c>
      <c r="MX29" s="109">
        <v>23827196</v>
      </c>
      <c r="MY29" s="109">
        <v>16037956</v>
      </c>
      <c r="MZ29" s="110">
        <v>46604665</v>
      </c>
      <c r="NA29" s="130">
        <v>46604665</v>
      </c>
      <c r="NB29" s="129">
        <v>0</v>
      </c>
      <c r="NC29" s="109">
        <v>0</v>
      </c>
      <c r="ND29" s="110">
        <v>0</v>
      </c>
      <c r="NE29" s="132"/>
      <c r="NF29" s="109">
        <v>3275781</v>
      </c>
      <c r="NG29" s="109">
        <v>2433233</v>
      </c>
      <c r="NH29" s="109">
        <v>6559805</v>
      </c>
      <c r="NI29" s="109">
        <v>8613003</v>
      </c>
      <c r="NJ29" s="109">
        <v>3953628</v>
      </c>
      <c r="NK29" s="110">
        <v>24835450</v>
      </c>
      <c r="NL29" s="296">
        <v>24835450</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061126</v>
      </c>
      <c r="OJ29" s="109">
        <v>4310695</v>
      </c>
      <c r="OK29" s="128">
        <v>7371821</v>
      </c>
      <c r="OL29" s="108">
        <v>0</v>
      </c>
      <c r="OM29" s="109">
        <v>35200313</v>
      </c>
      <c r="ON29" s="109">
        <v>36581418</v>
      </c>
      <c r="OO29" s="109">
        <v>41369957</v>
      </c>
      <c r="OP29" s="109">
        <v>62996928</v>
      </c>
      <c r="OQ29" s="109">
        <v>40502696</v>
      </c>
      <c r="OR29" s="110">
        <v>216651312</v>
      </c>
      <c r="OS29" s="130">
        <v>224023133</v>
      </c>
    </row>
    <row r="30" spans="2:409" ht="21" customHeight="1" x14ac:dyDescent="0.2">
      <c r="B30" s="468" t="s">
        <v>25</v>
      </c>
      <c r="C30" s="100">
        <v>2535374</v>
      </c>
      <c r="D30" s="104">
        <v>5271657</v>
      </c>
      <c r="E30" s="103">
        <v>7807031</v>
      </c>
      <c r="F30" s="99">
        <v>0</v>
      </c>
      <c r="G30" s="104">
        <v>30684994</v>
      </c>
      <c r="H30" s="104">
        <v>33804368</v>
      </c>
      <c r="I30" s="104">
        <v>29549424</v>
      </c>
      <c r="J30" s="104">
        <v>27863955</v>
      </c>
      <c r="K30" s="104">
        <v>21283774</v>
      </c>
      <c r="L30" s="160">
        <v>143186515</v>
      </c>
      <c r="M30" s="106">
        <v>150993546</v>
      </c>
      <c r="N30" s="100">
        <v>581049</v>
      </c>
      <c r="O30" s="104">
        <v>1709593</v>
      </c>
      <c r="P30" s="103">
        <v>2290642</v>
      </c>
      <c r="Q30" s="100">
        <v>0</v>
      </c>
      <c r="R30" s="104">
        <v>8687299</v>
      </c>
      <c r="S30" s="104">
        <v>10648900</v>
      </c>
      <c r="T30" s="104">
        <v>9464688</v>
      </c>
      <c r="U30" s="104">
        <v>9990964</v>
      </c>
      <c r="V30" s="104">
        <v>11334540</v>
      </c>
      <c r="W30" s="103">
        <v>50126391</v>
      </c>
      <c r="X30" s="106">
        <v>52417033</v>
      </c>
      <c r="Y30" s="100">
        <v>0</v>
      </c>
      <c r="Z30" s="104">
        <v>0</v>
      </c>
      <c r="AA30" s="103">
        <v>0</v>
      </c>
      <c r="AB30" s="100">
        <v>0</v>
      </c>
      <c r="AC30" s="104">
        <v>4591223</v>
      </c>
      <c r="AD30" s="104">
        <v>5171152</v>
      </c>
      <c r="AE30" s="104">
        <v>5455552</v>
      </c>
      <c r="AF30" s="104">
        <v>5920446</v>
      </c>
      <c r="AG30" s="104">
        <v>7408951</v>
      </c>
      <c r="AH30" s="103">
        <v>28547324</v>
      </c>
      <c r="AI30" s="106">
        <v>28547324</v>
      </c>
      <c r="AJ30" s="100">
        <v>0</v>
      </c>
      <c r="AK30" s="104">
        <v>0</v>
      </c>
      <c r="AL30" s="103">
        <v>0</v>
      </c>
      <c r="AM30" s="100">
        <v>0</v>
      </c>
      <c r="AN30" s="104">
        <v>106054</v>
      </c>
      <c r="AO30" s="104">
        <v>557480</v>
      </c>
      <c r="AP30" s="104">
        <v>613759</v>
      </c>
      <c r="AQ30" s="104">
        <v>1014591</v>
      </c>
      <c r="AR30" s="104">
        <v>1460258</v>
      </c>
      <c r="AS30" s="103">
        <v>3752142</v>
      </c>
      <c r="AT30" s="106">
        <v>3752142</v>
      </c>
      <c r="AU30" s="100">
        <v>409195</v>
      </c>
      <c r="AV30" s="104">
        <v>1432138</v>
      </c>
      <c r="AW30" s="103">
        <v>1841333</v>
      </c>
      <c r="AX30" s="100">
        <v>0</v>
      </c>
      <c r="AY30" s="104">
        <v>2941902</v>
      </c>
      <c r="AZ30" s="104">
        <v>3498763</v>
      </c>
      <c r="BA30" s="104">
        <v>2189970</v>
      </c>
      <c r="BB30" s="104">
        <v>1737289</v>
      </c>
      <c r="BC30" s="104">
        <v>1453184</v>
      </c>
      <c r="BD30" s="103">
        <v>11821108</v>
      </c>
      <c r="BE30" s="106">
        <v>13662441</v>
      </c>
      <c r="BF30" s="100">
        <v>5943</v>
      </c>
      <c r="BG30" s="104">
        <v>144659</v>
      </c>
      <c r="BH30" s="102">
        <v>150602</v>
      </c>
      <c r="BI30" s="101">
        <v>0</v>
      </c>
      <c r="BJ30" s="104">
        <v>61050</v>
      </c>
      <c r="BK30" s="104">
        <v>464706</v>
      </c>
      <c r="BL30" s="104">
        <v>194956</v>
      </c>
      <c r="BM30" s="104">
        <v>136163</v>
      </c>
      <c r="BN30" s="104">
        <v>207292</v>
      </c>
      <c r="BO30" s="103">
        <v>1064167</v>
      </c>
      <c r="BP30" s="106">
        <v>1214769</v>
      </c>
      <c r="BQ30" s="100">
        <v>165911</v>
      </c>
      <c r="BR30" s="104">
        <v>132796</v>
      </c>
      <c r="BS30" s="103">
        <v>298707</v>
      </c>
      <c r="BT30" s="100">
        <v>0</v>
      </c>
      <c r="BU30" s="104">
        <v>987070</v>
      </c>
      <c r="BV30" s="104">
        <v>956799</v>
      </c>
      <c r="BW30" s="104">
        <v>1010451</v>
      </c>
      <c r="BX30" s="104">
        <v>1182475</v>
      </c>
      <c r="BY30" s="104">
        <v>804855</v>
      </c>
      <c r="BZ30" s="103">
        <v>4941650</v>
      </c>
      <c r="CA30" s="106">
        <v>5240357</v>
      </c>
      <c r="CB30" s="100">
        <v>320691</v>
      </c>
      <c r="CC30" s="104">
        <v>491767</v>
      </c>
      <c r="CD30" s="103">
        <v>812458</v>
      </c>
      <c r="CE30" s="100">
        <v>0</v>
      </c>
      <c r="CF30" s="104">
        <v>11318044</v>
      </c>
      <c r="CG30" s="104">
        <v>11481932</v>
      </c>
      <c r="CH30" s="104">
        <v>9512821</v>
      </c>
      <c r="CI30" s="104">
        <v>7224982</v>
      </c>
      <c r="CJ30" s="104">
        <v>2154609</v>
      </c>
      <c r="CK30" s="103">
        <v>41692388</v>
      </c>
      <c r="CL30" s="106">
        <v>42504846</v>
      </c>
      <c r="CM30" s="100">
        <v>0</v>
      </c>
      <c r="CN30" s="104">
        <v>0</v>
      </c>
      <c r="CO30" s="103">
        <v>0</v>
      </c>
      <c r="CP30" s="101">
        <v>0</v>
      </c>
      <c r="CQ30" s="104">
        <v>9186176</v>
      </c>
      <c r="CR30" s="104">
        <v>7552190</v>
      </c>
      <c r="CS30" s="104">
        <v>7328499</v>
      </c>
      <c r="CT30" s="104">
        <v>5435663</v>
      </c>
      <c r="CU30" s="104">
        <v>1765654</v>
      </c>
      <c r="CV30" s="103">
        <v>31268182</v>
      </c>
      <c r="CW30" s="106">
        <v>31268182</v>
      </c>
      <c r="CX30" s="100">
        <v>320691</v>
      </c>
      <c r="CY30" s="104">
        <v>491767</v>
      </c>
      <c r="CZ30" s="103">
        <v>812458</v>
      </c>
      <c r="DA30" s="100">
        <v>0</v>
      </c>
      <c r="DB30" s="104">
        <v>2131868</v>
      </c>
      <c r="DC30" s="104">
        <v>3929742</v>
      </c>
      <c r="DD30" s="104">
        <v>2184322</v>
      </c>
      <c r="DE30" s="104">
        <v>1789319</v>
      </c>
      <c r="DF30" s="104">
        <v>388955</v>
      </c>
      <c r="DG30" s="103">
        <v>10424206</v>
      </c>
      <c r="DH30" s="106">
        <v>11236664</v>
      </c>
      <c r="DI30" s="100">
        <v>0</v>
      </c>
      <c r="DJ30" s="104">
        <v>64204</v>
      </c>
      <c r="DK30" s="102">
        <v>64204</v>
      </c>
      <c r="DL30" s="101">
        <v>0</v>
      </c>
      <c r="DM30" s="104">
        <v>1456913</v>
      </c>
      <c r="DN30" s="104">
        <v>2283250</v>
      </c>
      <c r="DO30" s="104">
        <v>2352226</v>
      </c>
      <c r="DP30" s="104">
        <v>1582543</v>
      </c>
      <c r="DQ30" s="104">
        <v>1271421</v>
      </c>
      <c r="DR30" s="103">
        <v>8946353</v>
      </c>
      <c r="DS30" s="106">
        <v>9010557</v>
      </c>
      <c r="DT30" s="100">
        <v>0</v>
      </c>
      <c r="DU30" s="104">
        <v>64204</v>
      </c>
      <c r="DV30" s="103">
        <v>64204</v>
      </c>
      <c r="DW30" s="100">
        <v>0</v>
      </c>
      <c r="DX30" s="104">
        <v>1173336</v>
      </c>
      <c r="DY30" s="104">
        <v>1777833</v>
      </c>
      <c r="DZ30" s="104">
        <v>1956332</v>
      </c>
      <c r="EA30" s="104">
        <v>1065479</v>
      </c>
      <c r="EB30" s="104">
        <v>924471</v>
      </c>
      <c r="EC30" s="103">
        <v>6897451</v>
      </c>
      <c r="ED30" s="106">
        <v>6961655</v>
      </c>
      <c r="EE30" s="100">
        <v>0</v>
      </c>
      <c r="EF30" s="102">
        <v>0</v>
      </c>
      <c r="EG30" s="103">
        <v>0</v>
      </c>
      <c r="EH30" s="100">
        <v>0</v>
      </c>
      <c r="EI30" s="104">
        <v>283577</v>
      </c>
      <c r="EJ30" s="104">
        <v>505417</v>
      </c>
      <c r="EK30" s="104">
        <v>395894</v>
      </c>
      <c r="EL30" s="104">
        <v>517064</v>
      </c>
      <c r="EM30" s="104">
        <v>346950</v>
      </c>
      <c r="EN30" s="102">
        <v>2048902</v>
      </c>
      <c r="EO30" s="106">
        <v>204890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2"/>
      <c r="FE30" s="104">
        <v>0</v>
      </c>
      <c r="FF30" s="104">
        <v>0</v>
      </c>
      <c r="FG30" s="104">
        <v>0</v>
      </c>
      <c r="FH30" s="104">
        <v>0</v>
      </c>
      <c r="FI30" s="104">
        <v>0</v>
      </c>
      <c r="FJ30" s="103">
        <v>0</v>
      </c>
      <c r="FK30" s="106">
        <v>0</v>
      </c>
      <c r="FL30" s="100">
        <v>704673</v>
      </c>
      <c r="FM30" s="104">
        <v>1931555</v>
      </c>
      <c r="FN30" s="103">
        <v>2636228</v>
      </c>
      <c r="FO30" s="100">
        <v>0</v>
      </c>
      <c r="FP30" s="104">
        <v>1451779</v>
      </c>
      <c r="FQ30" s="104">
        <v>3857658</v>
      </c>
      <c r="FR30" s="104">
        <v>2347273</v>
      </c>
      <c r="FS30" s="104">
        <v>2240177</v>
      </c>
      <c r="FT30" s="104">
        <v>1590556</v>
      </c>
      <c r="FU30" s="103">
        <v>11487443</v>
      </c>
      <c r="FV30" s="106">
        <v>14123671</v>
      </c>
      <c r="FW30" s="105">
        <v>414378</v>
      </c>
      <c r="FX30" s="104">
        <v>1007115</v>
      </c>
      <c r="FY30" s="102">
        <v>1421493</v>
      </c>
      <c r="FZ30" s="101">
        <v>0</v>
      </c>
      <c r="GA30" s="104">
        <v>1151389</v>
      </c>
      <c r="GB30" s="104">
        <v>3486723</v>
      </c>
      <c r="GC30" s="104">
        <v>2241397</v>
      </c>
      <c r="GD30" s="104">
        <v>1997323</v>
      </c>
      <c r="GE30" s="104">
        <v>1225356</v>
      </c>
      <c r="GF30" s="103">
        <v>10102188</v>
      </c>
      <c r="GG30" s="294">
        <v>11523681</v>
      </c>
      <c r="GH30" s="105">
        <v>103545</v>
      </c>
      <c r="GI30" s="104">
        <v>154170</v>
      </c>
      <c r="GJ30" s="102">
        <v>257715</v>
      </c>
      <c r="GK30" s="101">
        <v>0</v>
      </c>
      <c r="GL30" s="104">
        <v>106590</v>
      </c>
      <c r="GM30" s="104">
        <v>54900</v>
      </c>
      <c r="GN30" s="104">
        <v>105876</v>
      </c>
      <c r="GO30" s="104">
        <v>54054</v>
      </c>
      <c r="GP30" s="104">
        <v>125000</v>
      </c>
      <c r="GQ30" s="103">
        <v>446420</v>
      </c>
      <c r="GR30" s="106">
        <v>704135</v>
      </c>
      <c r="GS30" s="100">
        <v>186750</v>
      </c>
      <c r="GT30" s="104">
        <v>770270</v>
      </c>
      <c r="GU30" s="103">
        <v>957020</v>
      </c>
      <c r="GV30" s="100">
        <v>0</v>
      </c>
      <c r="GW30" s="104">
        <v>193800</v>
      </c>
      <c r="GX30" s="104">
        <v>316035</v>
      </c>
      <c r="GY30" s="104">
        <v>0</v>
      </c>
      <c r="GZ30" s="104">
        <v>188800</v>
      </c>
      <c r="HA30" s="104">
        <v>240200</v>
      </c>
      <c r="HB30" s="102">
        <v>938835</v>
      </c>
      <c r="HC30" s="106">
        <v>1895855</v>
      </c>
      <c r="HD30" s="100">
        <v>430253</v>
      </c>
      <c r="HE30" s="104">
        <v>189402</v>
      </c>
      <c r="HF30" s="102">
        <v>619655</v>
      </c>
      <c r="HG30" s="101">
        <v>0</v>
      </c>
      <c r="HH30" s="104">
        <v>2786733</v>
      </c>
      <c r="HI30" s="104">
        <v>1466958</v>
      </c>
      <c r="HJ30" s="104">
        <v>3224466</v>
      </c>
      <c r="HK30" s="104">
        <v>4850299</v>
      </c>
      <c r="HL30" s="104">
        <v>3933278</v>
      </c>
      <c r="HM30" s="103">
        <v>16261734</v>
      </c>
      <c r="HN30" s="99">
        <v>16881389</v>
      </c>
      <c r="HO30" s="105">
        <v>498708</v>
      </c>
      <c r="HP30" s="104">
        <v>885136</v>
      </c>
      <c r="HQ30" s="103">
        <v>1383844</v>
      </c>
      <c r="HR30" s="100">
        <v>0</v>
      </c>
      <c r="HS30" s="104">
        <v>4984226</v>
      </c>
      <c r="HT30" s="104">
        <v>4065670</v>
      </c>
      <c r="HU30" s="104">
        <v>2647950</v>
      </c>
      <c r="HV30" s="104">
        <v>1974990</v>
      </c>
      <c r="HW30" s="104">
        <v>999370</v>
      </c>
      <c r="HX30" s="102">
        <v>14672206</v>
      </c>
      <c r="HY30" s="106">
        <v>16056050</v>
      </c>
      <c r="HZ30" s="137">
        <v>87720</v>
      </c>
      <c r="IA30" s="122">
        <v>92262</v>
      </c>
      <c r="IB30" s="137">
        <v>179982</v>
      </c>
      <c r="IC30" s="121">
        <v>0</v>
      </c>
      <c r="ID30" s="122">
        <v>7493717</v>
      </c>
      <c r="IE30" s="123">
        <v>4594661</v>
      </c>
      <c r="IF30" s="124">
        <v>5572124</v>
      </c>
      <c r="IG30" s="122">
        <v>2848660</v>
      </c>
      <c r="IH30" s="124">
        <v>875265</v>
      </c>
      <c r="II30" s="125">
        <v>21384427</v>
      </c>
      <c r="IJ30" s="137">
        <v>21564409</v>
      </c>
      <c r="IK30" s="219">
        <v>0</v>
      </c>
      <c r="IL30" s="223">
        <v>0</v>
      </c>
      <c r="IM30" s="224">
        <v>0</v>
      </c>
      <c r="IN30" s="127"/>
      <c r="IO30" s="109">
        <v>0</v>
      </c>
      <c r="IP30" s="109">
        <v>0</v>
      </c>
      <c r="IQ30" s="109">
        <v>0</v>
      </c>
      <c r="IR30" s="109">
        <v>0</v>
      </c>
      <c r="IS30" s="109">
        <v>0</v>
      </c>
      <c r="IT30" s="128">
        <v>0</v>
      </c>
      <c r="IU30" s="296">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4785646</v>
      </c>
      <c r="JL30" s="109">
        <v>2209639</v>
      </c>
      <c r="JM30" s="109">
        <v>1661900</v>
      </c>
      <c r="JN30" s="109">
        <v>303516</v>
      </c>
      <c r="JO30" s="109">
        <v>0</v>
      </c>
      <c r="JP30" s="110">
        <v>8960701</v>
      </c>
      <c r="JQ30" s="296">
        <v>8960701</v>
      </c>
      <c r="JR30" s="129">
        <v>0</v>
      </c>
      <c r="JS30" s="109">
        <v>0</v>
      </c>
      <c r="JT30" s="128">
        <v>0</v>
      </c>
      <c r="JU30" s="108">
        <v>0</v>
      </c>
      <c r="JV30" s="109">
        <v>0</v>
      </c>
      <c r="JW30" s="109">
        <v>0</v>
      </c>
      <c r="JX30" s="109">
        <v>0</v>
      </c>
      <c r="JY30" s="109">
        <v>0</v>
      </c>
      <c r="JZ30" s="109">
        <v>0</v>
      </c>
      <c r="KA30" s="110">
        <v>0</v>
      </c>
      <c r="KB30" s="296">
        <v>0</v>
      </c>
      <c r="KC30" s="221">
        <v>87720</v>
      </c>
      <c r="KD30" s="217">
        <v>92262</v>
      </c>
      <c r="KE30" s="110">
        <v>179982</v>
      </c>
      <c r="KF30" s="108">
        <v>0</v>
      </c>
      <c r="KG30" s="109">
        <v>478088</v>
      </c>
      <c r="KH30" s="109">
        <v>527910</v>
      </c>
      <c r="KI30" s="109">
        <v>1466332</v>
      </c>
      <c r="KJ30" s="109">
        <v>543947</v>
      </c>
      <c r="KK30" s="109">
        <v>309792</v>
      </c>
      <c r="KL30" s="110">
        <v>3326069</v>
      </c>
      <c r="KM30" s="130">
        <v>3506051</v>
      </c>
      <c r="KN30" s="219">
        <v>0</v>
      </c>
      <c r="KO30" s="223">
        <v>0</v>
      </c>
      <c r="KP30" s="224">
        <v>0</v>
      </c>
      <c r="KQ30" s="127"/>
      <c r="KR30" s="109">
        <v>2229983</v>
      </c>
      <c r="KS30" s="109">
        <v>1857112</v>
      </c>
      <c r="KT30" s="109">
        <v>2443892</v>
      </c>
      <c r="KU30" s="109">
        <v>2001197</v>
      </c>
      <c r="KV30" s="109">
        <v>565473</v>
      </c>
      <c r="KW30" s="110">
        <v>9097657</v>
      </c>
      <c r="KX30" s="296">
        <v>9097657</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6">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3810232</v>
      </c>
      <c r="MK30" s="109">
        <v>6009277</v>
      </c>
      <c r="ML30" s="109">
        <v>19819753</v>
      </c>
      <c r="MM30" s="109">
        <v>35927826</v>
      </c>
      <c r="MN30" s="109">
        <v>21504367</v>
      </c>
      <c r="MO30" s="110">
        <v>87071455</v>
      </c>
      <c r="MP30" s="130">
        <v>87071455</v>
      </c>
      <c r="MQ30" s="129">
        <v>0</v>
      </c>
      <c r="MR30" s="109">
        <v>0</v>
      </c>
      <c r="MS30" s="110">
        <v>0</v>
      </c>
      <c r="MT30" s="132"/>
      <c r="MU30" s="109">
        <v>0</v>
      </c>
      <c r="MV30" s="109">
        <v>1115640</v>
      </c>
      <c r="MW30" s="109">
        <v>14591076</v>
      </c>
      <c r="MX30" s="109">
        <v>22481207</v>
      </c>
      <c r="MY30" s="109">
        <v>14311124</v>
      </c>
      <c r="MZ30" s="110">
        <v>52499047</v>
      </c>
      <c r="NA30" s="130">
        <v>52499047</v>
      </c>
      <c r="NB30" s="129">
        <v>0</v>
      </c>
      <c r="NC30" s="109">
        <v>0</v>
      </c>
      <c r="ND30" s="110">
        <v>0</v>
      </c>
      <c r="NE30" s="132"/>
      <c r="NF30" s="109">
        <v>3810232</v>
      </c>
      <c r="NG30" s="109">
        <v>4893637</v>
      </c>
      <c r="NH30" s="109">
        <v>5228677</v>
      </c>
      <c r="NI30" s="109">
        <v>13446619</v>
      </c>
      <c r="NJ30" s="109">
        <v>5946129</v>
      </c>
      <c r="NK30" s="110">
        <v>33325294</v>
      </c>
      <c r="NL30" s="296">
        <v>33325294</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1247114</v>
      </c>
      <c r="OG30" s="110">
        <v>1247114</v>
      </c>
      <c r="OH30" s="111">
        <v>1247114</v>
      </c>
      <c r="OI30" s="129">
        <v>2623094</v>
      </c>
      <c r="OJ30" s="109">
        <v>5363919</v>
      </c>
      <c r="OK30" s="128">
        <v>7987013</v>
      </c>
      <c r="OL30" s="108">
        <v>0</v>
      </c>
      <c r="OM30" s="109">
        <v>41988943</v>
      </c>
      <c r="ON30" s="109">
        <v>44408306</v>
      </c>
      <c r="OO30" s="109">
        <v>54941301</v>
      </c>
      <c r="OP30" s="109">
        <v>66640441</v>
      </c>
      <c r="OQ30" s="109">
        <v>43663406</v>
      </c>
      <c r="OR30" s="110">
        <v>251642397</v>
      </c>
      <c r="OS30" s="130">
        <v>259629410</v>
      </c>
    </row>
    <row r="31" spans="2:409" ht="21" customHeight="1" x14ac:dyDescent="0.2">
      <c r="B31" s="468" t="s">
        <v>26</v>
      </c>
      <c r="C31" s="100">
        <v>1933463</v>
      </c>
      <c r="D31" s="104">
        <v>2360039</v>
      </c>
      <c r="E31" s="103">
        <v>4293502</v>
      </c>
      <c r="F31" s="99">
        <v>0</v>
      </c>
      <c r="G31" s="104">
        <v>24902273</v>
      </c>
      <c r="H31" s="104">
        <v>28219222</v>
      </c>
      <c r="I31" s="104">
        <v>27814259</v>
      </c>
      <c r="J31" s="104">
        <v>20166760</v>
      </c>
      <c r="K31" s="104">
        <v>22975173</v>
      </c>
      <c r="L31" s="160">
        <v>124077687</v>
      </c>
      <c r="M31" s="106">
        <v>128371189</v>
      </c>
      <c r="N31" s="100">
        <v>491761</v>
      </c>
      <c r="O31" s="104">
        <v>537450</v>
      </c>
      <c r="P31" s="103">
        <v>1029211</v>
      </c>
      <c r="Q31" s="100">
        <v>0</v>
      </c>
      <c r="R31" s="104">
        <v>6320909</v>
      </c>
      <c r="S31" s="104">
        <v>8399785</v>
      </c>
      <c r="T31" s="104">
        <v>8489835</v>
      </c>
      <c r="U31" s="104">
        <v>7285195</v>
      </c>
      <c r="V31" s="104">
        <v>12216709</v>
      </c>
      <c r="W31" s="103">
        <v>42712433</v>
      </c>
      <c r="X31" s="106">
        <v>43741644</v>
      </c>
      <c r="Y31" s="100">
        <v>0</v>
      </c>
      <c r="Z31" s="104">
        <v>0</v>
      </c>
      <c r="AA31" s="103">
        <v>0</v>
      </c>
      <c r="AB31" s="100">
        <v>0</v>
      </c>
      <c r="AC31" s="104">
        <v>3055456</v>
      </c>
      <c r="AD31" s="104">
        <v>4652024</v>
      </c>
      <c r="AE31" s="104">
        <v>4872263</v>
      </c>
      <c r="AF31" s="104">
        <v>4311476</v>
      </c>
      <c r="AG31" s="104">
        <v>7793073</v>
      </c>
      <c r="AH31" s="103">
        <v>24684292</v>
      </c>
      <c r="AI31" s="106">
        <v>24684292</v>
      </c>
      <c r="AJ31" s="100">
        <v>0</v>
      </c>
      <c r="AK31" s="104">
        <v>0</v>
      </c>
      <c r="AL31" s="103">
        <v>0</v>
      </c>
      <c r="AM31" s="100">
        <v>0</v>
      </c>
      <c r="AN31" s="104">
        <v>0</v>
      </c>
      <c r="AO31" s="104">
        <v>0</v>
      </c>
      <c r="AP31" s="104">
        <v>236752</v>
      </c>
      <c r="AQ31" s="104">
        <v>479780</v>
      </c>
      <c r="AR31" s="104">
        <v>1093288</v>
      </c>
      <c r="AS31" s="103">
        <v>1809820</v>
      </c>
      <c r="AT31" s="106">
        <v>1809820</v>
      </c>
      <c r="AU31" s="100">
        <v>341466</v>
      </c>
      <c r="AV31" s="104">
        <v>423917</v>
      </c>
      <c r="AW31" s="103">
        <v>765383</v>
      </c>
      <c r="AX31" s="100">
        <v>0</v>
      </c>
      <c r="AY31" s="104">
        <v>2489961</v>
      </c>
      <c r="AZ31" s="104">
        <v>2715524</v>
      </c>
      <c r="BA31" s="104">
        <v>1749646</v>
      </c>
      <c r="BB31" s="104">
        <v>1564393</v>
      </c>
      <c r="BC31" s="104">
        <v>2422626</v>
      </c>
      <c r="BD31" s="103">
        <v>10942150</v>
      </c>
      <c r="BE31" s="106">
        <v>11707533</v>
      </c>
      <c r="BF31" s="100">
        <v>0</v>
      </c>
      <c r="BG31" s="104">
        <v>61108</v>
      </c>
      <c r="BH31" s="102">
        <v>61108</v>
      </c>
      <c r="BI31" s="101">
        <v>0</v>
      </c>
      <c r="BJ31" s="104">
        <v>0</v>
      </c>
      <c r="BK31" s="104">
        <v>73872</v>
      </c>
      <c r="BL31" s="104">
        <v>373445</v>
      </c>
      <c r="BM31" s="104">
        <v>68246</v>
      </c>
      <c r="BN31" s="104">
        <v>177586</v>
      </c>
      <c r="BO31" s="103">
        <v>693149</v>
      </c>
      <c r="BP31" s="106">
        <v>754257</v>
      </c>
      <c r="BQ31" s="100">
        <v>150295</v>
      </c>
      <c r="BR31" s="104">
        <v>52425</v>
      </c>
      <c r="BS31" s="103">
        <v>202720</v>
      </c>
      <c r="BT31" s="100">
        <v>0</v>
      </c>
      <c r="BU31" s="104">
        <v>775492</v>
      </c>
      <c r="BV31" s="104">
        <v>958365</v>
      </c>
      <c r="BW31" s="104">
        <v>1257729</v>
      </c>
      <c r="BX31" s="104">
        <v>861300</v>
      </c>
      <c r="BY31" s="104">
        <v>730136</v>
      </c>
      <c r="BZ31" s="103">
        <v>4583022</v>
      </c>
      <c r="CA31" s="106">
        <v>4785742</v>
      </c>
      <c r="CB31" s="100">
        <v>159539</v>
      </c>
      <c r="CC31" s="104">
        <v>256689</v>
      </c>
      <c r="CD31" s="103">
        <v>416228</v>
      </c>
      <c r="CE31" s="100">
        <v>0</v>
      </c>
      <c r="CF31" s="104">
        <v>7127485</v>
      </c>
      <c r="CG31" s="104">
        <v>8201561</v>
      </c>
      <c r="CH31" s="104">
        <v>6122547</v>
      </c>
      <c r="CI31" s="104">
        <v>3334845</v>
      </c>
      <c r="CJ31" s="104">
        <v>3095405</v>
      </c>
      <c r="CK31" s="103">
        <v>27881843</v>
      </c>
      <c r="CL31" s="106">
        <v>28298071</v>
      </c>
      <c r="CM31" s="100">
        <v>0</v>
      </c>
      <c r="CN31" s="104">
        <v>0</v>
      </c>
      <c r="CO31" s="103">
        <v>0</v>
      </c>
      <c r="CP31" s="101">
        <v>0</v>
      </c>
      <c r="CQ31" s="104">
        <v>5957771</v>
      </c>
      <c r="CR31" s="104">
        <v>6508828</v>
      </c>
      <c r="CS31" s="104">
        <v>4760617</v>
      </c>
      <c r="CT31" s="104">
        <v>2423375</v>
      </c>
      <c r="CU31" s="104">
        <v>2535363</v>
      </c>
      <c r="CV31" s="103">
        <v>22185954</v>
      </c>
      <c r="CW31" s="106">
        <v>22185954</v>
      </c>
      <c r="CX31" s="100">
        <v>159539</v>
      </c>
      <c r="CY31" s="104">
        <v>256689</v>
      </c>
      <c r="CZ31" s="103">
        <v>416228</v>
      </c>
      <c r="DA31" s="100">
        <v>0</v>
      </c>
      <c r="DB31" s="104">
        <v>1169714</v>
      </c>
      <c r="DC31" s="104">
        <v>1692733</v>
      </c>
      <c r="DD31" s="104">
        <v>1361930</v>
      </c>
      <c r="DE31" s="104">
        <v>911470</v>
      </c>
      <c r="DF31" s="104">
        <v>560042</v>
      </c>
      <c r="DG31" s="103">
        <v>5695889</v>
      </c>
      <c r="DH31" s="106">
        <v>6112117</v>
      </c>
      <c r="DI31" s="100">
        <v>0</v>
      </c>
      <c r="DJ31" s="104">
        <v>0</v>
      </c>
      <c r="DK31" s="102">
        <v>0</v>
      </c>
      <c r="DL31" s="101">
        <v>0</v>
      </c>
      <c r="DM31" s="104">
        <v>1071764</v>
      </c>
      <c r="DN31" s="104">
        <v>1284910</v>
      </c>
      <c r="DO31" s="104">
        <v>2870406</v>
      </c>
      <c r="DP31" s="104">
        <v>1866432</v>
      </c>
      <c r="DQ31" s="104">
        <v>1807490</v>
      </c>
      <c r="DR31" s="103">
        <v>8901002</v>
      </c>
      <c r="DS31" s="106">
        <v>8901002</v>
      </c>
      <c r="DT31" s="100">
        <v>0</v>
      </c>
      <c r="DU31" s="104">
        <v>0</v>
      </c>
      <c r="DV31" s="103">
        <v>0</v>
      </c>
      <c r="DW31" s="100">
        <v>0</v>
      </c>
      <c r="DX31" s="104">
        <v>929308</v>
      </c>
      <c r="DY31" s="104">
        <v>1138729</v>
      </c>
      <c r="DZ31" s="104">
        <v>2687428</v>
      </c>
      <c r="EA31" s="104">
        <v>1559097</v>
      </c>
      <c r="EB31" s="104">
        <v>1686633</v>
      </c>
      <c r="EC31" s="103">
        <v>8001195</v>
      </c>
      <c r="ED31" s="106">
        <v>8001195</v>
      </c>
      <c r="EE31" s="100">
        <v>0</v>
      </c>
      <c r="EF31" s="102">
        <v>0</v>
      </c>
      <c r="EG31" s="103">
        <v>0</v>
      </c>
      <c r="EH31" s="100">
        <v>0</v>
      </c>
      <c r="EI31" s="104">
        <v>142456</v>
      </c>
      <c r="EJ31" s="104">
        <v>146181</v>
      </c>
      <c r="EK31" s="104">
        <v>182978</v>
      </c>
      <c r="EL31" s="104">
        <v>307335</v>
      </c>
      <c r="EM31" s="104">
        <v>120857</v>
      </c>
      <c r="EN31" s="102">
        <v>899807</v>
      </c>
      <c r="EO31" s="106">
        <v>899807</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2"/>
      <c r="FE31" s="104">
        <v>0</v>
      </c>
      <c r="FF31" s="104">
        <v>0</v>
      </c>
      <c r="FG31" s="104">
        <v>0</v>
      </c>
      <c r="FH31" s="104">
        <v>0</v>
      </c>
      <c r="FI31" s="104">
        <v>0</v>
      </c>
      <c r="FJ31" s="103">
        <v>0</v>
      </c>
      <c r="FK31" s="106">
        <v>0</v>
      </c>
      <c r="FL31" s="100">
        <v>473228</v>
      </c>
      <c r="FM31" s="104">
        <v>623809</v>
      </c>
      <c r="FN31" s="103">
        <v>1097037</v>
      </c>
      <c r="FO31" s="100">
        <v>0</v>
      </c>
      <c r="FP31" s="104">
        <v>1449707</v>
      </c>
      <c r="FQ31" s="104">
        <v>2310914</v>
      </c>
      <c r="FR31" s="104">
        <v>1898669</v>
      </c>
      <c r="FS31" s="104">
        <v>2008064</v>
      </c>
      <c r="FT31" s="104">
        <v>1742769</v>
      </c>
      <c r="FU31" s="103">
        <v>9410123</v>
      </c>
      <c r="FV31" s="106">
        <v>10507160</v>
      </c>
      <c r="FW31" s="105">
        <v>316223</v>
      </c>
      <c r="FX31" s="104">
        <v>518527</v>
      </c>
      <c r="FY31" s="102">
        <v>834750</v>
      </c>
      <c r="FZ31" s="101">
        <v>0</v>
      </c>
      <c r="GA31" s="104">
        <v>1123313</v>
      </c>
      <c r="GB31" s="104">
        <v>2239754</v>
      </c>
      <c r="GC31" s="104">
        <v>1797446</v>
      </c>
      <c r="GD31" s="104">
        <v>1988740</v>
      </c>
      <c r="GE31" s="104">
        <v>1711584</v>
      </c>
      <c r="GF31" s="103">
        <v>8860837</v>
      </c>
      <c r="GG31" s="294">
        <v>9695587</v>
      </c>
      <c r="GH31" s="105">
        <v>17820</v>
      </c>
      <c r="GI31" s="104">
        <v>46782</v>
      </c>
      <c r="GJ31" s="102">
        <v>64602</v>
      </c>
      <c r="GK31" s="101">
        <v>0</v>
      </c>
      <c r="GL31" s="104">
        <v>183744</v>
      </c>
      <c r="GM31" s="104">
        <v>29700</v>
      </c>
      <c r="GN31" s="104">
        <v>47223</v>
      </c>
      <c r="GO31" s="104">
        <v>19324</v>
      </c>
      <c r="GP31" s="104">
        <v>31185</v>
      </c>
      <c r="GQ31" s="103">
        <v>311176</v>
      </c>
      <c r="GR31" s="106">
        <v>375778</v>
      </c>
      <c r="GS31" s="100">
        <v>139185</v>
      </c>
      <c r="GT31" s="104">
        <v>58500</v>
      </c>
      <c r="GU31" s="103">
        <v>197685</v>
      </c>
      <c r="GV31" s="100">
        <v>0</v>
      </c>
      <c r="GW31" s="104">
        <v>142650</v>
      </c>
      <c r="GX31" s="104">
        <v>41460</v>
      </c>
      <c r="GY31" s="104">
        <v>54000</v>
      </c>
      <c r="GZ31" s="104">
        <v>0</v>
      </c>
      <c r="HA31" s="104">
        <v>0</v>
      </c>
      <c r="HB31" s="102">
        <v>238110</v>
      </c>
      <c r="HC31" s="106">
        <v>435795</v>
      </c>
      <c r="HD31" s="100">
        <v>447954</v>
      </c>
      <c r="HE31" s="104">
        <v>404220</v>
      </c>
      <c r="HF31" s="102">
        <v>852174</v>
      </c>
      <c r="HG31" s="101">
        <v>0</v>
      </c>
      <c r="HH31" s="104">
        <v>4525834</v>
      </c>
      <c r="HI31" s="104">
        <v>4424123</v>
      </c>
      <c r="HJ31" s="104">
        <v>5614249</v>
      </c>
      <c r="HK31" s="104">
        <v>4123943</v>
      </c>
      <c r="HL31" s="104">
        <v>2642628</v>
      </c>
      <c r="HM31" s="103">
        <v>21330777</v>
      </c>
      <c r="HN31" s="99">
        <v>22182951</v>
      </c>
      <c r="HO31" s="105">
        <v>360981</v>
      </c>
      <c r="HP31" s="104">
        <v>537871</v>
      </c>
      <c r="HQ31" s="103">
        <v>898852</v>
      </c>
      <c r="HR31" s="100">
        <v>0</v>
      </c>
      <c r="HS31" s="104">
        <v>4406574</v>
      </c>
      <c r="HT31" s="104">
        <v>3597929</v>
      </c>
      <c r="HU31" s="104">
        <v>2818553</v>
      </c>
      <c r="HV31" s="104">
        <v>1548281</v>
      </c>
      <c r="HW31" s="104">
        <v>1470172</v>
      </c>
      <c r="HX31" s="102">
        <v>13841509</v>
      </c>
      <c r="HY31" s="106">
        <v>14740361</v>
      </c>
      <c r="HZ31" s="118">
        <v>0</v>
      </c>
      <c r="IA31" s="119">
        <v>91695</v>
      </c>
      <c r="IB31" s="120">
        <v>91695</v>
      </c>
      <c r="IC31" s="133">
        <v>0</v>
      </c>
      <c r="ID31" s="119">
        <v>4414413</v>
      </c>
      <c r="IE31" s="134">
        <v>8110192</v>
      </c>
      <c r="IF31" s="120">
        <v>10605405</v>
      </c>
      <c r="IG31" s="119">
        <v>4183075</v>
      </c>
      <c r="IH31" s="120">
        <v>1761191</v>
      </c>
      <c r="II31" s="135">
        <v>29074276</v>
      </c>
      <c r="IJ31" s="126">
        <v>29165971</v>
      </c>
      <c r="IK31" s="219">
        <v>0</v>
      </c>
      <c r="IL31" s="223">
        <v>0</v>
      </c>
      <c r="IM31" s="224">
        <v>0</v>
      </c>
      <c r="IN31" s="127"/>
      <c r="IO31" s="109">
        <v>0</v>
      </c>
      <c r="IP31" s="109">
        <v>0</v>
      </c>
      <c r="IQ31" s="109">
        <v>0</v>
      </c>
      <c r="IR31" s="109">
        <v>0</v>
      </c>
      <c r="IS31" s="109">
        <v>0</v>
      </c>
      <c r="IT31" s="128">
        <v>0</v>
      </c>
      <c r="IU31" s="296">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169535</v>
      </c>
      <c r="JL31" s="109">
        <v>2522759</v>
      </c>
      <c r="JM31" s="109">
        <v>2789883</v>
      </c>
      <c r="JN31" s="109">
        <v>1088435</v>
      </c>
      <c r="JO31" s="109">
        <v>729531</v>
      </c>
      <c r="JP31" s="110">
        <v>9300143</v>
      </c>
      <c r="JQ31" s="296">
        <v>9300143</v>
      </c>
      <c r="JR31" s="129">
        <v>0</v>
      </c>
      <c r="JS31" s="109">
        <v>0</v>
      </c>
      <c r="JT31" s="128">
        <v>0</v>
      </c>
      <c r="JU31" s="108">
        <v>0</v>
      </c>
      <c r="JV31" s="109">
        <v>0</v>
      </c>
      <c r="JW31" s="109">
        <v>347108</v>
      </c>
      <c r="JX31" s="109">
        <v>355116</v>
      </c>
      <c r="JY31" s="109">
        <v>207581</v>
      </c>
      <c r="JZ31" s="109">
        <v>183494</v>
      </c>
      <c r="KA31" s="110">
        <v>1093299</v>
      </c>
      <c r="KB31" s="296">
        <v>1093299</v>
      </c>
      <c r="KC31" s="221">
        <v>0</v>
      </c>
      <c r="KD31" s="217">
        <v>91695</v>
      </c>
      <c r="KE31" s="110">
        <v>91695</v>
      </c>
      <c r="KF31" s="108">
        <v>0</v>
      </c>
      <c r="KG31" s="109">
        <v>720472</v>
      </c>
      <c r="KH31" s="109">
        <v>1281642</v>
      </c>
      <c r="KI31" s="109">
        <v>1662018</v>
      </c>
      <c r="KJ31" s="109">
        <v>306196</v>
      </c>
      <c r="KK31" s="109">
        <v>557105</v>
      </c>
      <c r="KL31" s="110">
        <v>4527433</v>
      </c>
      <c r="KM31" s="130">
        <v>4619128</v>
      </c>
      <c r="KN31" s="219">
        <v>0</v>
      </c>
      <c r="KO31" s="223">
        <v>0</v>
      </c>
      <c r="KP31" s="224">
        <v>0</v>
      </c>
      <c r="KQ31" s="127"/>
      <c r="KR31" s="109">
        <v>1524406</v>
      </c>
      <c r="KS31" s="109">
        <v>3958683</v>
      </c>
      <c r="KT31" s="109">
        <v>5798388</v>
      </c>
      <c r="KU31" s="109">
        <v>2580863</v>
      </c>
      <c r="KV31" s="109">
        <v>291061</v>
      </c>
      <c r="KW31" s="110">
        <v>14153401</v>
      </c>
      <c r="KX31" s="296">
        <v>14153401</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6">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1777234</v>
      </c>
      <c r="MK31" s="109">
        <v>6332926</v>
      </c>
      <c r="ML31" s="109">
        <v>15047927</v>
      </c>
      <c r="MM31" s="109">
        <v>23575185</v>
      </c>
      <c r="MN31" s="109">
        <v>19806305</v>
      </c>
      <c r="MO31" s="110">
        <v>66539577</v>
      </c>
      <c r="MP31" s="130">
        <v>66539577</v>
      </c>
      <c r="MQ31" s="129">
        <v>0</v>
      </c>
      <c r="MR31" s="109">
        <v>0</v>
      </c>
      <c r="MS31" s="110">
        <v>0</v>
      </c>
      <c r="MT31" s="132"/>
      <c r="MU31" s="109">
        <v>238068</v>
      </c>
      <c r="MV31" s="109">
        <v>1334990</v>
      </c>
      <c r="MW31" s="109">
        <v>8935047</v>
      </c>
      <c r="MX31" s="109">
        <v>18425692</v>
      </c>
      <c r="MY31" s="109">
        <v>15470527</v>
      </c>
      <c r="MZ31" s="110">
        <v>44404324</v>
      </c>
      <c r="NA31" s="130">
        <v>44404324</v>
      </c>
      <c r="NB31" s="129">
        <v>0</v>
      </c>
      <c r="NC31" s="109">
        <v>0</v>
      </c>
      <c r="ND31" s="110">
        <v>0</v>
      </c>
      <c r="NE31" s="132"/>
      <c r="NF31" s="109">
        <v>1539166</v>
      </c>
      <c r="NG31" s="109">
        <v>4997936</v>
      </c>
      <c r="NH31" s="109">
        <v>5752534</v>
      </c>
      <c r="NI31" s="109">
        <v>5149493</v>
      </c>
      <c r="NJ31" s="109">
        <v>3488120</v>
      </c>
      <c r="NK31" s="110">
        <v>20927249</v>
      </c>
      <c r="NL31" s="296">
        <v>20927249</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60346</v>
      </c>
      <c r="OE31" s="109">
        <v>0</v>
      </c>
      <c r="OF31" s="109">
        <v>847658</v>
      </c>
      <c r="OG31" s="110">
        <v>1208004</v>
      </c>
      <c r="OH31" s="111">
        <v>1208004</v>
      </c>
      <c r="OI31" s="129">
        <v>1933463</v>
      </c>
      <c r="OJ31" s="109">
        <v>2451734</v>
      </c>
      <c r="OK31" s="128">
        <v>4385197</v>
      </c>
      <c r="OL31" s="108">
        <v>0</v>
      </c>
      <c r="OM31" s="109">
        <v>31093920</v>
      </c>
      <c r="ON31" s="109">
        <v>42662340</v>
      </c>
      <c r="OO31" s="109">
        <v>53467591</v>
      </c>
      <c r="OP31" s="109">
        <v>47925020</v>
      </c>
      <c r="OQ31" s="109">
        <v>44542669</v>
      </c>
      <c r="OR31" s="110">
        <v>219691540</v>
      </c>
      <c r="OS31" s="130">
        <v>224076737</v>
      </c>
    </row>
    <row r="32" spans="2:409" ht="21" customHeight="1" x14ac:dyDescent="0.2">
      <c r="B32" s="468" t="s">
        <v>27</v>
      </c>
      <c r="C32" s="100">
        <v>3036522</v>
      </c>
      <c r="D32" s="104">
        <v>5579505</v>
      </c>
      <c r="E32" s="103">
        <v>8616027</v>
      </c>
      <c r="F32" s="99">
        <v>0</v>
      </c>
      <c r="G32" s="104">
        <v>24505903</v>
      </c>
      <c r="H32" s="104">
        <v>23021583</v>
      </c>
      <c r="I32" s="104">
        <v>20508252</v>
      </c>
      <c r="J32" s="104">
        <v>18945384</v>
      </c>
      <c r="K32" s="104">
        <v>18470525</v>
      </c>
      <c r="L32" s="160">
        <v>105451647</v>
      </c>
      <c r="M32" s="106">
        <v>114067674</v>
      </c>
      <c r="N32" s="100">
        <v>753875</v>
      </c>
      <c r="O32" s="104">
        <v>1274446</v>
      </c>
      <c r="P32" s="103">
        <v>2028321</v>
      </c>
      <c r="Q32" s="100">
        <v>0</v>
      </c>
      <c r="R32" s="104">
        <v>4634639</v>
      </c>
      <c r="S32" s="104">
        <v>5708440</v>
      </c>
      <c r="T32" s="104">
        <v>5624507</v>
      </c>
      <c r="U32" s="104">
        <v>4617249</v>
      </c>
      <c r="V32" s="104">
        <v>8872310</v>
      </c>
      <c r="W32" s="103">
        <v>29457145</v>
      </c>
      <c r="X32" s="106">
        <v>31485466</v>
      </c>
      <c r="Y32" s="100">
        <v>0</v>
      </c>
      <c r="Z32" s="104">
        <v>0</v>
      </c>
      <c r="AA32" s="103">
        <v>0</v>
      </c>
      <c r="AB32" s="100">
        <v>0</v>
      </c>
      <c r="AC32" s="104">
        <v>2442467</v>
      </c>
      <c r="AD32" s="104">
        <v>2668031</v>
      </c>
      <c r="AE32" s="104">
        <v>2810302</v>
      </c>
      <c r="AF32" s="104">
        <v>2168839</v>
      </c>
      <c r="AG32" s="104">
        <v>4408538</v>
      </c>
      <c r="AH32" s="103">
        <v>14498177</v>
      </c>
      <c r="AI32" s="106">
        <v>14498177</v>
      </c>
      <c r="AJ32" s="100">
        <v>0</v>
      </c>
      <c r="AK32" s="104">
        <v>0</v>
      </c>
      <c r="AL32" s="103">
        <v>0</v>
      </c>
      <c r="AM32" s="100">
        <v>0</v>
      </c>
      <c r="AN32" s="104">
        <v>51876</v>
      </c>
      <c r="AO32" s="104">
        <v>319234</v>
      </c>
      <c r="AP32" s="104">
        <v>204904</v>
      </c>
      <c r="AQ32" s="104">
        <v>361240</v>
      </c>
      <c r="AR32" s="104">
        <v>1370066</v>
      </c>
      <c r="AS32" s="103">
        <v>2307320</v>
      </c>
      <c r="AT32" s="106">
        <v>2307320</v>
      </c>
      <c r="AU32" s="100">
        <v>609508</v>
      </c>
      <c r="AV32" s="104">
        <v>1031885</v>
      </c>
      <c r="AW32" s="103">
        <v>1641393</v>
      </c>
      <c r="AX32" s="100">
        <v>0</v>
      </c>
      <c r="AY32" s="104">
        <v>1222472</v>
      </c>
      <c r="AZ32" s="104">
        <v>1859614</v>
      </c>
      <c r="BA32" s="104">
        <v>1549828</v>
      </c>
      <c r="BB32" s="104">
        <v>1106560</v>
      </c>
      <c r="BC32" s="104">
        <v>2330043</v>
      </c>
      <c r="BD32" s="103">
        <v>8068517</v>
      </c>
      <c r="BE32" s="106">
        <v>9709910</v>
      </c>
      <c r="BF32" s="100">
        <v>43649</v>
      </c>
      <c r="BG32" s="104">
        <v>67088</v>
      </c>
      <c r="BH32" s="102">
        <v>110737</v>
      </c>
      <c r="BI32" s="101">
        <v>0</v>
      </c>
      <c r="BJ32" s="104">
        <v>69652</v>
      </c>
      <c r="BK32" s="104">
        <v>66164</v>
      </c>
      <c r="BL32" s="104">
        <v>37410</v>
      </c>
      <c r="BM32" s="104">
        <v>0</v>
      </c>
      <c r="BN32" s="104">
        <v>9468</v>
      </c>
      <c r="BO32" s="103">
        <v>182694</v>
      </c>
      <c r="BP32" s="106">
        <v>293431</v>
      </c>
      <c r="BQ32" s="100">
        <v>100718</v>
      </c>
      <c r="BR32" s="104">
        <v>175473</v>
      </c>
      <c r="BS32" s="103">
        <v>276191</v>
      </c>
      <c r="BT32" s="100">
        <v>0</v>
      </c>
      <c r="BU32" s="104">
        <v>848172</v>
      </c>
      <c r="BV32" s="104">
        <v>795397</v>
      </c>
      <c r="BW32" s="104">
        <v>1022063</v>
      </c>
      <c r="BX32" s="104">
        <v>980610</v>
      </c>
      <c r="BY32" s="104">
        <v>754195</v>
      </c>
      <c r="BZ32" s="103">
        <v>4400437</v>
      </c>
      <c r="CA32" s="106">
        <v>4676628</v>
      </c>
      <c r="CB32" s="100">
        <v>225588</v>
      </c>
      <c r="CC32" s="104">
        <v>1247359</v>
      </c>
      <c r="CD32" s="103">
        <v>1472947</v>
      </c>
      <c r="CE32" s="100">
        <v>0</v>
      </c>
      <c r="CF32" s="104">
        <v>8111694</v>
      </c>
      <c r="CG32" s="104">
        <v>6442857</v>
      </c>
      <c r="CH32" s="104">
        <v>4247526</v>
      </c>
      <c r="CI32" s="104">
        <v>3094424</v>
      </c>
      <c r="CJ32" s="104">
        <v>2151373</v>
      </c>
      <c r="CK32" s="103">
        <v>24047874</v>
      </c>
      <c r="CL32" s="106">
        <v>25520821</v>
      </c>
      <c r="CM32" s="100">
        <v>0</v>
      </c>
      <c r="CN32" s="104">
        <v>0</v>
      </c>
      <c r="CO32" s="103">
        <v>0</v>
      </c>
      <c r="CP32" s="101">
        <v>0</v>
      </c>
      <c r="CQ32" s="104">
        <v>6994811</v>
      </c>
      <c r="CR32" s="104">
        <v>4590358</v>
      </c>
      <c r="CS32" s="104">
        <v>3294220</v>
      </c>
      <c r="CT32" s="104">
        <v>2865600</v>
      </c>
      <c r="CU32" s="104">
        <v>1678458</v>
      </c>
      <c r="CV32" s="103">
        <v>19423447</v>
      </c>
      <c r="CW32" s="106">
        <v>19423447</v>
      </c>
      <c r="CX32" s="100">
        <v>225588</v>
      </c>
      <c r="CY32" s="104">
        <v>1247359</v>
      </c>
      <c r="CZ32" s="103">
        <v>1472947</v>
      </c>
      <c r="DA32" s="100">
        <v>0</v>
      </c>
      <c r="DB32" s="104">
        <v>1116883</v>
      </c>
      <c r="DC32" s="104">
        <v>1852499</v>
      </c>
      <c r="DD32" s="104">
        <v>953306</v>
      </c>
      <c r="DE32" s="104">
        <v>228824</v>
      </c>
      <c r="DF32" s="104">
        <v>472915</v>
      </c>
      <c r="DG32" s="103">
        <v>4624427</v>
      </c>
      <c r="DH32" s="106">
        <v>6097374</v>
      </c>
      <c r="DI32" s="100">
        <v>49942</v>
      </c>
      <c r="DJ32" s="104">
        <v>0</v>
      </c>
      <c r="DK32" s="102">
        <v>49942</v>
      </c>
      <c r="DL32" s="101">
        <v>0</v>
      </c>
      <c r="DM32" s="104">
        <v>388370</v>
      </c>
      <c r="DN32" s="104">
        <v>1038793</v>
      </c>
      <c r="DO32" s="104">
        <v>1009407</v>
      </c>
      <c r="DP32" s="104">
        <v>1736863</v>
      </c>
      <c r="DQ32" s="104">
        <v>852738</v>
      </c>
      <c r="DR32" s="103">
        <v>5026171</v>
      </c>
      <c r="DS32" s="106">
        <v>5076113</v>
      </c>
      <c r="DT32" s="100">
        <v>20998</v>
      </c>
      <c r="DU32" s="104">
        <v>0</v>
      </c>
      <c r="DV32" s="103">
        <v>20998</v>
      </c>
      <c r="DW32" s="100">
        <v>0</v>
      </c>
      <c r="DX32" s="104">
        <v>319835</v>
      </c>
      <c r="DY32" s="104">
        <v>1016437</v>
      </c>
      <c r="DZ32" s="104">
        <v>954431</v>
      </c>
      <c r="EA32" s="104">
        <v>1588264</v>
      </c>
      <c r="EB32" s="104">
        <v>717621</v>
      </c>
      <c r="EC32" s="103">
        <v>4596588</v>
      </c>
      <c r="ED32" s="106">
        <v>4617586</v>
      </c>
      <c r="EE32" s="100">
        <v>28944</v>
      </c>
      <c r="EF32" s="102">
        <v>0</v>
      </c>
      <c r="EG32" s="103">
        <v>28944</v>
      </c>
      <c r="EH32" s="100">
        <v>0</v>
      </c>
      <c r="EI32" s="104">
        <v>68535</v>
      </c>
      <c r="EJ32" s="104">
        <v>22356</v>
      </c>
      <c r="EK32" s="104">
        <v>54976</v>
      </c>
      <c r="EL32" s="104">
        <v>148599</v>
      </c>
      <c r="EM32" s="104">
        <v>135117</v>
      </c>
      <c r="EN32" s="102">
        <v>429583</v>
      </c>
      <c r="EO32" s="106">
        <v>458527</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2"/>
      <c r="FE32" s="104">
        <v>0</v>
      </c>
      <c r="FF32" s="104">
        <v>0</v>
      </c>
      <c r="FG32" s="104">
        <v>0</v>
      </c>
      <c r="FH32" s="104">
        <v>0</v>
      </c>
      <c r="FI32" s="104">
        <v>0</v>
      </c>
      <c r="FJ32" s="103">
        <v>0</v>
      </c>
      <c r="FK32" s="106">
        <v>0</v>
      </c>
      <c r="FL32" s="100">
        <v>799444</v>
      </c>
      <c r="FM32" s="104">
        <v>1156548</v>
      </c>
      <c r="FN32" s="103">
        <v>1955992</v>
      </c>
      <c r="FO32" s="100">
        <v>0</v>
      </c>
      <c r="FP32" s="104">
        <v>1053510</v>
      </c>
      <c r="FQ32" s="104">
        <v>2158607</v>
      </c>
      <c r="FR32" s="104">
        <v>1485272</v>
      </c>
      <c r="FS32" s="104">
        <v>920371</v>
      </c>
      <c r="FT32" s="104">
        <v>1291717</v>
      </c>
      <c r="FU32" s="103">
        <v>6909477</v>
      </c>
      <c r="FV32" s="106">
        <v>8865469</v>
      </c>
      <c r="FW32" s="105">
        <v>453034</v>
      </c>
      <c r="FX32" s="104">
        <v>1035873</v>
      </c>
      <c r="FY32" s="102">
        <v>1488907</v>
      </c>
      <c r="FZ32" s="101">
        <v>0</v>
      </c>
      <c r="GA32" s="104">
        <v>625848</v>
      </c>
      <c r="GB32" s="104">
        <v>1937225</v>
      </c>
      <c r="GC32" s="104">
        <v>1423496</v>
      </c>
      <c r="GD32" s="104">
        <v>920371</v>
      </c>
      <c r="GE32" s="104">
        <v>1291717</v>
      </c>
      <c r="GF32" s="103">
        <v>6198657</v>
      </c>
      <c r="GG32" s="294">
        <v>7687564</v>
      </c>
      <c r="GH32" s="105">
        <v>15750</v>
      </c>
      <c r="GI32" s="104">
        <v>71175</v>
      </c>
      <c r="GJ32" s="102">
        <v>86925</v>
      </c>
      <c r="GK32" s="101">
        <v>0</v>
      </c>
      <c r="GL32" s="104">
        <v>78372</v>
      </c>
      <c r="GM32" s="104">
        <v>22572</v>
      </c>
      <c r="GN32" s="104">
        <v>61776</v>
      </c>
      <c r="GO32" s="104">
        <v>0</v>
      </c>
      <c r="GP32" s="104">
        <v>0</v>
      </c>
      <c r="GQ32" s="103">
        <v>162720</v>
      </c>
      <c r="GR32" s="106">
        <v>249645</v>
      </c>
      <c r="GS32" s="100">
        <v>330660</v>
      </c>
      <c r="GT32" s="104">
        <v>49500</v>
      </c>
      <c r="GU32" s="103">
        <v>380160</v>
      </c>
      <c r="GV32" s="100">
        <v>0</v>
      </c>
      <c r="GW32" s="104">
        <v>349290</v>
      </c>
      <c r="GX32" s="104">
        <v>198810</v>
      </c>
      <c r="GY32" s="104">
        <v>0</v>
      </c>
      <c r="GZ32" s="104">
        <v>0</v>
      </c>
      <c r="HA32" s="104">
        <v>0</v>
      </c>
      <c r="HB32" s="102">
        <v>548100</v>
      </c>
      <c r="HC32" s="106">
        <v>928260</v>
      </c>
      <c r="HD32" s="100">
        <v>629105</v>
      </c>
      <c r="HE32" s="104">
        <v>1124232</v>
      </c>
      <c r="HF32" s="102">
        <v>1753337</v>
      </c>
      <c r="HG32" s="101">
        <v>0</v>
      </c>
      <c r="HH32" s="104">
        <v>7105018</v>
      </c>
      <c r="HI32" s="104">
        <v>5394132</v>
      </c>
      <c r="HJ32" s="104">
        <v>6516728</v>
      </c>
      <c r="HK32" s="104">
        <v>7674031</v>
      </c>
      <c r="HL32" s="104">
        <v>4444321</v>
      </c>
      <c r="HM32" s="103">
        <v>31134230</v>
      </c>
      <c r="HN32" s="99">
        <v>32887567</v>
      </c>
      <c r="HO32" s="105">
        <v>578568</v>
      </c>
      <c r="HP32" s="104">
        <v>776920</v>
      </c>
      <c r="HQ32" s="103">
        <v>1355488</v>
      </c>
      <c r="HR32" s="100">
        <v>0</v>
      </c>
      <c r="HS32" s="104">
        <v>3212672</v>
      </c>
      <c r="HT32" s="104">
        <v>2278754</v>
      </c>
      <c r="HU32" s="104">
        <v>1624812</v>
      </c>
      <c r="HV32" s="104">
        <v>902446</v>
      </c>
      <c r="HW32" s="104">
        <v>858066</v>
      </c>
      <c r="HX32" s="102">
        <v>8876750</v>
      </c>
      <c r="HY32" s="106">
        <v>10232238</v>
      </c>
      <c r="HZ32" s="137">
        <v>0</v>
      </c>
      <c r="IA32" s="122">
        <v>0</v>
      </c>
      <c r="IB32" s="137">
        <v>0</v>
      </c>
      <c r="IC32" s="121">
        <v>0</v>
      </c>
      <c r="ID32" s="122">
        <v>4639894</v>
      </c>
      <c r="IE32" s="123">
        <v>2650332</v>
      </c>
      <c r="IF32" s="124">
        <v>6517250</v>
      </c>
      <c r="IG32" s="122">
        <v>6321269</v>
      </c>
      <c r="IH32" s="124">
        <v>4795806</v>
      </c>
      <c r="II32" s="125">
        <v>24924551</v>
      </c>
      <c r="IJ32" s="137">
        <v>24924551</v>
      </c>
      <c r="IK32" s="219">
        <v>0</v>
      </c>
      <c r="IL32" s="223">
        <v>0</v>
      </c>
      <c r="IM32" s="224">
        <v>0</v>
      </c>
      <c r="IN32" s="127"/>
      <c r="IO32" s="109">
        <v>0</v>
      </c>
      <c r="IP32" s="109">
        <v>0</v>
      </c>
      <c r="IQ32" s="109">
        <v>175496</v>
      </c>
      <c r="IR32" s="109">
        <v>0</v>
      </c>
      <c r="IS32" s="109">
        <v>0</v>
      </c>
      <c r="IT32" s="128">
        <v>175496</v>
      </c>
      <c r="IU32" s="296">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896807</v>
      </c>
      <c r="JL32" s="109">
        <v>1208768</v>
      </c>
      <c r="JM32" s="109">
        <v>579693</v>
      </c>
      <c r="JN32" s="109">
        <v>157259</v>
      </c>
      <c r="JO32" s="109">
        <v>0</v>
      </c>
      <c r="JP32" s="110">
        <v>3842527</v>
      </c>
      <c r="JQ32" s="296">
        <v>3842527</v>
      </c>
      <c r="JR32" s="129">
        <v>0</v>
      </c>
      <c r="JS32" s="109">
        <v>0</v>
      </c>
      <c r="JT32" s="128">
        <v>0</v>
      </c>
      <c r="JU32" s="108">
        <v>0</v>
      </c>
      <c r="JV32" s="109">
        <v>87876</v>
      </c>
      <c r="JW32" s="109">
        <v>47096</v>
      </c>
      <c r="JX32" s="109">
        <v>82362</v>
      </c>
      <c r="JY32" s="109">
        <v>250208</v>
      </c>
      <c r="JZ32" s="109">
        <v>354402</v>
      </c>
      <c r="KA32" s="110">
        <v>821944</v>
      </c>
      <c r="KB32" s="296">
        <v>821944</v>
      </c>
      <c r="KC32" s="221">
        <v>0</v>
      </c>
      <c r="KD32" s="217">
        <v>0</v>
      </c>
      <c r="KE32" s="110">
        <v>0</v>
      </c>
      <c r="KF32" s="108">
        <v>0</v>
      </c>
      <c r="KG32" s="109">
        <v>864466</v>
      </c>
      <c r="KH32" s="109">
        <v>466446</v>
      </c>
      <c r="KI32" s="109">
        <v>938658</v>
      </c>
      <c r="KJ32" s="109">
        <v>817167</v>
      </c>
      <c r="KK32" s="109">
        <v>678882</v>
      </c>
      <c r="KL32" s="110">
        <v>3765619</v>
      </c>
      <c r="KM32" s="130">
        <v>3765619</v>
      </c>
      <c r="KN32" s="219">
        <v>0</v>
      </c>
      <c r="KO32" s="223">
        <v>0</v>
      </c>
      <c r="KP32" s="224">
        <v>0</v>
      </c>
      <c r="KQ32" s="127"/>
      <c r="KR32" s="109">
        <v>1790745</v>
      </c>
      <c r="KS32" s="109">
        <v>928022</v>
      </c>
      <c r="KT32" s="109">
        <v>3266622</v>
      </c>
      <c r="KU32" s="109">
        <v>1758141</v>
      </c>
      <c r="KV32" s="109">
        <v>1707168</v>
      </c>
      <c r="KW32" s="110">
        <v>9450698</v>
      </c>
      <c r="KX32" s="296">
        <v>9450698</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474419</v>
      </c>
      <c r="LQ32" s="109">
        <v>3032513</v>
      </c>
      <c r="LR32" s="109">
        <v>2055354</v>
      </c>
      <c r="LS32" s="110">
        <v>6562286</v>
      </c>
      <c r="LT32" s="296">
        <v>6562286</v>
      </c>
      <c r="LU32" s="129">
        <v>0</v>
      </c>
      <c r="LV32" s="109">
        <v>0</v>
      </c>
      <c r="LW32" s="110">
        <v>0</v>
      </c>
      <c r="LX32" s="132"/>
      <c r="LY32" s="109">
        <v>0</v>
      </c>
      <c r="LZ32" s="109">
        <v>0</v>
      </c>
      <c r="MA32" s="109">
        <v>0</v>
      </c>
      <c r="MB32" s="109">
        <v>305981</v>
      </c>
      <c r="MC32" s="109">
        <v>0</v>
      </c>
      <c r="MD32" s="110">
        <v>305981</v>
      </c>
      <c r="ME32" s="111">
        <v>305981</v>
      </c>
      <c r="MF32" s="129">
        <v>0</v>
      </c>
      <c r="MG32" s="109">
        <v>0</v>
      </c>
      <c r="MH32" s="110">
        <v>0</v>
      </c>
      <c r="MI32" s="132"/>
      <c r="MJ32" s="109">
        <v>2682141</v>
      </c>
      <c r="MK32" s="109">
        <v>3842133</v>
      </c>
      <c r="ML32" s="109">
        <v>13262817</v>
      </c>
      <c r="MM32" s="109">
        <v>21637851</v>
      </c>
      <c r="MN32" s="109">
        <v>17365019</v>
      </c>
      <c r="MO32" s="110">
        <v>58789961</v>
      </c>
      <c r="MP32" s="130">
        <v>58789961</v>
      </c>
      <c r="MQ32" s="129">
        <v>0</v>
      </c>
      <c r="MR32" s="109">
        <v>0</v>
      </c>
      <c r="MS32" s="110">
        <v>0</v>
      </c>
      <c r="MT32" s="132"/>
      <c r="MU32" s="109">
        <v>672445</v>
      </c>
      <c r="MV32" s="109">
        <v>451883</v>
      </c>
      <c r="MW32" s="109">
        <v>8124363</v>
      </c>
      <c r="MX32" s="109">
        <v>15876976</v>
      </c>
      <c r="MY32" s="109">
        <v>11910656</v>
      </c>
      <c r="MZ32" s="110">
        <v>37036323</v>
      </c>
      <c r="NA32" s="130">
        <v>37036323</v>
      </c>
      <c r="NB32" s="129">
        <v>0</v>
      </c>
      <c r="NC32" s="109">
        <v>0</v>
      </c>
      <c r="ND32" s="110">
        <v>0</v>
      </c>
      <c r="NE32" s="132"/>
      <c r="NF32" s="109">
        <v>2009696</v>
      </c>
      <c r="NG32" s="109">
        <v>3390250</v>
      </c>
      <c r="NH32" s="109">
        <v>5138454</v>
      </c>
      <c r="NI32" s="109">
        <v>4939253</v>
      </c>
      <c r="NJ32" s="109">
        <v>4656728</v>
      </c>
      <c r="NK32" s="110">
        <v>20134381</v>
      </c>
      <c r="NL32" s="296">
        <v>20134381</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821622</v>
      </c>
      <c r="OF32" s="109">
        <v>797635</v>
      </c>
      <c r="OG32" s="110">
        <v>1619257</v>
      </c>
      <c r="OH32" s="111">
        <v>1619257</v>
      </c>
      <c r="OI32" s="129">
        <v>3036522</v>
      </c>
      <c r="OJ32" s="109">
        <v>5579505</v>
      </c>
      <c r="OK32" s="128">
        <v>8616027</v>
      </c>
      <c r="OL32" s="108">
        <v>0</v>
      </c>
      <c r="OM32" s="109">
        <v>31827938</v>
      </c>
      <c r="ON32" s="109">
        <v>29514048</v>
      </c>
      <c r="OO32" s="109">
        <v>40288319</v>
      </c>
      <c r="OP32" s="109">
        <v>46904504</v>
      </c>
      <c r="OQ32" s="109">
        <v>40631350</v>
      </c>
      <c r="OR32" s="110">
        <v>189166159</v>
      </c>
      <c r="OS32" s="130">
        <v>197782186</v>
      </c>
    </row>
    <row r="33" spans="2:409" ht="21" customHeight="1" x14ac:dyDescent="0.2">
      <c r="B33" s="468" t="s">
        <v>28</v>
      </c>
      <c r="C33" s="100">
        <v>142031</v>
      </c>
      <c r="D33" s="104">
        <v>578727</v>
      </c>
      <c r="E33" s="103">
        <v>720758</v>
      </c>
      <c r="F33" s="99">
        <v>0</v>
      </c>
      <c r="G33" s="104">
        <v>5464879</v>
      </c>
      <c r="H33" s="104">
        <v>9392433</v>
      </c>
      <c r="I33" s="104">
        <v>6550437</v>
      </c>
      <c r="J33" s="104">
        <v>5521428</v>
      </c>
      <c r="K33" s="104">
        <v>3621027</v>
      </c>
      <c r="L33" s="160">
        <v>30550204</v>
      </c>
      <c r="M33" s="106">
        <v>31270962</v>
      </c>
      <c r="N33" s="100">
        <v>26235</v>
      </c>
      <c r="O33" s="104">
        <v>103005</v>
      </c>
      <c r="P33" s="103">
        <v>129240</v>
      </c>
      <c r="Q33" s="100">
        <v>0</v>
      </c>
      <c r="R33" s="104">
        <v>939553</v>
      </c>
      <c r="S33" s="104">
        <v>1645770</v>
      </c>
      <c r="T33" s="104">
        <v>1590845</v>
      </c>
      <c r="U33" s="104">
        <v>1663800</v>
      </c>
      <c r="V33" s="104">
        <v>1523324</v>
      </c>
      <c r="W33" s="103">
        <v>7363292</v>
      </c>
      <c r="X33" s="106">
        <v>7492532</v>
      </c>
      <c r="Y33" s="100">
        <v>0</v>
      </c>
      <c r="Z33" s="104">
        <v>0</v>
      </c>
      <c r="AA33" s="103">
        <v>0</v>
      </c>
      <c r="AB33" s="100">
        <v>0</v>
      </c>
      <c r="AC33" s="104">
        <v>336762</v>
      </c>
      <c r="AD33" s="104">
        <v>841955</v>
      </c>
      <c r="AE33" s="104">
        <v>908027</v>
      </c>
      <c r="AF33" s="104">
        <v>810482</v>
      </c>
      <c r="AG33" s="104">
        <v>763668</v>
      </c>
      <c r="AH33" s="103">
        <v>3660894</v>
      </c>
      <c r="AI33" s="106">
        <v>3660894</v>
      </c>
      <c r="AJ33" s="100">
        <v>0</v>
      </c>
      <c r="AK33" s="104">
        <v>0</v>
      </c>
      <c r="AL33" s="103">
        <v>0</v>
      </c>
      <c r="AM33" s="100">
        <v>0</v>
      </c>
      <c r="AN33" s="104">
        <v>0</v>
      </c>
      <c r="AO33" s="104">
        <v>0</v>
      </c>
      <c r="AP33" s="104">
        <v>126525</v>
      </c>
      <c r="AQ33" s="104">
        <v>166479</v>
      </c>
      <c r="AR33" s="104">
        <v>217688</v>
      </c>
      <c r="AS33" s="103">
        <v>510692</v>
      </c>
      <c r="AT33" s="106">
        <v>510692</v>
      </c>
      <c r="AU33" s="100">
        <v>21582</v>
      </c>
      <c r="AV33" s="104">
        <v>97641</v>
      </c>
      <c r="AW33" s="103">
        <v>119223</v>
      </c>
      <c r="AX33" s="100">
        <v>0</v>
      </c>
      <c r="AY33" s="104">
        <v>432579</v>
      </c>
      <c r="AZ33" s="104">
        <v>461816</v>
      </c>
      <c r="BA33" s="104">
        <v>325430</v>
      </c>
      <c r="BB33" s="104">
        <v>478042</v>
      </c>
      <c r="BC33" s="104">
        <v>359721</v>
      </c>
      <c r="BD33" s="103">
        <v>2057588</v>
      </c>
      <c r="BE33" s="106">
        <v>2176811</v>
      </c>
      <c r="BF33" s="100">
        <v>0</v>
      </c>
      <c r="BG33" s="104">
        <v>0</v>
      </c>
      <c r="BH33" s="102">
        <v>0</v>
      </c>
      <c r="BI33" s="101">
        <v>0</v>
      </c>
      <c r="BJ33" s="104">
        <v>16902</v>
      </c>
      <c r="BK33" s="104">
        <v>62215</v>
      </c>
      <c r="BL33" s="104">
        <v>0</v>
      </c>
      <c r="BM33" s="104">
        <v>44437</v>
      </c>
      <c r="BN33" s="104">
        <v>40311</v>
      </c>
      <c r="BO33" s="103">
        <v>163865</v>
      </c>
      <c r="BP33" s="106">
        <v>163865</v>
      </c>
      <c r="BQ33" s="100">
        <v>4653</v>
      </c>
      <c r="BR33" s="104">
        <v>5364</v>
      </c>
      <c r="BS33" s="103">
        <v>10017</v>
      </c>
      <c r="BT33" s="100">
        <v>0</v>
      </c>
      <c r="BU33" s="104">
        <v>153310</v>
      </c>
      <c r="BV33" s="104">
        <v>279784</v>
      </c>
      <c r="BW33" s="104">
        <v>230863</v>
      </c>
      <c r="BX33" s="104">
        <v>164360</v>
      </c>
      <c r="BY33" s="104">
        <v>141936</v>
      </c>
      <c r="BZ33" s="103">
        <v>970253</v>
      </c>
      <c r="CA33" s="106">
        <v>980270</v>
      </c>
      <c r="CB33" s="100">
        <v>24896</v>
      </c>
      <c r="CC33" s="104">
        <v>134980</v>
      </c>
      <c r="CD33" s="103">
        <v>159876</v>
      </c>
      <c r="CE33" s="100">
        <v>0</v>
      </c>
      <c r="CF33" s="104">
        <v>1973123</v>
      </c>
      <c r="CG33" s="104">
        <v>3576366</v>
      </c>
      <c r="CH33" s="104">
        <v>2224259</v>
      </c>
      <c r="CI33" s="104">
        <v>1903594</v>
      </c>
      <c r="CJ33" s="104">
        <v>1154959</v>
      </c>
      <c r="CK33" s="103">
        <v>10832301</v>
      </c>
      <c r="CL33" s="106">
        <v>10992177</v>
      </c>
      <c r="CM33" s="100">
        <v>0</v>
      </c>
      <c r="CN33" s="104">
        <v>0</v>
      </c>
      <c r="CO33" s="103">
        <v>0</v>
      </c>
      <c r="CP33" s="101">
        <v>0</v>
      </c>
      <c r="CQ33" s="104">
        <v>1611781</v>
      </c>
      <c r="CR33" s="104">
        <v>2545196</v>
      </c>
      <c r="CS33" s="104">
        <v>1533207</v>
      </c>
      <c r="CT33" s="104">
        <v>1320359</v>
      </c>
      <c r="CU33" s="104">
        <v>760431</v>
      </c>
      <c r="CV33" s="103">
        <v>7770974</v>
      </c>
      <c r="CW33" s="106">
        <v>7770974</v>
      </c>
      <c r="CX33" s="100">
        <v>24896</v>
      </c>
      <c r="CY33" s="104">
        <v>134980</v>
      </c>
      <c r="CZ33" s="103">
        <v>159876</v>
      </c>
      <c r="DA33" s="100">
        <v>0</v>
      </c>
      <c r="DB33" s="104">
        <v>361342</v>
      </c>
      <c r="DC33" s="104">
        <v>1031170</v>
      </c>
      <c r="DD33" s="104">
        <v>691052</v>
      </c>
      <c r="DE33" s="104">
        <v>583235</v>
      </c>
      <c r="DF33" s="104">
        <v>394528</v>
      </c>
      <c r="DG33" s="103">
        <v>3061327</v>
      </c>
      <c r="DH33" s="106">
        <v>3221203</v>
      </c>
      <c r="DI33" s="100">
        <v>0</v>
      </c>
      <c r="DJ33" s="104">
        <v>29982</v>
      </c>
      <c r="DK33" s="102">
        <v>29982</v>
      </c>
      <c r="DL33" s="101">
        <v>0</v>
      </c>
      <c r="DM33" s="104">
        <v>159222</v>
      </c>
      <c r="DN33" s="104">
        <v>614343</v>
      </c>
      <c r="DO33" s="104">
        <v>651989</v>
      </c>
      <c r="DP33" s="104">
        <v>346831</v>
      </c>
      <c r="DQ33" s="104">
        <v>248479</v>
      </c>
      <c r="DR33" s="103">
        <v>2020864</v>
      </c>
      <c r="DS33" s="106">
        <v>2050846</v>
      </c>
      <c r="DT33" s="100">
        <v>0</v>
      </c>
      <c r="DU33" s="104">
        <v>29982</v>
      </c>
      <c r="DV33" s="103">
        <v>29982</v>
      </c>
      <c r="DW33" s="100">
        <v>0</v>
      </c>
      <c r="DX33" s="104">
        <v>121071</v>
      </c>
      <c r="DY33" s="104">
        <v>520303</v>
      </c>
      <c r="DZ33" s="104">
        <v>422113</v>
      </c>
      <c r="EA33" s="104">
        <v>346831</v>
      </c>
      <c r="EB33" s="104">
        <v>248479</v>
      </c>
      <c r="EC33" s="103">
        <v>1658797</v>
      </c>
      <c r="ED33" s="106">
        <v>1688779</v>
      </c>
      <c r="EE33" s="100">
        <v>0</v>
      </c>
      <c r="EF33" s="102">
        <v>0</v>
      </c>
      <c r="EG33" s="103">
        <v>0</v>
      </c>
      <c r="EH33" s="100">
        <v>0</v>
      </c>
      <c r="EI33" s="104">
        <v>38151</v>
      </c>
      <c r="EJ33" s="104">
        <v>94040</v>
      </c>
      <c r="EK33" s="104">
        <v>229876</v>
      </c>
      <c r="EL33" s="104">
        <v>0</v>
      </c>
      <c r="EM33" s="104">
        <v>0</v>
      </c>
      <c r="EN33" s="102">
        <v>362067</v>
      </c>
      <c r="EO33" s="106">
        <v>362067</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2"/>
      <c r="FE33" s="104">
        <v>0</v>
      </c>
      <c r="FF33" s="104">
        <v>0</v>
      </c>
      <c r="FG33" s="104">
        <v>0</v>
      </c>
      <c r="FH33" s="104">
        <v>0</v>
      </c>
      <c r="FI33" s="104">
        <v>0</v>
      </c>
      <c r="FJ33" s="103">
        <v>0</v>
      </c>
      <c r="FK33" s="106">
        <v>0</v>
      </c>
      <c r="FL33" s="100">
        <v>44100</v>
      </c>
      <c r="FM33" s="104">
        <v>236300</v>
      </c>
      <c r="FN33" s="103">
        <v>280400</v>
      </c>
      <c r="FO33" s="100">
        <v>0</v>
      </c>
      <c r="FP33" s="104">
        <v>461358</v>
      </c>
      <c r="FQ33" s="104">
        <v>955199</v>
      </c>
      <c r="FR33" s="104">
        <v>595436</v>
      </c>
      <c r="FS33" s="104">
        <v>481916</v>
      </c>
      <c r="FT33" s="104">
        <v>268380</v>
      </c>
      <c r="FU33" s="103">
        <v>2762289</v>
      </c>
      <c r="FV33" s="106">
        <v>3042689</v>
      </c>
      <c r="FW33" s="105">
        <v>44100</v>
      </c>
      <c r="FX33" s="104">
        <v>93200</v>
      </c>
      <c r="FY33" s="102">
        <v>137300</v>
      </c>
      <c r="FZ33" s="101">
        <v>0</v>
      </c>
      <c r="GA33" s="104">
        <v>335722</v>
      </c>
      <c r="GB33" s="104">
        <v>878565</v>
      </c>
      <c r="GC33" s="104">
        <v>579236</v>
      </c>
      <c r="GD33" s="104">
        <v>481916</v>
      </c>
      <c r="GE33" s="104">
        <v>268380</v>
      </c>
      <c r="GF33" s="103">
        <v>2543819</v>
      </c>
      <c r="GG33" s="294">
        <v>2681119</v>
      </c>
      <c r="GH33" s="105">
        <v>0</v>
      </c>
      <c r="GI33" s="104">
        <v>0</v>
      </c>
      <c r="GJ33" s="102">
        <v>0</v>
      </c>
      <c r="GK33" s="101">
        <v>0</v>
      </c>
      <c r="GL33" s="104">
        <v>20592</v>
      </c>
      <c r="GM33" s="104">
        <v>76634</v>
      </c>
      <c r="GN33" s="104">
        <v>16200</v>
      </c>
      <c r="GO33" s="104">
        <v>0</v>
      </c>
      <c r="GP33" s="104">
        <v>0</v>
      </c>
      <c r="GQ33" s="103">
        <v>113426</v>
      </c>
      <c r="GR33" s="106">
        <v>113426</v>
      </c>
      <c r="GS33" s="100">
        <v>0</v>
      </c>
      <c r="GT33" s="104">
        <v>143100</v>
      </c>
      <c r="GU33" s="103">
        <v>143100</v>
      </c>
      <c r="GV33" s="100">
        <v>0</v>
      </c>
      <c r="GW33" s="104">
        <v>105044</v>
      </c>
      <c r="GX33" s="104">
        <v>0</v>
      </c>
      <c r="GY33" s="104">
        <v>0</v>
      </c>
      <c r="GZ33" s="104">
        <v>0</v>
      </c>
      <c r="HA33" s="104">
        <v>0</v>
      </c>
      <c r="HB33" s="102">
        <v>105044</v>
      </c>
      <c r="HC33" s="106">
        <v>248144</v>
      </c>
      <c r="HD33" s="100">
        <v>0</v>
      </c>
      <c r="HE33" s="104">
        <v>0</v>
      </c>
      <c r="HF33" s="102">
        <v>0</v>
      </c>
      <c r="HG33" s="101">
        <v>0</v>
      </c>
      <c r="HH33" s="104">
        <v>808712</v>
      </c>
      <c r="HI33" s="104">
        <v>1542164</v>
      </c>
      <c r="HJ33" s="104">
        <v>877607</v>
      </c>
      <c r="HK33" s="104">
        <v>884513</v>
      </c>
      <c r="HL33" s="104">
        <v>247932</v>
      </c>
      <c r="HM33" s="103">
        <v>4360928</v>
      </c>
      <c r="HN33" s="99">
        <v>4360928</v>
      </c>
      <c r="HO33" s="105">
        <v>46800</v>
      </c>
      <c r="HP33" s="104">
        <v>74460</v>
      </c>
      <c r="HQ33" s="103">
        <v>121260</v>
      </c>
      <c r="HR33" s="100">
        <v>0</v>
      </c>
      <c r="HS33" s="104">
        <v>1122911</v>
      </c>
      <c r="HT33" s="104">
        <v>1058591</v>
      </c>
      <c r="HU33" s="104">
        <v>610301</v>
      </c>
      <c r="HV33" s="104">
        <v>240774</v>
      </c>
      <c r="HW33" s="104">
        <v>177953</v>
      </c>
      <c r="HX33" s="102">
        <v>3210530</v>
      </c>
      <c r="HY33" s="106">
        <v>3331790</v>
      </c>
      <c r="HZ33" s="118">
        <v>0</v>
      </c>
      <c r="IA33" s="119">
        <v>0</v>
      </c>
      <c r="IB33" s="120">
        <v>0</v>
      </c>
      <c r="IC33" s="133">
        <v>0</v>
      </c>
      <c r="ID33" s="119">
        <v>1246888</v>
      </c>
      <c r="IE33" s="134">
        <v>1760588</v>
      </c>
      <c r="IF33" s="120">
        <v>469600</v>
      </c>
      <c r="IG33" s="119">
        <v>1890027</v>
      </c>
      <c r="IH33" s="120">
        <v>849416</v>
      </c>
      <c r="II33" s="135">
        <v>6216519</v>
      </c>
      <c r="IJ33" s="126">
        <v>6216519</v>
      </c>
      <c r="IK33" s="219">
        <v>0</v>
      </c>
      <c r="IL33" s="223">
        <v>0</v>
      </c>
      <c r="IM33" s="224">
        <v>0</v>
      </c>
      <c r="IN33" s="127"/>
      <c r="IO33" s="109">
        <v>0</v>
      </c>
      <c r="IP33" s="109">
        <v>0</v>
      </c>
      <c r="IQ33" s="109">
        <v>0</v>
      </c>
      <c r="IR33" s="109">
        <v>0</v>
      </c>
      <c r="IS33" s="109">
        <v>0</v>
      </c>
      <c r="IT33" s="128">
        <v>0</v>
      </c>
      <c r="IU33" s="296">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892297</v>
      </c>
      <c r="JL33" s="109">
        <v>425061</v>
      </c>
      <c r="JM33" s="109">
        <v>95704</v>
      </c>
      <c r="JN33" s="109">
        <v>165411</v>
      </c>
      <c r="JO33" s="109">
        <v>26091</v>
      </c>
      <c r="JP33" s="110">
        <v>1604564</v>
      </c>
      <c r="JQ33" s="296">
        <v>1604564</v>
      </c>
      <c r="JR33" s="129">
        <v>0</v>
      </c>
      <c r="JS33" s="109">
        <v>0</v>
      </c>
      <c r="JT33" s="128">
        <v>0</v>
      </c>
      <c r="JU33" s="108">
        <v>0</v>
      </c>
      <c r="JV33" s="109">
        <v>98865</v>
      </c>
      <c r="JW33" s="109">
        <v>108999</v>
      </c>
      <c r="JX33" s="109">
        <v>99603</v>
      </c>
      <c r="JY33" s="109">
        <v>324477</v>
      </c>
      <c r="JZ33" s="109">
        <v>0</v>
      </c>
      <c r="KA33" s="110">
        <v>631944</v>
      </c>
      <c r="KB33" s="296">
        <v>631944</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255726</v>
      </c>
      <c r="KS33" s="109">
        <v>1226528</v>
      </c>
      <c r="KT33" s="109">
        <v>274293</v>
      </c>
      <c r="KU33" s="109">
        <v>1117296</v>
      </c>
      <c r="KV33" s="109">
        <v>823325</v>
      </c>
      <c r="KW33" s="110">
        <v>3697168</v>
      </c>
      <c r="KX33" s="296">
        <v>3697168</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282843</v>
      </c>
      <c r="LR33" s="109">
        <v>0</v>
      </c>
      <c r="LS33" s="110">
        <v>282843</v>
      </c>
      <c r="LT33" s="296">
        <v>282843</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1250616</v>
      </c>
      <c r="MK33" s="109">
        <v>2788161</v>
      </c>
      <c r="ML33" s="109">
        <v>5844956</v>
      </c>
      <c r="MM33" s="109">
        <v>5735596</v>
      </c>
      <c r="MN33" s="109">
        <v>5974603</v>
      </c>
      <c r="MO33" s="110">
        <v>21593932</v>
      </c>
      <c r="MP33" s="130">
        <v>21593932</v>
      </c>
      <c r="MQ33" s="129">
        <v>0</v>
      </c>
      <c r="MR33" s="109">
        <v>0</v>
      </c>
      <c r="MS33" s="110">
        <v>0</v>
      </c>
      <c r="MT33" s="132"/>
      <c r="MU33" s="109">
        <v>0</v>
      </c>
      <c r="MV33" s="109">
        <v>463055</v>
      </c>
      <c r="MW33" s="109">
        <v>2957274</v>
      </c>
      <c r="MX33" s="109">
        <v>3929272</v>
      </c>
      <c r="MY33" s="109">
        <v>5029117</v>
      </c>
      <c r="MZ33" s="110">
        <v>12378718</v>
      </c>
      <c r="NA33" s="130">
        <v>12378718</v>
      </c>
      <c r="NB33" s="129">
        <v>0</v>
      </c>
      <c r="NC33" s="109">
        <v>0</v>
      </c>
      <c r="ND33" s="110">
        <v>0</v>
      </c>
      <c r="NE33" s="132"/>
      <c r="NF33" s="109">
        <v>1250616</v>
      </c>
      <c r="NG33" s="109">
        <v>2325106</v>
      </c>
      <c r="NH33" s="109">
        <v>2887682</v>
      </c>
      <c r="NI33" s="109">
        <v>1806324</v>
      </c>
      <c r="NJ33" s="109">
        <v>945486</v>
      </c>
      <c r="NK33" s="110">
        <v>9215214</v>
      </c>
      <c r="NL33" s="296">
        <v>9215214</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142031</v>
      </c>
      <c r="OJ33" s="109">
        <v>578727</v>
      </c>
      <c r="OK33" s="128">
        <v>720758</v>
      </c>
      <c r="OL33" s="108">
        <v>0</v>
      </c>
      <c r="OM33" s="109">
        <v>7962383</v>
      </c>
      <c r="ON33" s="109">
        <v>13941182</v>
      </c>
      <c r="OO33" s="109">
        <v>12864993</v>
      </c>
      <c r="OP33" s="109">
        <v>13147051</v>
      </c>
      <c r="OQ33" s="109">
        <v>10445046</v>
      </c>
      <c r="OR33" s="110">
        <v>58360655</v>
      </c>
      <c r="OS33" s="130">
        <v>59081413</v>
      </c>
    </row>
    <row r="34" spans="2:409" ht="21" customHeight="1" x14ac:dyDescent="0.2">
      <c r="B34" s="468" t="s">
        <v>29</v>
      </c>
      <c r="C34" s="100">
        <v>490724</v>
      </c>
      <c r="D34" s="104">
        <v>947296</v>
      </c>
      <c r="E34" s="103">
        <v>1438020</v>
      </c>
      <c r="F34" s="99">
        <v>0</v>
      </c>
      <c r="G34" s="104">
        <v>7605688</v>
      </c>
      <c r="H34" s="104">
        <v>9727908</v>
      </c>
      <c r="I34" s="104">
        <v>10240319</v>
      </c>
      <c r="J34" s="104">
        <v>8013149</v>
      </c>
      <c r="K34" s="104">
        <v>6127346</v>
      </c>
      <c r="L34" s="160">
        <v>41714410</v>
      </c>
      <c r="M34" s="106">
        <v>43152430</v>
      </c>
      <c r="N34" s="100">
        <v>45684</v>
      </c>
      <c r="O34" s="104">
        <v>242776</v>
      </c>
      <c r="P34" s="103">
        <v>288460</v>
      </c>
      <c r="Q34" s="100">
        <v>0</v>
      </c>
      <c r="R34" s="104">
        <v>2383110</v>
      </c>
      <c r="S34" s="104">
        <v>2340164</v>
      </c>
      <c r="T34" s="104">
        <v>2672960</v>
      </c>
      <c r="U34" s="104">
        <v>2272906</v>
      </c>
      <c r="V34" s="104">
        <v>2841556</v>
      </c>
      <c r="W34" s="103">
        <v>12510696</v>
      </c>
      <c r="X34" s="106">
        <v>12799156</v>
      </c>
      <c r="Y34" s="100">
        <v>0</v>
      </c>
      <c r="Z34" s="104">
        <v>0</v>
      </c>
      <c r="AA34" s="103">
        <v>0</v>
      </c>
      <c r="AB34" s="100">
        <v>0</v>
      </c>
      <c r="AC34" s="104">
        <v>1090092</v>
      </c>
      <c r="AD34" s="104">
        <v>1103516</v>
      </c>
      <c r="AE34" s="104">
        <v>1563489</v>
      </c>
      <c r="AF34" s="104">
        <v>1212273</v>
      </c>
      <c r="AG34" s="104">
        <v>1639228</v>
      </c>
      <c r="AH34" s="103">
        <v>6608598</v>
      </c>
      <c r="AI34" s="106">
        <v>6608598</v>
      </c>
      <c r="AJ34" s="100">
        <v>0</v>
      </c>
      <c r="AK34" s="104">
        <v>0</v>
      </c>
      <c r="AL34" s="103">
        <v>0</v>
      </c>
      <c r="AM34" s="100">
        <v>0</v>
      </c>
      <c r="AN34" s="104">
        <v>0</v>
      </c>
      <c r="AO34" s="104">
        <v>0</v>
      </c>
      <c r="AP34" s="104">
        <v>51231</v>
      </c>
      <c r="AQ34" s="104">
        <v>202859</v>
      </c>
      <c r="AR34" s="104">
        <v>486408</v>
      </c>
      <c r="AS34" s="103">
        <v>740498</v>
      </c>
      <c r="AT34" s="106">
        <v>740498</v>
      </c>
      <c r="AU34" s="100">
        <v>23832</v>
      </c>
      <c r="AV34" s="104">
        <v>197524</v>
      </c>
      <c r="AW34" s="103">
        <v>221356</v>
      </c>
      <c r="AX34" s="100">
        <v>0</v>
      </c>
      <c r="AY34" s="104">
        <v>976219</v>
      </c>
      <c r="AZ34" s="104">
        <v>824331</v>
      </c>
      <c r="BA34" s="104">
        <v>605254</v>
      </c>
      <c r="BB34" s="104">
        <v>427640</v>
      </c>
      <c r="BC34" s="104">
        <v>534840</v>
      </c>
      <c r="BD34" s="103">
        <v>3368284</v>
      </c>
      <c r="BE34" s="106">
        <v>3589640</v>
      </c>
      <c r="BF34" s="100">
        <v>0</v>
      </c>
      <c r="BG34" s="104">
        <v>33264</v>
      </c>
      <c r="BH34" s="102">
        <v>33264</v>
      </c>
      <c r="BI34" s="101">
        <v>0</v>
      </c>
      <c r="BJ34" s="104">
        <v>58714</v>
      </c>
      <c r="BK34" s="104">
        <v>30592</v>
      </c>
      <c r="BL34" s="104">
        <v>89622</v>
      </c>
      <c r="BM34" s="104">
        <v>64888</v>
      </c>
      <c r="BN34" s="104">
        <v>0</v>
      </c>
      <c r="BO34" s="103">
        <v>243816</v>
      </c>
      <c r="BP34" s="106">
        <v>277080</v>
      </c>
      <c r="BQ34" s="100">
        <v>21852</v>
      </c>
      <c r="BR34" s="104">
        <v>11988</v>
      </c>
      <c r="BS34" s="103">
        <v>33840</v>
      </c>
      <c r="BT34" s="100">
        <v>0</v>
      </c>
      <c r="BU34" s="104">
        <v>258085</v>
      </c>
      <c r="BV34" s="104">
        <v>381725</v>
      </c>
      <c r="BW34" s="104">
        <v>363364</v>
      </c>
      <c r="BX34" s="104">
        <v>365246</v>
      </c>
      <c r="BY34" s="104">
        <v>181080</v>
      </c>
      <c r="BZ34" s="103">
        <v>1549500</v>
      </c>
      <c r="CA34" s="106">
        <v>1583340</v>
      </c>
      <c r="CB34" s="100">
        <v>61618</v>
      </c>
      <c r="CC34" s="104">
        <v>202871</v>
      </c>
      <c r="CD34" s="103">
        <v>264489</v>
      </c>
      <c r="CE34" s="100">
        <v>0</v>
      </c>
      <c r="CF34" s="104">
        <v>2386961</v>
      </c>
      <c r="CG34" s="104">
        <v>3727696</v>
      </c>
      <c r="CH34" s="104">
        <v>3834794</v>
      </c>
      <c r="CI34" s="104">
        <v>1790650</v>
      </c>
      <c r="CJ34" s="104">
        <v>738531</v>
      </c>
      <c r="CK34" s="103">
        <v>12478632</v>
      </c>
      <c r="CL34" s="106">
        <v>12743121</v>
      </c>
      <c r="CM34" s="100">
        <v>0</v>
      </c>
      <c r="CN34" s="104">
        <v>0</v>
      </c>
      <c r="CO34" s="103">
        <v>0</v>
      </c>
      <c r="CP34" s="101">
        <v>0</v>
      </c>
      <c r="CQ34" s="104">
        <v>1494571</v>
      </c>
      <c r="CR34" s="104">
        <v>3171523</v>
      </c>
      <c r="CS34" s="104">
        <v>2903827</v>
      </c>
      <c r="CT34" s="104">
        <v>1679743</v>
      </c>
      <c r="CU34" s="104">
        <v>738531</v>
      </c>
      <c r="CV34" s="103">
        <v>9988195</v>
      </c>
      <c r="CW34" s="106">
        <v>9988195</v>
      </c>
      <c r="CX34" s="100">
        <v>61618</v>
      </c>
      <c r="CY34" s="104">
        <v>202871</v>
      </c>
      <c r="CZ34" s="103">
        <v>264489</v>
      </c>
      <c r="DA34" s="100">
        <v>0</v>
      </c>
      <c r="DB34" s="104">
        <v>892390</v>
      </c>
      <c r="DC34" s="104">
        <v>556173</v>
      </c>
      <c r="DD34" s="104">
        <v>930967</v>
      </c>
      <c r="DE34" s="104">
        <v>110907</v>
      </c>
      <c r="DF34" s="104">
        <v>0</v>
      </c>
      <c r="DG34" s="103">
        <v>2490437</v>
      </c>
      <c r="DH34" s="106">
        <v>2754926</v>
      </c>
      <c r="DI34" s="100">
        <v>16609</v>
      </c>
      <c r="DJ34" s="104">
        <v>0</v>
      </c>
      <c r="DK34" s="102">
        <v>16609</v>
      </c>
      <c r="DL34" s="101">
        <v>0</v>
      </c>
      <c r="DM34" s="104">
        <v>396711</v>
      </c>
      <c r="DN34" s="104">
        <v>400831</v>
      </c>
      <c r="DO34" s="104">
        <v>877250</v>
      </c>
      <c r="DP34" s="104">
        <v>664382</v>
      </c>
      <c r="DQ34" s="104">
        <v>364935</v>
      </c>
      <c r="DR34" s="103">
        <v>2704109</v>
      </c>
      <c r="DS34" s="106">
        <v>2720718</v>
      </c>
      <c r="DT34" s="100">
        <v>16609</v>
      </c>
      <c r="DU34" s="104">
        <v>0</v>
      </c>
      <c r="DV34" s="103">
        <v>16609</v>
      </c>
      <c r="DW34" s="100">
        <v>0</v>
      </c>
      <c r="DX34" s="104">
        <v>362663</v>
      </c>
      <c r="DY34" s="104">
        <v>298269</v>
      </c>
      <c r="DZ34" s="104">
        <v>775978</v>
      </c>
      <c r="EA34" s="104">
        <v>433285</v>
      </c>
      <c r="EB34" s="104">
        <v>364935</v>
      </c>
      <c r="EC34" s="103">
        <v>2235130</v>
      </c>
      <c r="ED34" s="106">
        <v>2251739</v>
      </c>
      <c r="EE34" s="100">
        <v>0</v>
      </c>
      <c r="EF34" s="102">
        <v>0</v>
      </c>
      <c r="EG34" s="103">
        <v>0</v>
      </c>
      <c r="EH34" s="100">
        <v>0</v>
      </c>
      <c r="EI34" s="104">
        <v>34048</v>
      </c>
      <c r="EJ34" s="104">
        <v>102562</v>
      </c>
      <c r="EK34" s="104">
        <v>101272</v>
      </c>
      <c r="EL34" s="104">
        <v>231097</v>
      </c>
      <c r="EM34" s="104">
        <v>0</v>
      </c>
      <c r="EN34" s="102">
        <v>468979</v>
      </c>
      <c r="EO34" s="106">
        <v>468979</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2"/>
      <c r="FE34" s="104">
        <v>0</v>
      </c>
      <c r="FF34" s="104">
        <v>0</v>
      </c>
      <c r="FG34" s="104">
        <v>0</v>
      </c>
      <c r="FH34" s="104">
        <v>0</v>
      </c>
      <c r="FI34" s="104">
        <v>0</v>
      </c>
      <c r="FJ34" s="103">
        <v>0</v>
      </c>
      <c r="FK34" s="106">
        <v>0</v>
      </c>
      <c r="FL34" s="100">
        <v>170550</v>
      </c>
      <c r="FM34" s="104">
        <v>228130</v>
      </c>
      <c r="FN34" s="103">
        <v>398680</v>
      </c>
      <c r="FO34" s="100">
        <v>0</v>
      </c>
      <c r="FP34" s="104">
        <v>516131</v>
      </c>
      <c r="FQ34" s="104">
        <v>895539</v>
      </c>
      <c r="FR34" s="104">
        <v>899584</v>
      </c>
      <c r="FS34" s="104">
        <v>652768</v>
      </c>
      <c r="FT34" s="104">
        <v>514791</v>
      </c>
      <c r="FU34" s="103">
        <v>3478813</v>
      </c>
      <c r="FV34" s="106">
        <v>3877493</v>
      </c>
      <c r="FW34" s="105">
        <v>170550</v>
      </c>
      <c r="FX34" s="104">
        <v>211806</v>
      </c>
      <c r="FY34" s="102">
        <v>382356</v>
      </c>
      <c r="FZ34" s="101">
        <v>0</v>
      </c>
      <c r="GA34" s="104">
        <v>351420</v>
      </c>
      <c r="GB34" s="104">
        <v>809409</v>
      </c>
      <c r="GC34" s="104">
        <v>743344</v>
      </c>
      <c r="GD34" s="104">
        <v>652768</v>
      </c>
      <c r="GE34" s="104">
        <v>514791</v>
      </c>
      <c r="GF34" s="103">
        <v>3071732</v>
      </c>
      <c r="GG34" s="294">
        <v>3454088</v>
      </c>
      <c r="GH34" s="105">
        <v>0</v>
      </c>
      <c r="GI34" s="104">
        <v>16324</v>
      </c>
      <c r="GJ34" s="102">
        <v>16324</v>
      </c>
      <c r="GK34" s="101">
        <v>0</v>
      </c>
      <c r="GL34" s="104">
        <v>70067</v>
      </c>
      <c r="GM34" s="104">
        <v>75636</v>
      </c>
      <c r="GN34" s="104">
        <v>69840</v>
      </c>
      <c r="GO34" s="104">
        <v>0</v>
      </c>
      <c r="GP34" s="104">
        <v>0</v>
      </c>
      <c r="GQ34" s="103">
        <v>215543</v>
      </c>
      <c r="GR34" s="106">
        <v>231867</v>
      </c>
      <c r="GS34" s="100">
        <v>0</v>
      </c>
      <c r="GT34" s="104">
        <v>0</v>
      </c>
      <c r="GU34" s="103">
        <v>0</v>
      </c>
      <c r="GV34" s="100">
        <v>0</v>
      </c>
      <c r="GW34" s="104">
        <v>94644</v>
      </c>
      <c r="GX34" s="104">
        <v>10494</v>
      </c>
      <c r="GY34" s="104">
        <v>86400</v>
      </c>
      <c r="GZ34" s="104">
        <v>0</v>
      </c>
      <c r="HA34" s="104">
        <v>0</v>
      </c>
      <c r="HB34" s="102">
        <v>191538</v>
      </c>
      <c r="HC34" s="106">
        <v>191538</v>
      </c>
      <c r="HD34" s="100">
        <v>57483</v>
      </c>
      <c r="HE34" s="104">
        <v>95319</v>
      </c>
      <c r="HF34" s="102">
        <v>152802</v>
      </c>
      <c r="HG34" s="101">
        <v>0</v>
      </c>
      <c r="HH34" s="104">
        <v>820771</v>
      </c>
      <c r="HI34" s="104">
        <v>1286191</v>
      </c>
      <c r="HJ34" s="104">
        <v>870075</v>
      </c>
      <c r="HK34" s="104">
        <v>2057990</v>
      </c>
      <c r="HL34" s="104">
        <v>1309528</v>
      </c>
      <c r="HM34" s="103">
        <v>6344555</v>
      </c>
      <c r="HN34" s="99">
        <v>6497357</v>
      </c>
      <c r="HO34" s="105">
        <v>138780</v>
      </c>
      <c r="HP34" s="104">
        <v>178200</v>
      </c>
      <c r="HQ34" s="103">
        <v>316980</v>
      </c>
      <c r="HR34" s="100">
        <v>0</v>
      </c>
      <c r="HS34" s="104">
        <v>1102004</v>
      </c>
      <c r="HT34" s="104">
        <v>1077487</v>
      </c>
      <c r="HU34" s="104">
        <v>1085656</v>
      </c>
      <c r="HV34" s="104">
        <v>574453</v>
      </c>
      <c r="HW34" s="104">
        <v>358005</v>
      </c>
      <c r="HX34" s="102">
        <v>4197605</v>
      </c>
      <c r="HY34" s="106">
        <v>4514585</v>
      </c>
      <c r="HZ34" s="137">
        <v>0</v>
      </c>
      <c r="IA34" s="122">
        <v>176112</v>
      </c>
      <c r="IB34" s="137">
        <v>176112</v>
      </c>
      <c r="IC34" s="121">
        <v>0</v>
      </c>
      <c r="ID34" s="122">
        <v>3423389</v>
      </c>
      <c r="IE34" s="123">
        <v>3706254</v>
      </c>
      <c r="IF34" s="124">
        <v>8240401</v>
      </c>
      <c r="IG34" s="122">
        <v>4715021</v>
      </c>
      <c r="IH34" s="124">
        <v>2372247</v>
      </c>
      <c r="II34" s="125">
        <v>22457312</v>
      </c>
      <c r="IJ34" s="137">
        <v>22633424</v>
      </c>
      <c r="IK34" s="219">
        <v>0</v>
      </c>
      <c r="IL34" s="223">
        <v>0</v>
      </c>
      <c r="IM34" s="224">
        <v>0</v>
      </c>
      <c r="IN34" s="127"/>
      <c r="IO34" s="109">
        <v>112809</v>
      </c>
      <c r="IP34" s="109">
        <v>0</v>
      </c>
      <c r="IQ34" s="109">
        <v>163888</v>
      </c>
      <c r="IR34" s="109">
        <v>0</v>
      </c>
      <c r="IS34" s="109">
        <v>0</v>
      </c>
      <c r="IT34" s="128">
        <v>276697</v>
      </c>
      <c r="IU34" s="296">
        <v>276697</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788463</v>
      </c>
      <c r="JL34" s="109">
        <v>1114873</v>
      </c>
      <c r="JM34" s="109">
        <v>629312</v>
      </c>
      <c r="JN34" s="109">
        <v>283004</v>
      </c>
      <c r="JO34" s="109">
        <v>0</v>
      </c>
      <c r="JP34" s="110">
        <v>2815652</v>
      </c>
      <c r="JQ34" s="296">
        <v>2815652</v>
      </c>
      <c r="JR34" s="129">
        <v>0</v>
      </c>
      <c r="JS34" s="109">
        <v>0</v>
      </c>
      <c r="JT34" s="128">
        <v>0</v>
      </c>
      <c r="JU34" s="108">
        <v>0</v>
      </c>
      <c r="JV34" s="109">
        <v>104184</v>
      </c>
      <c r="JW34" s="109">
        <v>0</v>
      </c>
      <c r="JX34" s="109">
        <v>0</v>
      </c>
      <c r="JY34" s="109">
        <v>0</v>
      </c>
      <c r="JZ34" s="109">
        <v>0</v>
      </c>
      <c r="KA34" s="110">
        <v>104184</v>
      </c>
      <c r="KB34" s="296">
        <v>104184</v>
      </c>
      <c r="KC34" s="221">
        <v>0</v>
      </c>
      <c r="KD34" s="217">
        <v>176112</v>
      </c>
      <c r="KE34" s="110">
        <v>176112</v>
      </c>
      <c r="KF34" s="108">
        <v>0</v>
      </c>
      <c r="KG34" s="109">
        <v>1213625</v>
      </c>
      <c r="KH34" s="109">
        <v>885935</v>
      </c>
      <c r="KI34" s="109">
        <v>1059889</v>
      </c>
      <c r="KJ34" s="109">
        <v>1373886</v>
      </c>
      <c r="KK34" s="109">
        <v>321453</v>
      </c>
      <c r="KL34" s="110">
        <v>4854788</v>
      </c>
      <c r="KM34" s="130">
        <v>5030900</v>
      </c>
      <c r="KN34" s="219">
        <v>0</v>
      </c>
      <c r="KO34" s="223">
        <v>0</v>
      </c>
      <c r="KP34" s="224">
        <v>0</v>
      </c>
      <c r="KQ34" s="127"/>
      <c r="KR34" s="109">
        <v>1204308</v>
      </c>
      <c r="KS34" s="109">
        <v>1705446</v>
      </c>
      <c r="KT34" s="109">
        <v>2605779</v>
      </c>
      <c r="KU34" s="109">
        <v>1078074</v>
      </c>
      <c r="KV34" s="109">
        <v>862704</v>
      </c>
      <c r="KW34" s="110">
        <v>7456311</v>
      </c>
      <c r="KX34" s="296">
        <v>7456311</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3781533</v>
      </c>
      <c r="LQ34" s="109">
        <v>1980057</v>
      </c>
      <c r="LR34" s="109">
        <v>1188090</v>
      </c>
      <c r="LS34" s="110">
        <v>6949680</v>
      </c>
      <c r="LT34" s="296">
        <v>6949680</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580644</v>
      </c>
      <c r="MK34" s="109">
        <v>2863616</v>
      </c>
      <c r="ML34" s="109">
        <v>6219011</v>
      </c>
      <c r="MM34" s="109">
        <v>12028618</v>
      </c>
      <c r="MN34" s="109">
        <v>7800892</v>
      </c>
      <c r="MO34" s="110">
        <v>29492781</v>
      </c>
      <c r="MP34" s="130">
        <v>29492781</v>
      </c>
      <c r="MQ34" s="129">
        <v>0</v>
      </c>
      <c r="MR34" s="109">
        <v>0</v>
      </c>
      <c r="MS34" s="110">
        <v>0</v>
      </c>
      <c r="MT34" s="132"/>
      <c r="MU34" s="109">
        <v>0</v>
      </c>
      <c r="MV34" s="109">
        <v>418072</v>
      </c>
      <c r="MW34" s="109">
        <v>2664598</v>
      </c>
      <c r="MX34" s="109">
        <v>7552581</v>
      </c>
      <c r="MY34" s="109">
        <v>5233419</v>
      </c>
      <c r="MZ34" s="110">
        <v>15868670</v>
      </c>
      <c r="NA34" s="130">
        <v>15868670</v>
      </c>
      <c r="NB34" s="129">
        <v>0</v>
      </c>
      <c r="NC34" s="109">
        <v>0</v>
      </c>
      <c r="ND34" s="110">
        <v>0</v>
      </c>
      <c r="NE34" s="132"/>
      <c r="NF34" s="109">
        <v>580644</v>
      </c>
      <c r="NG34" s="109">
        <v>2445544</v>
      </c>
      <c r="NH34" s="109">
        <v>3554413</v>
      </c>
      <c r="NI34" s="109">
        <v>4476037</v>
      </c>
      <c r="NJ34" s="109">
        <v>2567473</v>
      </c>
      <c r="NK34" s="110">
        <v>13624111</v>
      </c>
      <c r="NL34" s="296">
        <v>13624111</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490724</v>
      </c>
      <c r="OJ34" s="109">
        <v>1123408</v>
      </c>
      <c r="OK34" s="128">
        <v>1614132</v>
      </c>
      <c r="OL34" s="108">
        <v>0</v>
      </c>
      <c r="OM34" s="109">
        <v>11609721</v>
      </c>
      <c r="ON34" s="109">
        <v>16297778</v>
      </c>
      <c r="OO34" s="109">
        <v>24699731</v>
      </c>
      <c r="OP34" s="109">
        <v>24756788</v>
      </c>
      <c r="OQ34" s="109">
        <v>16300485</v>
      </c>
      <c r="OR34" s="110">
        <v>93664503</v>
      </c>
      <c r="OS34" s="130">
        <v>95278635</v>
      </c>
    </row>
    <row r="35" spans="2:409" ht="21" customHeight="1" x14ac:dyDescent="0.2">
      <c r="B35" s="468" t="s">
        <v>30</v>
      </c>
      <c r="C35" s="100">
        <v>845726</v>
      </c>
      <c r="D35" s="104">
        <v>965371</v>
      </c>
      <c r="E35" s="161">
        <v>1811097</v>
      </c>
      <c r="F35" s="162">
        <v>0</v>
      </c>
      <c r="G35" s="163">
        <v>6573712</v>
      </c>
      <c r="H35" s="163">
        <v>6961173</v>
      </c>
      <c r="I35" s="163">
        <v>8156888</v>
      </c>
      <c r="J35" s="163">
        <v>9276179</v>
      </c>
      <c r="K35" s="163">
        <v>2912669</v>
      </c>
      <c r="L35" s="164">
        <v>33880621</v>
      </c>
      <c r="M35" s="106">
        <v>35691718</v>
      </c>
      <c r="N35" s="100">
        <v>133038</v>
      </c>
      <c r="O35" s="104">
        <v>281731</v>
      </c>
      <c r="P35" s="103">
        <v>414769</v>
      </c>
      <c r="Q35" s="100">
        <v>0</v>
      </c>
      <c r="R35" s="104">
        <v>1989882</v>
      </c>
      <c r="S35" s="104">
        <v>2024672</v>
      </c>
      <c r="T35" s="104">
        <v>2946869</v>
      </c>
      <c r="U35" s="104">
        <v>4604243</v>
      </c>
      <c r="V35" s="104">
        <v>1575709</v>
      </c>
      <c r="W35" s="103">
        <v>13141375</v>
      </c>
      <c r="X35" s="106">
        <v>13556144</v>
      </c>
      <c r="Y35" s="100">
        <v>0</v>
      </c>
      <c r="Z35" s="104">
        <v>0</v>
      </c>
      <c r="AA35" s="103">
        <v>0</v>
      </c>
      <c r="AB35" s="100">
        <v>0</v>
      </c>
      <c r="AC35" s="104">
        <v>631048</v>
      </c>
      <c r="AD35" s="104">
        <v>1107480</v>
      </c>
      <c r="AE35" s="104">
        <v>1590825</v>
      </c>
      <c r="AF35" s="104">
        <v>2728175</v>
      </c>
      <c r="AG35" s="104">
        <v>1056233</v>
      </c>
      <c r="AH35" s="103">
        <v>7113761</v>
      </c>
      <c r="AI35" s="106">
        <v>7113761</v>
      </c>
      <c r="AJ35" s="100">
        <v>0</v>
      </c>
      <c r="AK35" s="104">
        <v>0</v>
      </c>
      <c r="AL35" s="103">
        <v>0</v>
      </c>
      <c r="AM35" s="100">
        <v>0</v>
      </c>
      <c r="AN35" s="104">
        <v>100984</v>
      </c>
      <c r="AO35" s="104">
        <v>0</v>
      </c>
      <c r="AP35" s="104">
        <v>218893</v>
      </c>
      <c r="AQ35" s="104">
        <v>456185</v>
      </c>
      <c r="AR35" s="104">
        <v>185886</v>
      </c>
      <c r="AS35" s="103">
        <v>961948</v>
      </c>
      <c r="AT35" s="106">
        <v>961948</v>
      </c>
      <c r="AU35" s="100">
        <v>116100</v>
      </c>
      <c r="AV35" s="104">
        <v>273280</v>
      </c>
      <c r="AW35" s="103">
        <v>389380</v>
      </c>
      <c r="AX35" s="100">
        <v>0</v>
      </c>
      <c r="AY35" s="104">
        <v>984143</v>
      </c>
      <c r="AZ35" s="104">
        <v>574332</v>
      </c>
      <c r="BA35" s="104">
        <v>754720</v>
      </c>
      <c r="BB35" s="104">
        <v>872544</v>
      </c>
      <c r="BC35" s="104">
        <v>210443</v>
      </c>
      <c r="BD35" s="103">
        <v>3396182</v>
      </c>
      <c r="BE35" s="106">
        <v>3785562</v>
      </c>
      <c r="BF35" s="100">
        <v>0</v>
      </c>
      <c r="BG35" s="104">
        <v>8451</v>
      </c>
      <c r="BH35" s="102">
        <v>8451</v>
      </c>
      <c r="BI35" s="101">
        <v>0</v>
      </c>
      <c r="BJ35" s="104">
        <v>34416</v>
      </c>
      <c r="BK35" s="104">
        <v>49790</v>
      </c>
      <c r="BL35" s="104">
        <v>86040</v>
      </c>
      <c r="BM35" s="104">
        <v>77436</v>
      </c>
      <c r="BN35" s="104">
        <v>0</v>
      </c>
      <c r="BO35" s="103">
        <v>247682</v>
      </c>
      <c r="BP35" s="106">
        <v>256133</v>
      </c>
      <c r="BQ35" s="100">
        <v>16938</v>
      </c>
      <c r="BR35" s="104">
        <v>0</v>
      </c>
      <c r="BS35" s="103">
        <v>16938</v>
      </c>
      <c r="BT35" s="100">
        <v>0</v>
      </c>
      <c r="BU35" s="104">
        <v>239291</v>
      </c>
      <c r="BV35" s="104">
        <v>293070</v>
      </c>
      <c r="BW35" s="104">
        <v>296391</v>
      </c>
      <c r="BX35" s="104">
        <v>469903</v>
      </c>
      <c r="BY35" s="104">
        <v>123147</v>
      </c>
      <c r="BZ35" s="103">
        <v>1421802</v>
      </c>
      <c r="CA35" s="106">
        <v>1438740</v>
      </c>
      <c r="CB35" s="100">
        <v>105672</v>
      </c>
      <c r="CC35" s="104">
        <v>304755</v>
      </c>
      <c r="CD35" s="103">
        <v>410427</v>
      </c>
      <c r="CE35" s="100">
        <v>0</v>
      </c>
      <c r="CF35" s="104">
        <v>1526745</v>
      </c>
      <c r="CG35" s="104">
        <v>1798350</v>
      </c>
      <c r="CH35" s="104">
        <v>1611076</v>
      </c>
      <c r="CI35" s="104">
        <v>1013761</v>
      </c>
      <c r="CJ35" s="104">
        <v>260234</v>
      </c>
      <c r="CK35" s="103">
        <v>6210166</v>
      </c>
      <c r="CL35" s="106">
        <v>6620593</v>
      </c>
      <c r="CM35" s="100">
        <v>0</v>
      </c>
      <c r="CN35" s="104">
        <v>0</v>
      </c>
      <c r="CO35" s="103">
        <v>0</v>
      </c>
      <c r="CP35" s="101">
        <v>0</v>
      </c>
      <c r="CQ35" s="104">
        <v>1190594</v>
      </c>
      <c r="CR35" s="104">
        <v>1396942</v>
      </c>
      <c r="CS35" s="104">
        <v>1390216</v>
      </c>
      <c r="CT35" s="104">
        <v>675522</v>
      </c>
      <c r="CU35" s="104">
        <v>139401</v>
      </c>
      <c r="CV35" s="103">
        <v>4792675</v>
      </c>
      <c r="CW35" s="106">
        <v>4792675</v>
      </c>
      <c r="CX35" s="100">
        <v>105672</v>
      </c>
      <c r="CY35" s="104">
        <v>304755</v>
      </c>
      <c r="CZ35" s="103">
        <v>410427</v>
      </c>
      <c r="DA35" s="100">
        <v>0</v>
      </c>
      <c r="DB35" s="104">
        <v>336151</v>
      </c>
      <c r="DC35" s="104">
        <v>401408</v>
      </c>
      <c r="DD35" s="104">
        <v>220860</v>
      </c>
      <c r="DE35" s="104">
        <v>338239</v>
      </c>
      <c r="DF35" s="104">
        <v>120833</v>
      </c>
      <c r="DG35" s="103">
        <v>1417491</v>
      </c>
      <c r="DH35" s="106">
        <v>1827918</v>
      </c>
      <c r="DI35" s="100">
        <v>48591</v>
      </c>
      <c r="DJ35" s="104">
        <v>17181</v>
      </c>
      <c r="DK35" s="102">
        <v>65772</v>
      </c>
      <c r="DL35" s="101">
        <v>0</v>
      </c>
      <c r="DM35" s="104">
        <v>323096</v>
      </c>
      <c r="DN35" s="104">
        <v>390184</v>
      </c>
      <c r="DO35" s="104">
        <v>707929</v>
      </c>
      <c r="DP35" s="104">
        <v>746531</v>
      </c>
      <c r="DQ35" s="104">
        <v>128520</v>
      </c>
      <c r="DR35" s="103">
        <v>2296260</v>
      </c>
      <c r="DS35" s="106">
        <v>2362032</v>
      </c>
      <c r="DT35" s="100">
        <v>0</v>
      </c>
      <c r="DU35" s="104">
        <v>17181</v>
      </c>
      <c r="DV35" s="103">
        <v>17181</v>
      </c>
      <c r="DW35" s="100">
        <v>0</v>
      </c>
      <c r="DX35" s="104">
        <v>290787</v>
      </c>
      <c r="DY35" s="104">
        <v>354168</v>
      </c>
      <c r="DZ35" s="104">
        <v>335475</v>
      </c>
      <c r="EA35" s="104">
        <v>597275</v>
      </c>
      <c r="EB35" s="104">
        <v>77085</v>
      </c>
      <c r="EC35" s="103">
        <v>1654790</v>
      </c>
      <c r="ED35" s="106">
        <v>1671971</v>
      </c>
      <c r="EE35" s="100">
        <v>48591</v>
      </c>
      <c r="EF35" s="102">
        <v>0</v>
      </c>
      <c r="EG35" s="103">
        <v>48591</v>
      </c>
      <c r="EH35" s="100">
        <v>0</v>
      </c>
      <c r="EI35" s="104">
        <v>32309</v>
      </c>
      <c r="EJ35" s="104">
        <v>36016</v>
      </c>
      <c r="EK35" s="104">
        <v>372454</v>
      </c>
      <c r="EL35" s="104">
        <v>149256</v>
      </c>
      <c r="EM35" s="104">
        <v>51435</v>
      </c>
      <c r="EN35" s="102">
        <v>641470</v>
      </c>
      <c r="EO35" s="106">
        <v>690061</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2"/>
      <c r="FE35" s="104">
        <v>0</v>
      </c>
      <c r="FF35" s="104">
        <v>0</v>
      </c>
      <c r="FG35" s="104">
        <v>0</v>
      </c>
      <c r="FH35" s="104">
        <v>0</v>
      </c>
      <c r="FI35" s="104">
        <v>0</v>
      </c>
      <c r="FJ35" s="103">
        <v>0</v>
      </c>
      <c r="FK35" s="106">
        <v>0</v>
      </c>
      <c r="FL35" s="100">
        <v>303410</v>
      </c>
      <c r="FM35" s="104">
        <v>208164</v>
      </c>
      <c r="FN35" s="103">
        <v>511574</v>
      </c>
      <c r="FO35" s="100">
        <v>0</v>
      </c>
      <c r="FP35" s="104">
        <v>533679</v>
      </c>
      <c r="FQ35" s="104">
        <v>519217</v>
      </c>
      <c r="FR35" s="104">
        <v>896713</v>
      </c>
      <c r="FS35" s="104">
        <v>651219</v>
      </c>
      <c r="FT35" s="104">
        <v>238320</v>
      </c>
      <c r="FU35" s="103">
        <v>2839148</v>
      </c>
      <c r="FV35" s="106">
        <v>3350722</v>
      </c>
      <c r="FW35" s="105">
        <v>281135</v>
      </c>
      <c r="FX35" s="104">
        <v>182964</v>
      </c>
      <c r="FY35" s="102">
        <v>464099</v>
      </c>
      <c r="FZ35" s="101">
        <v>0</v>
      </c>
      <c r="GA35" s="104">
        <v>426363</v>
      </c>
      <c r="GB35" s="104">
        <v>519217</v>
      </c>
      <c r="GC35" s="104">
        <v>876517</v>
      </c>
      <c r="GD35" s="104">
        <v>651219</v>
      </c>
      <c r="GE35" s="104">
        <v>238320</v>
      </c>
      <c r="GF35" s="103">
        <v>2711636</v>
      </c>
      <c r="GG35" s="294">
        <v>3175735</v>
      </c>
      <c r="GH35" s="105">
        <v>0</v>
      </c>
      <c r="GI35" s="104">
        <v>25200</v>
      </c>
      <c r="GJ35" s="102">
        <v>25200</v>
      </c>
      <c r="GK35" s="101">
        <v>0</v>
      </c>
      <c r="GL35" s="104">
        <v>107316</v>
      </c>
      <c r="GM35" s="104">
        <v>0</v>
      </c>
      <c r="GN35" s="104">
        <v>20196</v>
      </c>
      <c r="GO35" s="104">
        <v>0</v>
      </c>
      <c r="GP35" s="104">
        <v>0</v>
      </c>
      <c r="GQ35" s="103">
        <v>127512</v>
      </c>
      <c r="GR35" s="106">
        <v>152712</v>
      </c>
      <c r="GS35" s="100">
        <v>22275</v>
      </c>
      <c r="GT35" s="104">
        <v>0</v>
      </c>
      <c r="GU35" s="103">
        <v>22275</v>
      </c>
      <c r="GV35" s="100">
        <v>0</v>
      </c>
      <c r="GW35" s="104">
        <v>0</v>
      </c>
      <c r="GX35" s="104">
        <v>0</v>
      </c>
      <c r="GY35" s="104">
        <v>0</v>
      </c>
      <c r="GZ35" s="104">
        <v>0</v>
      </c>
      <c r="HA35" s="104">
        <v>0</v>
      </c>
      <c r="HB35" s="102">
        <v>0</v>
      </c>
      <c r="HC35" s="106">
        <v>22275</v>
      </c>
      <c r="HD35" s="100">
        <v>56295</v>
      </c>
      <c r="HE35" s="104">
        <v>0</v>
      </c>
      <c r="HF35" s="102">
        <v>56295</v>
      </c>
      <c r="HG35" s="101">
        <v>0</v>
      </c>
      <c r="HH35" s="104">
        <v>1141521</v>
      </c>
      <c r="HI35" s="104">
        <v>1553713</v>
      </c>
      <c r="HJ35" s="104">
        <v>1176596</v>
      </c>
      <c r="HK35" s="104">
        <v>1660054</v>
      </c>
      <c r="HL35" s="104">
        <v>508879</v>
      </c>
      <c r="HM35" s="103">
        <v>6040763</v>
      </c>
      <c r="HN35" s="99">
        <v>6097058</v>
      </c>
      <c r="HO35" s="105">
        <v>198720</v>
      </c>
      <c r="HP35" s="104">
        <v>153540</v>
      </c>
      <c r="HQ35" s="103">
        <v>352260</v>
      </c>
      <c r="HR35" s="100">
        <v>0</v>
      </c>
      <c r="HS35" s="104">
        <v>1058789</v>
      </c>
      <c r="HT35" s="104">
        <v>675037</v>
      </c>
      <c r="HU35" s="104">
        <v>817705</v>
      </c>
      <c r="HV35" s="104">
        <v>600371</v>
      </c>
      <c r="HW35" s="104">
        <v>201007</v>
      </c>
      <c r="HX35" s="102">
        <v>3352909</v>
      </c>
      <c r="HY35" s="106">
        <v>3705169</v>
      </c>
      <c r="HZ35" s="118">
        <v>0</v>
      </c>
      <c r="IA35" s="119">
        <v>0</v>
      </c>
      <c r="IB35" s="120">
        <v>0</v>
      </c>
      <c r="IC35" s="133">
        <v>0</v>
      </c>
      <c r="ID35" s="119">
        <v>2428624</v>
      </c>
      <c r="IE35" s="134">
        <v>2353269</v>
      </c>
      <c r="IF35" s="120">
        <v>1645666</v>
      </c>
      <c r="IG35" s="119">
        <v>2541431</v>
      </c>
      <c r="IH35" s="120">
        <v>559323</v>
      </c>
      <c r="II35" s="135">
        <v>9528313</v>
      </c>
      <c r="IJ35" s="126">
        <v>9528313</v>
      </c>
      <c r="IK35" s="219">
        <v>0</v>
      </c>
      <c r="IL35" s="223">
        <v>0</v>
      </c>
      <c r="IM35" s="224">
        <v>0</v>
      </c>
      <c r="IN35" s="127"/>
      <c r="IO35" s="109">
        <v>0</v>
      </c>
      <c r="IP35" s="109">
        <v>189207</v>
      </c>
      <c r="IQ35" s="109">
        <v>181224</v>
      </c>
      <c r="IR35" s="109">
        <v>0</v>
      </c>
      <c r="IS35" s="109">
        <v>0</v>
      </c>
      <c r="IT35" s="128">
        <v>370431</v>
      </c>
      <c r="IU35" s="296">
        <v>370431</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408816</v>
      </c>
      <c r="JL35" s="109">
        <v>559165</v>
      </c>
      <c r="JM35" s="109">
        <v>1043692</v>
      </c>
      <c r="JN35" s="109">
        <v>638127</v>
      </c>
      <c r="JO35" s="109">
        <v>6813</v>
      </c>
      <c r="JP35" s="110">
        <v>3656613</v>
      </c>
      <c r="JQ35" s="296">
        <v>3656613</v>
      </c>
      <c r="JR35" s="129">
        <v>0</v>
      </c>
      <c r="JS35" s="109">
        <v>0</v>
      </c>
      <c r="JT35" s="128">
        <v>0</v>
      </c>
      <c r="JU35" s="108">
        <v>0</v>
      </c>
      <c r="JV35" s="109">
        <v>175761</v>
      </c>
      <c r="JW35" s="109">
        <v>192419</v>
      </c>
      <c r="JX35" s="109">
        <v>198540</v>
      </c>
      <c r="JY35" s="109">
        <v>0</v>
      </c>
      <c r="JZ35" s="109">
        <v>0</v>
      </c>
      <c r="KA35" s="110">
        <v>566720</v>
      </c>
      <c r="KB35" s="296">
        <v>566720</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844047</v>
      </c>
      <c r="KS35" s="109">
        <v>1412478</v>
      </c>
      <c r="KT35" s="109">
        <v>222210</v>
      </c>
      <c r="KU35" s="109">
        <v>1607600</v>
      </c>
      <c r="KV35" s="109">
        <v>552510</v>
      </c>
      <c r="KW35" s="110">
        <v>4638845</v>
      </c>
      <c r="KX35" s="296">
        <v>4638845</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6">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3327180</v>
      </c>
      <c r="MK35" s="109">
        <v>719431</v>
      </c>
      <c r="ML35" s="109">
        <v>9442294</v>
      </c>
      <c r="MM35" s="109">
        <v>14661874</v>
      </c>
      <c r="MN35" s="109">
        <v>8927523</v>
      </c>
      <c r="MO35" s="110">
        <v>37078302</v>
      </c>
      <c r="MP35" s="130">
        <v>37078302</v>
      </c>
      <c r="MQ35" s="129">
        <v>0</v>
      </c>
      <c r="MR35" s="109">
        <v>0</v>
      </c>
      <c r="MS35" s="110">
        <v>0</v>
      </c>
      <c r="MT35" s="132"/>
      <c r="MU35" s="109">
        <v>40833</v>
      </c>
      <c r="MV35" s="109">
        <v>203902</v>
      </c>
      <c r="MW35" s="109">
        <v>5723939</v>
      </c>
      <c r="MX35" s="109">
        <v>9434257</v>
      </c>
      <c r="MY35" s="109">
        <v>5528004</v>
      </c>
      <c r="MZ35" s="110">
        <v>20930935</v>
      </c>
      <c r="NA35" s="130">
        <v>20930935</v>
      </c>
      <c r="NB35" s="129">
        <v>0</v>
      </c>
      <c r="NC35" s="109">
        <v>0</v>
      </c>
      <c r="ND35" s="110">
        <v>0</v>
      </c>
      <c r="NE35" s="132"/>
      <c r="NF35" s="109">
        <v>3286347</v>
      </c>
      <c r="NG35" s="109">
        <v>515529</v>
      </c>
      <c r="NH35" s="109">
        <v>3718355</v>
      </c>
      <c r="NI35" s="109">
        <v>4849556</v>
      </c>
      <c r="NJ35" s="109">
        <v>2301297</v>
      </c>
      <c r="NK35" s="110">
        <v>14671084</v>
      </c>
      <c r="NL35" s="296">
        <v>14671084</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78061</v>
      </c>
      <c r="OF35" s="109">
        <v>1098222</v>
      </c>
      <c r="OG35" s="110">
        <v>1476283</v>
      </c>
      <c r="OH35" s="111">
        <v>1476283</v>
      </c>
      <c r="OI35" s="129">
        <v>845726</v>
      </c>
      <c r="OJ35" s="109">
        <v>965371</v>
      </c>
      <c r="OK35" s="128">
        <v>1811097</v>
      </c>
      <c r="OL35" s="108">
        <v>0</v>
      </c>
      <c r="OM35" s="109">
        <v>12329516</v>
      </c>
      <c r="ON35" s="109">
        <v>10033873</v>
      </c>
      <c r="OO35" s="109">
        <v>19244848</v>
      </c>
      <c r="OP35" s="109">
        <v>26479484</v>
      </c>
      <c r="OQ35" s="109">
        <v>12399515</v>
      </c>
      <c r="OR35" s="110">
        <v>80487236</v>
      </c>
      <c r="OS35" s="130">
        <v>82298333</v>
      </c>
    </row>
    <row r="36" spans="2:409" ht="21" customHeight="1" x14ac:dyDescent="0.2">
      <c r="B36" s="468" t="s">
        <v>31</v>
      </c>
      <c r="C36" s="100">
        <v>733439</v>
      </c>
      <c r="D36" s="104">
        <v>975720</v>
      </c>
      <c r="E36" s="103">
        <v>1709159</v>
      </c>
      <c r="F36" s="99">
        <v>0</v>
      </c>
      <c r="G36" s="104">
        <v>5681280</v>
      </c>
      <c r="H36" s="104">
        <v>6631499</v>
      </c>
      <c r="I36" s="104">
        <v>5791570</v>
      </c>
      <c r="J36" s="104">
        <v>5528015</v>
      </c>
      <c r="K36" s="104">
        <v>3193826</v>
      </c>
      <c r="L36" s="160">
        <v>26826190</v>
      </c>
      <c r="M36" s="106">
        <v>28535349</v>
      </c>
      <c r="N36" s="100">
        <v>177640</v>
      </c>
      <c r="O36" s="104">
        <v>213570</v>
      </c>
      <c r="P36" s="103">
        <v>391210</v>
      </c>
      <c r="Q36" s="100">
        <v>0</v>
      </c>
      <c r="R36" s="104">
        <v>1281615</v>
      </c>
      <c r="S36" s="104">
        <v>1052337</v>
      </c>
      <c r="T36" s="104">
        <v>1614028</v>
      </c>
      <c r="U36" s="104">
        <v>1799369</v>
      </c>
      <c r="V36" s="104">
        <v>1447900</v>
      </c>
      <c r="W36" s="103">
        <v>7195249</v>
      </c>
      <c r="X36" s="106">
        <v>7586459</v>
      </c>
      <c r="Y36" s="100">
        <v>0</v>
      </c>
      <c r="Z36" s="104">
        <v>0</v>
      </c>
      <c r="AA36" s="103">
        <v>0</v>
      </c>
      <c r="AB36" s="100">
        <v>0</v>
      </c>
      <c r="AC36" s="104">
        <v>514069</v>
      </c>
      <c r="AD36" s="104">
        <v>237975</v>
      </c>
      <c r="AE36" s="104">
        <v>738157</v>
      </c>
      <c r="AF36" s="104">
        <v>485958</v>
      </c>
      <c r="AG36" s="104">
        <v>800761</v>
      </c>
      <c r="AH36" s="103">
        <v>2776920</v>
      </c>
      <c r="AI36" s="106">
        <v>2776920</v>
      </c>
      <c r="AJ36" s="100">
        <v>0</v>
      </c>
      <c r="AK36" s="104">
        <v>0</v>
      </c>
      <c r="AL36" s="103">
        <v>0</v>
      </c>
      <c r="AM36" s="100">
        <v>0</v>
      </c>
      <c r="AN36" s="104">
        <v>91503</v>
      </c>
      <c r="AO36" s="104">
        <v>22496</v>
      </c>
      <c r="AP36" s="104">
        <v>193338</v>
      </c>
      <c r="AQ36" s="104">
        <v>403900</v>
      </c>
      <c r="AR36" s="104">
        <v>172486</v>
      </c>
      <c r="AS36" s="103">
        <v>883723</v>
      </c>
      <c r="AT36" s="106">
        <v>883723</v>
      </c>
      <c r="AU36" s="100">
        <v>94696</v>
      </c>
      <c r="AV36" s="104">
        <v>154818</v>
      </c>
      <c r="AW36" s="103">
        <v>249514</v>
      </c>
      <c r="AX36" s="100">
        <v>0</v>
      </c>
      <c r="AY36" s="104">
        <v>496646</v>
      </c>
      <c r="AZ36" s="104">
        <v>459136</v>
      </c>
      <c r="BA36" s="104">
        <v>413995</v>
      </c>
      <c r="BB36" s="104">
        <v>687005</v>
      </c>
      <c r="BC36" s="104">
        <v>346885</v>
      </c>
      <c r="BD36" s="103">
        <v>2403667</v>
      </c>
      <c r="BE36" s="106">
        <v>2653181</v>
      </c>
      <c r="BF36" s="100">
        <v>42255</v>
      </c>
      <c r="BG36" s="104">
        <v>58752</v>
      </c>
      <c r="BH36" s="102">
        <v>101007</v>
      </c>
      <c r="BI36" s="101">
        <v>0</v>
      </c>
      <c r="BJ36" s="104">
        <v>60228</v>
      </c>
      <c r="BK36" s="104">
        <v>77436</v>
      </c>
      <c r="BL36" s="104">
        <v>52529</v>
      </c>
      <c r="BM36" s="104">
        <v>34416</v>
      </c>
      <c r="BN36" s="104">
        <v>0</v>
      </c>
      <c r="BO36" s="103">
        <v>224609</v>
      </c>
      <c r="BP36" s="106">
        <v>325616</v>
      </c>
      <c r="BQ36" s="100">
        <v>40689</v>
      </c>
      <c r="BR36" s="104">
        <v>0</v>
      </c>
      <c r="BS36" s="103">
        <v>40689</v>
      </c>
      <c r="BT36" s="100">
        <v>0</v>
      </c>
      <c r="BU36" s="104">
        <v>119169</v>
      </c>
      <c r="BV36" s="104">
        <v>255294</v>
      </c>
      <c r="BW36" s="104">
        <v>216009</v>
      </c>
      <c r="BX36" s="104">
        <v>188090</v>
      </c>
      <c r="BY36" s="104">
        <v>127768</v>
      </c>
      <c r="BZ36" s="103">
        <v>906330</v>
      </c>
      <c r="CA36" s="106">
        <v>947019</v>
      </c>
      <c r="CB36" s="100">
        <v>0</v>
      </c>
      <c r="CC36" s="104">
        <v>38376</v>
      </c>
      <c r="CD36" s="103">
        <v>38376</v>
      </c>
      <c r="CE36" s="100">
        <v>0</v>
      </c>
      <c r="CF36" s="104">
        <v>1867693</v>
      </c>
      <c r="CG36" s="104">
        <v>2069636</v>
      </c>
      <c r="CH36" s="104">
        <v>1368145</v>
      </c>
      <c r="CI36" s="104">
        <v>679956</v>
      </c>
      <c r="CJ36" s="104">
        <v>628376</v>
      </c>
      <c r="CK36" s="103">
        <v>6613806</v>
      </c>
      <c r="CL36" s="106">
        <v>6652182</v>
      </c>
      <c r="CM36" s="100">
        <v>0</v>
      </c>
      <c r="CN36" s="104">
        <v>0</v>
      </c>
      <c r="CO36" s="103">
        <v>0</v>
      </c>
      <c r="CP36" s="101">
        <v>0</v>
      </c>
      <c r="CQ36" s="104">
        <v>1697373</v>
      </c>
      <c r="CR36" s="104">
        <v>1698732</v>
      </c>
      <c r="CS36" s="104">
        <v>728960</v>
      </c>
      <c r="CT36" s="104">
        <v>666969</v>
      </c>
      <c r="CU36" s="104">
        <v>520960</v>
      </c>
      <c r="CV36" s="103">
        <v>5312994</v>
      </c>
      <c r="CW36" s="106">
        <v>5312994</v>
      </c>
      <c r="CX36" s="100">
        <v>0</v>
      </c>
      <c r="CY36" s="104">
        <v>38376</v>
      </c>
      <c r="CZ36" s="103">
        <v>38376</v>
      </c>
      <c r="DA36" s="100">
        <v>0</v>
      </c>
      <c r="DB36" s="104">
        <v>170320</v>
      </c>
      <c r="DC36" s="104">
        <v>370904</v>
      </c>
      <c r="DD36" s="104">
        <v>639185</v>
      </c>
      <c r="DE36" s="104">
        <v>12987</v>
      </c>
      <c r="DF36" s="104">
        <v>107416</v>
      </c>
      <c r="DG36" s="103">
        <v>1300812</v>
      </c>
      <c r="DH36" s="106">
        <v>1339188</v>
      </c>
      <c r="DI36" s="100">
        <v>0</v>
      </c>
      <c r="DJ36" s="104">
        <v>49923</v>
      </c>
      <c r="DK36" s="102">
        <v>49923</v>
      </c>
      <c r="DL36" s="101">
        <v>0</v>
      </c>
      <c r="DM36" s="104">
        <v>87131</v>
      </c>
      <c r="DN36" s="104">
        <v>251989</v>
      </c>
      <c r="DO36" s="104">
        <v>662239</v>
      </c>
      <c r="DP36" s="104">
        <v>1174955</v>
      </c>
      <c r="DQ36" s="104">
        <v>244343</v>
      </c>
      <c r="DR36" s="103">
        <v>2420657</v>
      </c>
      <c r="DS36" s="106">
        <v>2470580</v>
      </c>
      <c r="DT36" s="100">
        <v>0</v>
      </c>
      <c r="DU36" s="104">
        <v>49923</v>
      </c>
      <c r="DV36" s="103">
        <v>49923</v>
      </c>
      <c r="DW36" s="100">
        <v>0</v>
      </c>
      <c r="DX36" s="104">
        <v>44217</v>
      </c>
      <c r="DY36" s="104">
        <v>208548</v>
      </c>
      <c r="DZ36" s="104">
        <v>662239</v>
      </c>
      <c r="EA36" s="104">
        <v>1174955</v>
      </c>
      <c r="EB36" s="104">
        <v>154698</v>
      </c>
      <c r="EC36" s="103">
        <v>2244657</v>
      </c>
      <c r="ED36" s="106">
        <v>2294580</v>
      </c>
      <c r="EE36" s="100">
        <v>0</v>
      </c>
      <c r="EF36" s="102">
        <v>0</v>
      </c>
      <c r="EG36" s="103">
        <v>0</v>
      </c>
      <c r="EH36" s="100">
        <v>0</v>
      </c>
      <c r="EI36" s="104">
        <v>42914</v>
      </c>
      <c r="EJ36" s="104">
        <v>43441</v>
      </c>
      <c r="EK36" s="104">
        <v>0</v>
      </c>
      <c r="EL36" s="104">
        <v>0</v>
      </c>
      <c r="EM36" s="104">
        <v>89645</v>
      </c>
      <c r="EN36" s="102">
        <v>176000</v>
      </c>
      <c r="EO36" s="106">
        <v>17600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2"/>
      <c r="FE36" s="104">
        <v>0</v>
      </c>
      <c r="FF36" s="104">
        <v>0</v>
      </c>
      <c r="FG36" s="104">
        <v>0</v>
      </c>
      <c r="FH36" s="104">
        <v>0</v>
      </c>
      <c r="FI36" s="104">
        <v>0</v>
      </c>
      <c r="FJ36" s="103">
        <v>0</v>
      </c>
      <c r="FK36" s="106">
        <v>0</v>
      </c>
      <c r="FL36" s="100">
        <v>394310</v>
      </c>
      <c r="FM36" s="104">
        <v>412878</v>
      </c>
      <c r="FN36" s="103">
        <v>807188</v>
      </c>
      <c r="FO36" s="100">
        <v>0</v>
      </c>
      <c r="FP36" s="104">
        <v>527594</v>
      </c>
      <c r="FQ36" s="104">
        <v>735156</v>
      </c>
      <c r="FR36" s="104">
        <v>635670</v>
      </c>
      <c r="FS36" s="104">
        <v>610425</v>
      </c>
      <c r="FT36" s="104">
        <v>479377</v>
      </c>
      <c r="FU36" s="103">
        <v>2988222</v>
      </c>
      <c r="FV36" s="106">
        <v>3795410</v>
      </c>
      <c r="FW36" s="105">
        <v>104510</v>
      </c>
      <c r="FX36" s="104">
        <v>387930</v>
      </c>
      <c r="FY36" s="102">
        <v>492440</v>
      </c>
      <c r="FZ36" s="101">
        <v>0</v>
      </c>
      <c r="GA36" s="104">
        <v>340484</v>
      </c>
      <c r="GB36" s="104">
        <v>674856</v>
      </c>
      <c r="GC36" s="104">
        <v>622127</v>
      </c>
      <c r="GD36" s="104">
        <v>610425</v>
      </c>
      <c r="GE36" s="104">
        <v>479377</v>
      </c>
      <c r="GF36" s="103">
        <v>2727269</v>
      </c>
      <c r="GG36" s="294">
        <v>3219709</v>
      </c>
      <c r="GH36" s="105">
        <v>27900</v>
      </c>
      <c r="GI36" s="104">
        <v>24948</v>
      </c>
      <c r="GJ36" s="102">
        <v>52848</v>
      </c>
      <c r="GK36" s="101">
        <v>0</v>
      </c>
      <c r="GL36" s="104">
        <v>0</v>
      </c>
      <c r="GM36" s="104">
        <v>60300</v>
      </c>
      <c r="GN36" s="104">
        <v>13543</v>
      </c>
      <c r="GO36" s="104">
        <v>0</v>
      </c>
      <c r="GP36" s="104">
        <v>0</v>
      </c>
      <c r="GQ36" s="103">
        <v>73843</v>
      </c>
      <c r="GR36" s="106">
        <v>126691</v>
      </c>
      <c r="GS36" s="100">
        <v>261900</v>
      </c>
      <c r="GT36" s="104">
        <v>0</v>
      </c>
      <c r="GU36" s="103">
        <v>261900</v>
      </c>
      <c r="GV36" s="100">
        <v>0</v>
      </c>
      <c r="GW36" s="104">
        <v>187110</v>
      </c>
      <c r="GX36" s="104">
        <v>0</v>
      </c>
      <c r="GY36" s="104">
        <v>0</v>
      </c>
      <c r="GZ36" s="104">
        <v>0</v>
      </c>
      <c r="HA36" s="104">
        <v>0</v>
      </c>
      <c r="HB36" s="102">
        <v>187110</v>
      </c>
      <c r="HC36" s="106">
        <v>449010</v>
      </c>
      <c r="HD36" s="100">
        <v>55593</v>
      </c>
      <c r="HE36" s="104">
        <v>0</v>
      </c>
      <c r="HF36" s="102">
        <v>55593</v>
      </c>
      <c r="HG36" s="101">
        <v>0</v>
      </c>
      <c r="HH36" s="104">
        <v>844635</v>
      </c>
      <c r="HI36" s="104">
        <v>1637191</v>
      </c>
      <c r="HJ36" s="104">
        <v>830886</v>
      </c>
      <c r="HK36" s="104">
        <v>704697</v>
      </c>
      <c r="HL36" s="104">
        <v>140773</v>
      </c>
      <c r="HM36" s="103">
        <v>4158182</v>
      </c>
      <c r="HN36" s="99">
        <v>4213775</v>
      </c>
      <c r="HO36" s="105">
        <v>105896</v>
      </c>
      <c r="HP36" s="104">
        <v>260973</v>
      </c>
      <c r="HQ36" s="103">
        <v>366869</v>
      </c>
      <c r="HR36" s="100">
        <v>0</v>
      </c>
      <c r="HS36" s="104">
        <v>1072612</v>
      </c>
      <c r="HT36" s="104">
        <v>885190</v>
      </c>
      <c r="HU36" s="104">
        <v>680602</v>
      </c>
      <c r="HV36" s="104">
        <v>558613</v>
      </c>
      <c r="HW36" s="104">
        <v>253057</v>
      </c>
      <c r="HX36" s="102">
        <v>3450074</v>
      </c>
      <c r="HY36" s="106">
        <v>3816943</v>
      </c>
      <c r="HZ36" s="137">
        <v>0</v>
      </c>
      <c r="IA36" s="122">
        <v>89552</v>
      </c>
      <c r="IB36" s="137">
        <v>89552</v>
      </c>
      <c r="IC36" s="121">
        <v>0</v>
      </c>
      <c r="ID36" s="122">
        <v>4089994</v>
      </c>
      <c r="IE36" s="123">
        <v>4215352</v>
      </c>
      <c r="IF36" s="124">
        <v>5149751</v>
      </c>
      <c r="IG36" s="122">
        <v>4051049</v>
      </c>
      <c r="IH36" s="124">
        <v>1958260</v>
      </c>
      <c r="II36" s="125">
        <v>19464406</v>
      </c>
      <c r="IJ36" s="137">
        <v>19553958</v>
      </c>
      <c r="IK36" s="219">
        <v>0</v>
      </c>
      <c r="IL36" s="223">
        <v>0</v>
      </c>
      <c r="IM36" s="224">
        <v>0</v>
      </c>
      <c r="IN36" s="127"/>
      <c r="IO36" s="109">
        <v>0</v>
      </c>
      <c r="IP36" s="109">
        <v>195992</v>
      </c>
      <c r="IQ36" s="109">
        <v>0</v>
      </c>
      <c r="IR36" s="109">
        <v>0</v>
      </c>
      <c r="IS36" s="109">
        <v>0</v>
      </c>
      <c r="IT36" s="128">
        <v>195992</v>
      </c>
      <c r="IU36" s="296">
        <v>195992</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729653</v>
      </c>
      <c r="JL36" s="109">
        <v>528307</v>
      </c>
      <c r="JM36" s="109">
        <v>737855</v>
      </c>
      <c r="JN36" s="109">
        <v>258964</v>
      </c>
      <c r="JO36" s="109">
        <v>0</v>
      </c>
      <c r="JP36" s="110">
        <v>2254779</v>
      </c>
      <c r="JQ36" s="296">
        <v>2254779</v>
      </c>
      <c r="JR36" s="129">
        <v>0</v>
      </c>
      <c r="JS36" s="109">
        <v>0</v>
      </c>
      <c r="JT36" s="128">
        <v>0</v>
      </c>
      <c r="JU36" s="108">
        <v>0</v>
      </c>
      <c r="JV36" s="109">
        <v>0</v>
      </c>
      <c r="JW36" s="109">
        <v>0</v>
      </c>
      <c r="JX36" s="109">
        <v>44091</v>
      </c>
      <c r="JY36" s="109">
        <v>186439</v>
      </c>
      <c r="JZ36" s="109">
        <v>263277</v>
      </c>
      <c r="KA36" s="110">
        <v>493807</v>
      </c>
      <c r="KB36" s="296">
        <v>493807</v>
      </c>
      <c r="KC36" s="221">
        <v>0</v>
      </c>
      <c r="KD36" s="217">
        <v>89552</v>
      </c>
      <c r="KE36" s="110">
        <v>89552</v>
      </c>
      <c r="KF36" s="108">
        <v>0</v>
      </c>
      <c r="KG36" s="109">
        <v>1016928</v>
      </c>
      <c r="KH36" s="109">
        <v>1162398</v>
      </c>
      <c r="KI36" s="109">
        <v>1462133</v>
      </c>
      <c r="KJ36" s="109">
        <v>593158</v>
      </c>
      <c r="KK36" s="109">
        <v>326916</v>
      </c>
      <c r="KL36" s="110">
        <v>4561533</v>
      </c>
      <c r="KM36" s="130">
        <v>4651085</v>
      </c>
      <c r="KN36" s="219">
        <v>0</v>
      </c>
      <c r="KO36" s="223">
        <v>0</v>
      </c>
      <c r="KP36" s="224">
        <v>0</v>
      </c>
      <c r="KQ36" s="127"/>
      <c r="KR36" s="109">
        <v>2343413</v>
      </c>
      <c r="KS36" s="109">
        <v>2151743</v>
      </c>
      <c r="KT36" s="109">
        <v>2905672</v>
      </c>
      <c r="KU36" s="109">
        <v>3012488</v>
      </c>
      <c r="KV36" s="109">
        <v>1368067</v>
      </c>
      <c r="KW36" s="110">
        <v>11781383</v>
      </c>
      <c r="KX36" s="296">
        <v>11781383</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76912</v>
      </c>
      <c r="LP36" s="109">
        <v>0</v>
      </c>
      <c r="LQ36" s="109">
        <v>0</v>
      </c>
      <c r="LR36" s="109">
        <v>0</v>
      </c>
      <c r="LS36" s="110">
        <v>176912</v>
      </c>
      <c r="LT36" s="296">
        <v>176912</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1217089</v>
      </c>
      <c r="MK36" s="109">
        <v>3994554</v>
      </c>
      <c r="ML36" s="109">
        <v>8131575</v>
      </c>
      <c r="MM36" s="109">
        <v>12672606</v>
      </c>
      <c r="MN36" s="109">
        <v>7594480</v>
      </c>
      <c r="MO36" s="110">
        <v>33610304</v>
      </c>
      <c r="MP36" s="130">
        <v>33610304</v>
      </c>
      <c r="MQ36" s="129">
        <v>0</v>
      </c>
      <c r="MR36" s="109">
        <v>0</v>
      </c>
      <c r="MS36" s="110">
        <v>0</v>
      </c>
      <c r="MT36" s="132"/>
      <c r="MU36" s="109">
        <v>225153</v>
      </c>
      <c r="MV36" s="109">
        <v>641482</v>
      </c>
      <c r="MW36" s="109">
        <v>6208959</v>
      </c>
      <c r="MX36" s="109">
        <v>8926833</v>
      </c>
      <c r="MY36" s="109">
        <v>6201740</v>
      </c>
      <c r="MZ36" s="110">
        <v>22204167</v>
      </c>
      <c r="NA36" s="130">
        <v>22204167</v>
      </c>
      <c r="NB36" s="129">
        <v>0</v>
      </c>
      <c r="NC36" s="109">
        <v>0</v>
      </c>
      <c r="ND36" s="110">
        <v>0</v>
      </c>
      <c r="NE36" s="132"/>
      <c r="NF36" s="109">
        <v>716865</v>
      </c>
      <c r="NG36" s="109">
        <v>3353072</v>
      </c>
      <c r="NH36" s="109">
        <v>1922616</v>
      </c>
      <c r="NI36" s="109">
        <v>2975936</v>
      </c>
      <c r="NJ36" s="109">
        <v>650073</v>
      </c>
      <c r="NK36" s="110">
        <v>9618562</v>
      </c>
      <c r="NL36" s="296">
        <v>961856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275071</v>
      </c>
      <c r="OC36" s="109">
        <v>0</v>
      </c>
      <c r="OD36" s="109">
        <v>0</v>
      </c>
      <c r="OE36" s="109">
        <v>769837</v>
      </c>
      <c r="OF36" s="109">
        <v>742667</v>
      </c>
      <c r="OG36" s="110">
        <v>1787575</v>
      </c>
      <c r="OH36" s="111">
        <v>1787575</v>
      </c>
      <c r="OI36" s="129">
        <v>733439</v>
      </c>
      <c r="OJ36" s="109">
        <v>1065272</v>
      </c>
      <c r="OK36" s="128">
        <v>1798711</v>
      </c>
      <c r="OL36" s="108">
        <v>0</v>
      </c>
      <c r="OM36" s="109">
        <v>10988363</v>
      </c>
      <c r="ON36" s="109">
        <v>14841405</v>
      </c>
      <c r="OO36" s="109">
        <v>19072896</v>
      </c>
      <c r="OP36" s="109">
        <v>22251670</v>
      </c>
      <c r="OQ36" s="109">
        <v>12746566</v>
      </c>
      <c r="OR36" s="110">
        <v>79900900</v>
      </c>
      <c r="OS36" s="130">
        <v>81699611</v>
      </c>
    </row>
    <row r="37" spans="2:409" ht="21" customHeight="1" x14ac:dyDescent="0.2">
      <c r="B37" s="468" t="s">
        <v>32</v>
      </c>
      <c r="C37" s="100">
        <v>737240</v>
      </c>
      <c r="D37" s="104">
        <v>1241062</v>
      </c>
      <c r="E37" s="161">
        <v>1978302</v>
      </c>
      <c r="F37" s="162">
        <v>0</v>
      </c>
      <c r="G37" s="163">
        <v>9820795</v>
      </c>
      <c r="H37" s="163">
        <v>11570399</v>
      </c>
      <c r="I37" s="163">
        <v>9121175</v>
      </c>
      <c r="J37" s="163">
        <v>8293561</v>
      </c>
      <c r="K37" s="163">
        <v>5752875</v>
      </c>
      <c r="L37" s="164">
        <v>44558805</v>
      </c>
      <c r="M37" s="106">
        <v>46537107</v>
      </c>
      <c r="N37" s="100">
        <v>119781</v>
      </c>
      <c r="O37" s="104">
        <v>252291</v>
      </c>
      <c r="P37" s="103">
        <v>372072</v>
      </c>
      <c r="Q37" s="100">
        <v>0</v>
      </c>
      <c r="R37" s="104">
        <v>2635164</v>
      </c>
      <c r="S37" s="104">
        <v>2148103</v>
      </c>
      <c r="T37" s="104">
        <v>2826210</v>
      </c>
      <c r="U37" s="104">
        <v>1986617</v>
      </c>
      <c r="V37" s="104">
        <v>2410912</v>
      </c>
      <c r="W37" s="103">
        <v>12007006</v>
      </c>
      <c r="X37" s="106">
        <v>12379078</v>
      </c>
      <c r="Y37" s="100">
        <v>0</v>
      </c>
      <c r="Z37" s="104">
        <v>0</v>
      </c>
      <c r="AA37" s="103">
        <v>0</v>
      </c>
      <c r="AB37" s="100">
        <v>0</v>
      </c>
      <c r="AC37" s="104">
        <v>1007023</v>
      </c>
      <c r="AD37" s="104">
        <v>844162</v>
      </c>
      <c r="AE37" s="104">
        <v>1888148</v>
      </c>
      <c r="AF37" s="104">
        <v>885233</v>
      </c>
      <c r="AG37" s="104">
        <v>1240365</v>
      </c>
      <c r="AH37" s="103">
        <v>5864931</v>
      </c>
      <c r="AI37" s="106">
        <v>5864931</v>
      </c>
      <c r="AJ37" s="100">
        <v>0</v>
      </c>
      <c r="AK37" s="104">
        <v>0</v>
      </c>
      <c r="AL37" s="103">
        <v>0</v>
      </c>
      <c r="AM37" s="100">
        <v>0</v>
      </c>
      <c r="AN37" s="104">
        <v>0</v>
      </c>
      <c r="AO37" s="104">
        <v>0</v>
      </c>
      <c r="AP37" s="104">
        <v>38914</v>
      </c>
      <c r="AQ37" s="104">
        <v>211473</v>
      </c>
      <c r="AR37" s="104">
        <v>413798</v>
      </c>
      <c r="AS37" s="103">
        <v>664185</v>
      </c>
      <c r="AT37" s="106">
        <v>664185</v>
      </c>
      <c r="AU37" s="100">
        <v>36432</v>
      </c>
      <c r="AV37" s="104">
        <v>198597</v>
      </c>
      <c r="AW37" s="103">
        <v>235029</v>
      </c>
      <c r="AX37" s="100">
        <v>0</v>
      </c>
      <c r="AY37" s="104">
        <v>1230187</v>
      </c>
      <c r="AZ37" s="104">
        <v>983255</v>
      </c>
      <c r="BA37" s="104">
        <v>461583</v>
      </c>
      <c r="BB37" s="104">
        <v>425343</v>
      </c>
      <c r="BC37" s="104">
        <v>386899</v>
      </c>
      <c r="BD37" s="103">
        <v>3487267</v>
      </c>
      <c r="BE37" s="106">
        <v>3722296</v>
      </c>
      <c r="BF37" s="100">
        <v>0</v>
      </c>
      <c r="BG37" s="104">
        <v>25353</v>
      </c>
      <c r="BH37" s="102">
        <v>25353</v>
      </c>
      <c r="BI37" s="101">
        <v>0</v>
      </c>
      <c r="BJ37" s="104">
        <v>130284</v>
      </c>
      <c r="BK37" s="104">
        <v>64052</v>
      </c>
      <c r="BL37" s="104">
        <v>0</v>
      </c>
      <c r="BM37" s="104">
        <v>47800</v>
      </c>
      <c r="BN37" s="104">
        <v>72567</v>
      </c>
      <c r="BO37" s="103">
        <v>314703</v>
      </c>
      <c r="BP37" s="106">
        <v>340056</v>
      </c>
      <c r="BQ37" s="100">
        <v>83349</v>
      </c>
      <c r="BR37" s="104">
        <v>28341</v>
      </c>
      <c r="BS37" s="103">
        <v>111690</v>
      </c>
      <c r="BT37" s="100">
        <v>0</v>
      </c>
      <c r="BU37" s="104">
        <v>267670</v>
      </c>
      <c r="BV37" s="104">
        <v>256634</v>
      </c>
      <c r="BW37" s="104">
        <v>437565</v>
      </c>
      <c r="BX37" s="104">
        <v>416768</v>
      </c>
      <c r="BY37" s="104">
        <v>297283</v>
      </c>
      <c r="BZ37" s="103">
        <v>1675920</v>
      </c>
      <c r="CA37" s="106">
        <v>1787610</v>
      </c>
      <c r="CB37" s="100">
        <v>44893</v>
      </c>
      <c r="CC37" s="104">
        <v>153144</v>
      </c>
      <c r="CD37" s="103">
        <v>198037</v>
      </c>
      <c r="CE37" s="100">
        <v>0</v>
      </c>
      <c r="CF37" s="104">
        <v>3452460</v>
      </c>
      <c r="CG37" s="104">
        <v>4872934</v>
      </c>
      <c r="CH37" s="104">
        <v>2386040</v>
      </c>
      <c r="CI37" s="104">
        <v>2391871</v>
      </c>
      <c r="CJ37" s="104">
        <v>501083</v>
      </c>
      <c r="CK37" s="103">
        <v>13604388</v>
      </c>
      <c r="CL37" s="106">
        <v>13802425</v>
      </c>
      <c r="CM37" s="100">
        <v>0</v>
      </c>
      <c r="CN37" s="104">
        <v>0</v>
      </c>
      <c r="CO37" s="103">
        <v>0</v>
      </c>
      <c r="CP37" s="101">
        <v>0</v>
      </c>
      <c r="CQ37" s="104">
        <v>3003351</v>
      </c>
      <c r="CR37" s="104">
        <v>3925854</v>
      </c>
      <c r="CS37" s="104">
        <v>2170742</v>
      </c>
      <c r="CT37" s="104">
        <v>1688491</v>
      </c>
      <c r="CU37" s="104">
        <v>226973</v>
      </c>
      <c r="CV37" s="103">
        <v>11015411</v>
      </c>
      <c r="CW37" s="106">
        <v>11015411</v>
      </c>
      <c r="CX37" s="100">
        <v>44893</v>
      </c>
      <c r="CY37" s="104">
        <v>153144</v>
      </c>
      <c r="CZ37" s="103">
        <v>198037</v>
      </c>
      <c r="DA37" s="100">
        <v>0</v>
      </c>
      <c r="DB37" s="104">
        <v>449109</v>
      </c>
      <c r="DC37" s="104">
        <v>947080</v>
      </c>
      <c r="DD37" s="104">
        <v>215298</v>
      </c>
      <c r="DE37" s="104">
        <v>703380</v>
      </c>
      <c r="DF37" s="104">
        <v>274110</v>
      </c>
      <c r="DG37" s="103">
        <v>2588977</v>
      </c>
      <c r="DH37" s="106">
        <v>2787014</v>
      </c>
      <c r="DI37" s="100">
        <v>0</v>
      </c>
      <c r="DJ37" s="104">
        <v>62854</v>
      </c>
      <c r="DK37" s="102">
        <v>62854</v>
      </c>
      <c r="DL37" s="101">
        <v>0</v>
      </c>
      <c r="DM37" s="104">
        <v>175297</v>
      </c>
      <c r="DN37" s="104">
        <v>552434</v>
      </c>
      <c r="DO37" s="104">
        <v>462728</v>
      </c>
      <c r="DP37" s="104">
        <v>252070</v>
      </c>
      <c r="DQ37" s="104">
        <v>677909</v>
      </c>
      <c r="DR37" s="103">
        <v>2120438</v>
      </c>
      <c r="DS37" s="106">
        <v>2183292</v>
      </c>
      <c r="DT37" s="100">
        <v>0</v>
      </c>
      <c r="DU37" s="104">
        <v>62854</v>
      </c>
      <c r="DV37" s="103">
        <v>62854</v>
      </c>
      <c r="DW37" s="100">
        <v>0</v>
      </c>
      <c r="DX37" s="104">
        <v>156145</v>
      </c>
      <c r="DY37" s="104">
        <v>337287</v>
      </c>
      <c r="DZ37" s="104">
        <v>462728</v>
      </c>
      <c r="EA37" s="104">
        <v>72659</v>
      </c>
      <c r="EB37" s="104">
        <v>382263</v>
      </c>
      <c r="EC37" s="103">
        <v>1411082</v>
      </c>
      <c r="ED37" s="106">
        <v>1473936</v>
      </c>
      <c r="EE37" s="100">
        <v>0</v>
      </c>
      <c r="EF37" s="102">
        <v>0</v>
      </c>
      <c r="EG37" s="103">
        <v>0</v>
      </c>
      <c r="EH37" s="100">
        <v>0</v>
      </c>
      <c r="EI37" s="104">
        <v>19152</v>
      </c>
      <c r="EJ37" s="104">
        <v>215147</v>
      </c>
      <c r="EK37" s="104">
        <v>0</v>
      </c>
      <c r="EL37" s="104">
        <v>179411</v>
      </c>
      <c r="EM37" s="104">
        <v>295646</v>
      </c>
      <c r="EN37" s="102">
        <v>709356</v>
      </c>
      <c r="EO37" s="106">
        <v>709356</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2"/>
      <c r="FE37" s="104">
        <v>0</v>
      </c>
      <c r="FF37" s="104">
        <v>0</v>
      </c>
      <c r="FG37" s="104">
        <v>0</v>
      </c>
      <c r="FH37" s="104">
        <v>0</v>
      </c>
      <c r="FI37" s="104">
        <v>0</v>
      </c>
      <c r="FJ37" s="103">
        <v>0</v>
      </c>
      <c r="FK37" s="106">
        <v>0</v>
      </c>
      <c r="FL37" s="100">
        <v>245235</v>
      </c>
      <c r="FM37" s="104">
        <v>418322</v>
      </c>
      <c r="FN37" s="103">
        <v>663557</v>
      </c>
      <c r="FO37" s="100">
        <v>0</v>
      </c>
      <c r="FP37" s="104">
        <v>614715</v>
      </c>
      <c r="FQ37" s="104">
        <v>1497826</v>
      </c>
      <c r="FR37" s="104">
        <v>815809</v>
      </c>
      <c r="FS37" s="104">
        <v>745274</v>
      </c>
      <c r="FT37" s="104">
        <v>453944</v>
      </c>
      <c r="FU37" s="103">
        <v>4127568</v>
      </c>
      <c r="FV37" s="106">
        <v>4791125</v>
      </c>
      <c r="FW37" s="105">
        <v>157035</v>
      </c>
      <c r="FX37" s="104">
        <v>329440</v>
      </c>
      <c r="FY37" s="102">
        <v>486475</v>
      </c>
      <c r="FZ37" s="101">
        <v>0</v>
      </c>
      <c r="GA37" s="104">
        <v>614715</v>
      </c>
      <c r="GB37" s="104">
        <v>1016370</v>
      </c>
      <c r="GC37" s="104">
        <v>815809</v>
      </c>
      <c r="GD37" s="104">
        <v>671330</v>
      </c>
      <c r="GE37" s="104">
        <v>363944</v>
      </c>
      <c r="GF37" s="103">
        <v>3482168</v>
      </c>
      <c r="GG37" s="294">
        <v>3968643</v>
      </c>
      <c r="GH37" s="105">
        <v>58500</v>
      </c>
      <c r="GI37" s="104">
        <v>88882</v>
      </c>
      <c r="GJ37" s="102">
        <v>147382</v>
      </c>
      <c r="GK37" s="101">
        <v>0</v>
      </c>
      <c r="GL37" s="104">
        <v>0</v>
      </c>
      <c r="GM37" s="104">
        <v>116848</v>
      </c>
      <c r="GN37" s="104">
        <v>0</v>
      </c>
      <c r="GO37" s="104">
        <v>25344</v>
      </c>
      <c r="GP37" s="104">
        <v>90000</v>
      </c>
      <c r="GQ37" s="103">
        <v>232192</v>
      </c>
      <c r="GR37" s="106">
        <v>379574</v>
      </c>
      <c r="GS37" s="100">
        <v>29700</v>
      </c>
      <c r="GT37" s="104">
        <v>0</v>
      </c>
      <c r="GU37" s="103">
        <v>29700</v>
      </c>
      <c r="GV37" s="100">
        <v>0</v>
      </c>
      <c r="GW37" s="104">
        <v>0</v>
      </c>
      <c r="GX37" s="104">
        <v>364608</v>
      </c>
      <c r="GY37" s="104">
        <v>0</v>
      </c>
      <c r="GZ37" s="104">
        <v>48600</v>
      </c>
      <c r="HA37" s="104">
        <v>0</v>
      </c>
      <c r="HB37" s="102">
        <v>413208</v>
      </c>
      <c r="HC37" s="106">
        <v>442908</v>
      </c>
      <c r="HD37" s="100">
        <v>219211</v>
      </c>
      <c r="HE37" s="104">
        <v>116311</v>
      </c>
      <c r="HF37" s="102">
        <v>335522</v>
      </c>
      <c r="HG37" s="101">
        <v>0</v>
      </c>
      <c r="HH37" s="104">
        <v>1311427</v>
      </c>
      <c r="HI37" s="104">
        <v>1098770</v>
      </c>
      <c r="HJ37" s="104">
        <v>1758466</v>
      </c>
      <c r="HK37" s="104">
        <v>2396333</v>
      </c>
      <c r="HL37" s="104">
        <v>1428240</v>
      </c>
      <c r="HM37" s="103">
        <v>7993236</v>
      </c>
      <c r="HN37" s="99">
        <v>8328758</v>
      </c>
      <c r="HO37" s="105">
        <v>108120</v>
      </c>
      <c r="HP37" s="104">
        <v>238140</v>
      </c>
      <c r="HQ37" s="103">
        <v>346260</v>
      </c>
      <c r="HR37" s="100">
        <v>0</v>
      </c>
      <c r="HS37" s="104">
        <v>1631732</v>
      </c>
      <c r="HT37" s="104">
        <v>1400332</v>
      </c>
      <c r="HU37" s="104">
        <v>871922</v>
      </c>
      <c r="HV37" s="104">
        <v>521396</v>
      </c>
      <c r="HW37" s="104">
        <v>280787</v>
      </c>
      <c r="HX37" s="102">
        <v>4706169</v>
      </c>
      <c r="HY37" s="106">
        <v>5052429</v>
      </c>
      <c r="HZ37" s="118">
        <v>0</v>
      </c>
      <c r="IA37" s="119">
        <v>255771</v>
      </c>
      <c r="IB37" s="120">
        <v>255771</v>
      </c>
      <c r="IC37" s="133">
        <v>0</v>
      </c>
      <c r="ID37" s="119">
        <v>4581788</v>
      </c>
      <c r="IE37" s="134">
        <v>3516619</v>
      </c>
      <c r="IF37" s="120">
        <v>5937659</v>
      </c>
      <c r="IG37" s="119">
        <v>4773658</v>
      </c>
      <c r="IH37" s="120">
        <v>3226951</v>
      </c>
      <c r="II37" s="135">
        <v>22036675</v>
      </c>
      <c r="IJ37" s="126">
        <v>22292446</v>
      </c>
      <c r="IK37" s="219">
        <v>0</v>
      </c>
      <c r="IL37" s="223">
        <v>0</v>
      </c>
      <c r="IM37" s="224">
        <v>0</v>
      </c>
      <c r="IN37" s="127"/>
      <c r="IO37" s="109">
        <v>197019</v>
      </c>
      <c r="IP37" s="109">
        <v>399692</v>
      </c>
      <c r="IQ37" s="109">
        <v>197433</v>
      </c>
      <c r="IR37" s="109">
        <v>0</v>
      </c>
      <c r="IS37" s="109">
        <v>0</v>
      </c>
      <c r="IT37" s="128">
        <v>794144</v>
      </c>
      <c r="IU37" s="296">
        <v>794144</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740947</v>
      </c>
      <c r="JL37" s="109">
        <v>1653795</v>
      </c>
      <c r="JM37" s="109">
        <v>862965</v>
      </c>
      <c r="JN37" s="109">
        <v>306828</v>
      </c>
      <c r="JO37" s="109">
        <v>197330</v>
      </c>
      <c r="JP37" s="110">
        <v>4761865</v>
      </c>
      <c r="JQ37" s="296">
        <v>4761865</v>
      </c>
      <c r="JR37" s="129">
        <v>0</v>
      </c>
      <c r="JS37" s="109">
        <v>0</v>
      </c>
      <c r="JT37" s="128">
        <v>0</v>
      </c>
      <c r="JU37" s="108">
        <v>0</v>
      </c>
      <c r="JV37" s="109">
        <v>529992</v>
      </c>
      <c r="JW37" s="109">
        <v>0</v>
      </c>
      <c r="JX37" s="109">
        <v>0</v>
      </c>
      <c r="JY37" s="109">
        <v>0</v>
      </c>
      <c r="JZ37" s="109">
        <v>178154</v>
      </c>
      <c r="KA37" s="110">
        <v>708146</v>
      </c>
      <c r="KB37" s="296">
        <v>708146</v>
      </c>
      <c r="KC37" s="221">
        <v>0</v>
      </c>
      <c r="KD37" s="217">
        <v>255771</v>
      </c>
      <c r="KE37" s="110">
        <v>255771</v>
      </c>
      <c r="KF37" s="108">
        <v>0</v>
      </c>
      <c r="KG37" s="109">
        <v>1389627</v>
      </c>
      <c r="KH37" s="109">
        <v>183231</v>
      </c>
      <c r="KI37" s="109">
        <v>695197</v>
      </c>
      <c r="KJ37" s="109">
        <v>836163</v>
      </c>
      <c r="KK37" s="109">
        <v>0</v>
      </c>
      <c r="KL37" s="110">
        <v>3104218</v>
      </c>
      <c r="KM37" s="130">
        <v>3359989</v>
      </c>
      <c r="KN37" s="219">
        <v>0</v>
      </c>
      <c r="KO37" s="223">
        <v>0</v>
      </c>
      <c r="KP37" s="224">
        <v>0</v>
      </c>
      <c r="KQ37" s="127"/>
      <c r="KR37" s="109">
        <v>546075</v>
      </c>
      <c r="KS37" s="109">
        <v>1279901</v>
      </c>
      <c r="KT37" s="109">
        <v>1556086</v>
      </c>
      <c r="KU37" s="109">
        <v>2114334</v>
      </c>
      <c r="KV37" s="109">
        <v>1591051</v>
      </c>
      <c r="KW37" s="110">
        <v>7087447</v>
      </c>
      <c r="KX37" s="296">
        <v>7087447</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78128</v>
      </c>
      <c r="LO37" s="109">
        <v>0</v>
      </c>
      <c r="LP37" s="109">
        <v>2625978</v>
      </c>
      <c r="LQ37" s="109">
        <v>1516333</v>
      </c>
      <c r="LR37" s="109">
        <v>1260416</v>
      </c>
      <c r="LS37" s="110">
        <v>5580855</v>
      </c>
      <c r="LT37" s="296">
        <v>5580855</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476586</v>
      </c>
      <c r="MK37" s="109">
        <v>1771311</v>
      </c>
      <c r="ML37" s="109">
        <v>7809831</v>
      </c>
      <c r="MM37" s="109">
        <v>13461543</v>
      </c>
      <c r="MN37" s="109">
        <v>7304699</v>
      </c>
      <c r="MO37" s="110">
        <v>31823970</v>
      </c>
      <c r="MP37" s="130">
        <v>31823970</v>
      </c>
      <c r="MQ37" s="129">
        <v>0</v>
      </c>
      <c r="MR37" s="109">
        <v>0</v>
      </c>
      <c r="MS37" s="110">
        <v>0</v>
      </c>
      <c r="MT37" s="132"/>
      <c r="MU37" s="109">
        <v>419741</v>
      </c>
      <c r="MV37" s="109">
        <v>0</v>
      </c>
      <c r="MW37" s="109">
        <v>3154405</v>
      </c>
      <c r="MX37" s="109">
        <v>7399018</v>
      </c>
      <c r="MY37" s="109">
        <v>4477085</v>
      </c>
      <c r="MZ37" s="110">
        <v>15450249</v>
      </c>
      <c r="NA37" s="130">
        <v>15450249</v>
      </c>
      <c r="NB37" s="129">
        <v>0</v>
      </c>
      <c r="NC37" s="109">
        <v>0</v>
      </c>
      <c r="ND37" s="110">
        <v>0</v>
      </c>
      <c r="NE37" s="132"/>
      <c r="NF37" s="109">
        <v>1056845</v>
      </c>
      <c r="NG37" s="109">
        <v>883995</v>
      </c>
      <c r="NH37" s="109">
        <v>3997166</v>
      </c>
      <c r="NI37" s="109">
        <v>6062525</v>
      </c>
      <c r="NJ37" s="109">
        <v>2436284</v>
      </c>
      <c r="NK37" s="110">
        <v>14436815</v>
      </c>
      <c r="NL37" s="296">
        <v>14436815</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887316</v>
      </c>
      <c r="OD37" s="109">
        <v>658260</v>
      </c>
      <c r="OE37" s="109">
        <v>0</v>
      </c>
      <c r="OF37" s="109">
        <v>391330</v>
      </c>
      <c r="OG37" s="110">
        <v>1936906</v>
      </c>
      <c r="OH37" s="111">
        <v>1936906</v>
      </c>
      <c r="OI37" s="129">
        <v>737240</v>
      </c>
      <c r="OJ37" s="109">
        <v>1496833</v>
      </c>
      <c r="OK37" s="128">
        <v>2234073</v>
      </c>
      <c r="OL37" s="108">
        <v>0</v>
      </c>
      <c r="OM37" s="109">
        <v>15879169</v>
      </c>
      <c r="ON37" s="109">
        <v>16858329</v>
      </c>
      <c r="OO37" s="109">
        <v>22868665</v>
      </c>
      <c r="OP37" s="109">
        <v>26528762</v>
      </c>
      <c r="OQ37" s="109">
        <v>16284525</v>
      </c>
      <c r="OR37" s="110">
        <v>98419450</v>
      </c>
      <c r="OS37" s="130">
        <v>100653523</v>
      </c>
    </row>
    <row r="38" spans="2:409" ht="21" customHeight="1" x14ac:dyDescent="0.2">
      <c r="B38" s="468" t="s">
        <v>33</v>
      </c>
      <c r="C38" s="100">
        <v>1047662</v>
      </c>
      <c r="D38" s="104">
        <v>2239265</v>
      </c>
      <c r="E38" s="103">
        <v>3286927</v>
      </c>
      <c r="F38" s="99">
        <v>0</v>
      </c>
      <c r="G38" s="104">
        <v>9036229</v>
      </c>
      <c r="H38" s="104">
        <v>9963642</v>
      </c>
      <c r="I38" s="104">
        <v>9050477</v>
      </c>
      <c r="J38" s="104">
        <v>5546773</v>
      </c>
      <c r="K38" s="104">
        <v>5574191</v>
      </c>
      <c r="L38" s="160">
        <v>39171312</v>
      </c>
      <c r="M38" s="106">
        <v>42458239</v>
      </c>
      <c r="N38" s="100">
        <v>508110</v>
      </c>
      <c r="O38" s="104">
        <v>769800</v>
      </c>
      <c r="P38" s="103">
        <v>1277910</v>
      </c>
      <c r="Q38" s="100">
        <v>0</v>
      </c>
      <c r="R38" s="104">
        <v>2974883</v>
      </c>
      <c r="S38" s="104">
        <v>2607769</v>
      </c>
      <c r="T38" s="104">
        <v>2143558</v>
      </c>
      <c r="U38" s="104">
        <v>2876451</v>
      </c>
      <c r="V38" s="104">
        <v>1989563</v>
      </c>
      <c r="W38" s="103">
        <v>12592224</v>
      </c>
      <c r="X38" s="106">
        <v>13870134</v>
      </c>
      <c r="Y38" s="100">
        <v>0</v>
      </c>
      <c r="Z38" s="104">
        <v>0</v>
      </c>
      <c r="AA38" s="103">
        <v>0</v>
      </c>
      <c r="AB38" s="100">
        <v>0</v>
      </c>
      <c r="AC38" s="104">
        <v>664234</v>
      </c>
      <c r="AD38" s="104">
        <v>810058</v>
      </c>
      <c r="AE38" s="104">
        <v>874739</v>
      </c>
      <c r="AF38" s="104">
        <v>2152854</v>
      </c>
      <c r="AG38" s="104">
        <v>1271777</v>
      </c>
      <c r="AH38" s="103">
        <v>5773662</v>
      </c>
      <c r="AI38" s="106">
        <v>5773662</v>
      </c>
      <c r="AJ38" s="100">
        <v>0</v>
      </c>
      <c r="AK38" s="104">
        <v>0</v>
      </c>
      <c r="AL38" s="103">
        <v>0</v>
      </c>
      <c r="AM38" s="100">
        <v>0</v>
      </c>
      <c r="AN38" s="104">
        <v>129888</v>
      </c>
      <c r="AO38" s="104">
        <v>25587</v>
      </c>
      <c r="AP38" s="104">
        <v>63963</v>
      </c>
      <c r="AQ38" s="104">
        <v>101340</v>
      </c>
      <c r="AR38" s="104">
        <v>290259</v>
      </c>
      <c r="AS38" s="103">
        <v>611037</v>
      </c>
      <c r="AT38" s="106">
        <v>611037</v>
      </c>
      <c r="AU38" s="100">
        <v>0</v>
      </c>
      <c r="AV38" s="104">
        <v>40718</v>
      </c>
      <c r="AW38" s="103">
        <v>40718</v>
      </c>
      <c r="AX38" s="100">
        <v>0</v>
      </c>
      <c r="AY38" s="104">
        <v>552165</v>
      </c>
      <c r="AZ38" s="104">
        <v>322242</v>
      </c>
      <c r="BA38" s="104">
        <v>217910</v>
      </c>
      <c r="BB38" s="104">
        <v>228128</v>
      </c>
      <c r="BC38" s="104">
        <v>117573</v>
      </c>
      <c r="BD38" s="103">
        <v>1438018</v>
      </c>
      <c r="BE38" s="106">
        <v>1478736</v>
      </c>
      <c r="BF38" s="100">
        <v>360051</v>
      </c>
      <c r="BG38" s="104">
        <v>613308</v>
      </c>
      <c r="BH38" s="102">
        <v>973359</v>
      </c>
      <c r="BI38" s="101">
        <v>0</v>
      </c>
      <c r="BJ38" s="104">
        <v>1212645</v>
      </c>
      <c r="BK38" s="104">
        <v>758460</v>
      </c>
      <c r="BL38" s="104">
        <v>417710</v>
      </c>
      <c r="BM38" s="104">
        <v>247333</v>
      </c>
      <c r="BN38" s="104">
        <v>85946</v>
      </c>
      <c r="BO38" s="103">
        <v>2722094</v>
      </c>
      <c r="BP38" s="106">
        <v>3695453</v>
      </c>
      <c r="BQ38" s="100">
        <v>148059</v>
      </c>
      <c r="BR38" s="104">
        <v>115774</v>
      </c>
      <c r="BS38" s="103">
        <v>263833</v>
      </c>
      <c r="BT38" s="100">
        <v>0</v>
      </c>
      <c r="BU38" s="104">
        <v>415951</v>
      </c>
      <c r="BV38" s="104">
        <v>691422</v>
      </c>
      <c r="BW38" s="104">
        <v>569236</v>
      </c>
      <c r="BX38" s="104">
        <v>146796</v>
      </c>
      <c r="BY38" s="104">
        <v>224008</v>
      </c>
      <c r="BZ38" s="103">
        <v>2047413</v>
      </c>
      <c r="CA38" s="106">
        <v>2311246</v>
      </c>
      <c r="CB38" s="100">
        <v>134952</v>
      </c>
      <c r="CC38" s="104">
        <v>552677</v>
      </c>
      <c r="CD38" s="103">
        <v>687629</v>
      </c>
      <c r="CE38" s="100">
        <v>0</v>
      </c>
      <c r="CF38" s="104">
        <v>1712468</v>
      </c>
      <c r="CG38" s="104">
        <v>1635802</v>
      </c>
      <c r="CH38" s="104">
        <v>1035021</v>
      </c>
      <c r="CI38" s="104">
        <v>344196</v>
      </c>
      <c r="CJ38" s="104">
        <v>885920</v>
      </c>
      <c r="CK38" s="103">
        <v>5613407</v>
      </c>
      <c r="CL38" s="106">
        <v>6301036</v>
      </c>
      <c r="CM38" s="100">
        <v>0</v>
      </c>
      <c r="CN38" s="104">
        <v>0</v>
      </c>
      <c r="CO38" s="103">
        <v>0</v>
      </c>
      <c r="CP38" s="101">
        <v>0</v>
      </c>
      <c r="CQ38" s="104">
        <v>459480</v>
      </c>
      <c r="CR38" s="104">
        <v>791264</v>
      </c>
      <c r="CS38" s="104">
        <v>498178</v>
      </c>
      <c r="CT38" s="104">
        <v>243305</v>
      </c>
      <c r="CU38" s="104">
        <v>788524</v>
      </c>
      <c r="CV38" s="103">
        <v>2780751</v>
      </c>
      <c r="CW38" s="106">
        <v>2780751</v>
      </c>
      <c r="CX38" s="100">
        <v>134952</v>
      </c>
      <c r="CY38" s="104">
        <v>552677</v>
      </c>
      <c r="CZ38" s="103">
        <v>687629</v>
      </c>
      <c r="DA38" s="100">
        <v>0</v>
      </c>
      <c r="DB38" s="104">
        <v>1252988</v>
      </c>
      <c r="DC38" s="104">
        <v>844538</v>
      </c>
      <c r="DD38" s="104">
        <v>536843</v>
      </c>
      <c r="DE38" s="104">
        <v>100891</v>
      </c>
      <c r="DF38" s="104">
        <v>97396</v>
      </c>
      <c r="DG38" s="103">
        <v>2832656</v>
      </c>
      <c r="DH38" s="106">
        <v>3520285</v>
      </c>
      <c r="DI38" s="100">
        <v>0</v>
      </c>
      <c r="DJ38" s="104">
        <v>0</v>
      </c>
      <c r="DK38" s="102">
        <v>0</v>
      </c>
      <c r="DL38" s="101">
        <v>0</v>
      </c>
      <c r="DM38" s="104">
        <v>114315</v>
      </c>
      <c r="DN38" s="104">
        <v>455272</v>
      </c>
      <c r="DO38" s="104">
        <v>1270904</v>
      </c>
      <c r="DP38" s="104">
        <v>620389</v>
      </c>
      <c r="DQ38" s="104">
        <v>88670</v>
      </c>
      <c r="DR38" s="103">
        <v>2549550</v>
      </c>
      <c r="DS38" s="106">
        <v>2549550</v>
      </c>
      <c r="DT38" s="100">
        <v>0</v>
      </c>
      <c r="DU38" s="104">
        <v>0</v>
      </c>
      <c r="DV38" s="103">
        <v>0</v>
      </c>
      <c r="DW38" s="100">
        <v>0</v>
      </c>
      <c r="DX38" s="104">
        <v>0</v>
      </c>
      <c r="DY38" s="104">
        <v>299995</v>
      </c>
      <c r="DZ38" s="104">
        <v>1205964</v>
      </c>
      <c r="EA38" s="104">
        <v>243313</v>
      </c>
      <c r="EB38" s="104">
        <v>0</v>
      </c>
      <c r="EC38" s="103">
        <v>1749272</v>
      </c>
      <c r="ED38" s="106">
        <v>1749272</v>
      </c>
      <c r="EE38" s="100">
        <v>0</v>
      </c>
      <c r="EF38" s="102">
        <v>0</v>
      </c>
      <c r="EG38" s="103">
        <v>0</v>
      </c>
      <c r="EH38" s="100">
        <v>0</v>
      </c>
      <c r="EI38" s="104">
        <v>114315</v>
      </c>
      <c r="EJ38" s="104">
        <v>155277</v>
      </c>
      <c r="EK38" s="104">
        <v>64940</v>
      </c>
      <c r="EL38" s="104">
        <v>377076</v>
      </c>
      <c r="EM38" s="104">
        <v>88670</v>
      </c>
      <c r="EN38" s="102">
        <v>800278</v>
      </c>
      <c r="EO38" s="106">
        <v>800278</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2"/>
      <c r="FE38" s="104">
        <v>0</v>
      </c>
      <c r="FF38" s="104">
        <v>0</v>
      </c>
      <c r="FG38" s="104">
        <v>0</v>
      </c>
      <c r="FH38" s="104">
        <v>0</v>
      </c>
      <c r="FI38" s="104">
        <v>0</v>
      </c>
      <c r="FJ38" s="103">
        <v>0</v>
      </c>
      <c r="FK38" s="106">
        <v>0</v>
      </c>
      <c r="FL38" s="100">
        <v>122382</v>
      </c>
      <c r="FM38" s="104">
        <v>282140</v>
      </c>
      <c r="FN38" s="103">
        <v>404522</v>
      </c>
      <c r="FO38" s="100">
        <v>0</v>
      </c>
      <c r="FP38" s="104">
        <v>869754</v>
      </c>
      <c r="FQ38" s="104">
        <v>547714</v>
      </c>
      <c r="FR38" s="104">
        <v>360026</v>
      </c>
      <c r="FS38" s="104">
        <v>395423</v>
      </c>
      <c r="FT38" s="104">
        <v>570326</v>
      </c>
      <c r="FU38" s="103">
        <v>2743243</v>
      </c>
      <c r="FV38" s="106">
        <v>3147765</v>
      </c>
      <c r="FW38" s="105">
        <v>122382</v>
      </c>
      <c r="FX38" s="104">
        <v>282140</v>
      </c>
      <c r="FY38" s="102">
        <v>404522</v>
      </c>
      <c r="FZ38" s="101">
        <v>0</v>
      </c>
      <c r="GA38" s="104">
        <v>517890</v>
      </c>
      <c r="GB38" s="104">
        <v>547714</v>
      </c>
      <c r="GC38" s="104">
        <v>360026</v>
      </c>
      <c r="GD38" s="104">
        <v>170279</v>
      </c>
      <c r="GE38" s="104">
        <v>570326</v>
      </c>
      <c r="GF38" s="103">
        <v>2166235</v>
      </c>
      <c r="GG38" s="294">
        <v>2570757</v>
      </c>
      <c r="GH38" s="105">
        <v>0</v>
      </c>
      <c r="GI38" s="104">
        <v>0</v>
      </c>
      <c r="GJ38" s="102">
        <v>0</v>
      </c>
      <c r="GK38" s="101">
        <v>0</v>
      </c>
      <c r="GL38" s="104">
        <v>33264</v>
      </c>
      <c r="GM38" s="104">
        <v>0</v>
      </c>
      <c r="GN38" s="104">
        <v>0</v>
      </c>
      <c r="GO38" s="104">
        <v>45144</v>
      </c>
      <c r="GP38" s="104">
        <v>0</v>
      </c>
      <c r="GQ38" s="103">
        <v>78408</v>
      </c>
      <c r="GR38" s="106">
        <v>78408</v>
      </c>
      <c r="GS38" s="100">
        <v>0</v>
      </c>
      <c r="GT38" s="104">
        <v>0</v>
      </c>
      <c r="GU38" s="103">
        <v>0</v>
      </c>
      <c r="GV38" s="100">
        <v>0</v>
      </c>
      <c r="GW38" s="104">
        <v>318600</v>
      </c>
      <c r="GX38" s="104">
        <v>0</v>
      </c>
      <c r="GY38" s="104">
        <v>0</v>
      </c>
      <c r="GZ38" s="104">
        <v>180000</v>
      </c>
      <c r="HA38" s="104">
        <v>0</v>
      </c>
      <c r="HB38" s="102">
        <v>498600</v>
      </c>
      <c r="HC38" s="106">
        <v>498600</v>
      </c>
      <c r="HD38" s="100">
        <v>122670</v>
      </c>
      <c r="HE38" s="104">
        <v>364425</v>
      </c>
      <c r="HF38" s="102">
        <v>487095</v>
      </c>
      <c r="HG38" s="101">
        <v>0</v>
      </c>
      <c r="HH38" s="104">
        <v>2157143</v>
      </c>
      <c r="HI38" s="104">
        <v>4019593</v>
      </c>
      <c r="HJ38" s="104">
        <v>3649729</v>
      </c>
      <c r="HK38" s="104">
        <v>1091381</v>
      </c>
      <c r="HL38" s="104">
        <v>1793065</v>
      </c>
      <c r="HM38" s="103">
        <v>12710911</v>
      </c>
      <c r="HN38" s="99">
        <v>13198006</v>
      </c>
      <c r="HO38" s="105">
        <v>159548</v>
      </c>
      <c r="HP38" s="104">
        <v>270223</v>
      </c>
      <c r="HQ38" s="103">
        <v>429771</v>
      </c>
      <c r="HR38" s="100">
        <v>0</v>
      </c>
      <c r="HS38" s="104">
        <v>1207666</v>
      </c>
      <c r="HT38" s="104">
        <v>697492</v>
      </c>
      <c r="HU38" s="104">
        <v>591239</v>
      </c>
      <c r="HV38" s="104">
        <v>218933</v>
      </c>
      <c r="HW38" s="104">
        <v>246647</v>
      </c>
      <c r="HX38" s="102">
        <v>2961977</v>
      </c>
      <c r="HY38" s="106">
        <v>3391748</v>
      </c>
      <c r="HZ38" s="137">
        <v>0</v>
      </c>
      <c r="IA38" s="122">
        <v>237987</v>
      </c>
      <c r="IB38" s="137">
        <v>237987</v>
      </c>
      <c r="IC38" s="133">
        <v>0</v>
      </c>
      <c r="ID38" s="119">
        <v>2222587</v>
      </c>
      <c r="IE38" s="134">
        <v>2107894</v>
      </c>
      <c r="IF38" s="120">
        <v>4033193</v>
      </c>
      <c r="IG38" s="119">
        <v>1225709</v>
      </c>
      <c r="IH38" s="120">
        <v>2762404</v>
      </c>
      <c r="II38" s="135">
        <v>12351787</v>
      </c>
      <c r="IJ38" s="137">
        <v>12589774</v>
      </c>
      <c r="IK38" s="219">
        <v>0</v>
      </c>
      <c r="IL38" s="223">
        <v>0</v>
      </c>
      <c r="IM38" s="224">
        <v>0</v>
      </c>
      <c r="IN38" s="127"/>
      <c r="IO38" s="109">
        <v>0</v>
      </c>
      <c r="IP38" s="109">
        <v>0</v>
      </c>
      <c r="IQ38" s="109">
        <v>0</v>
      </c>
      <c r="IR38" s="109">
        <v>0</v>
      </c>
      <c r="IS38" s="109">
        <v>0</v>
      </c>
      <c r="IT38" s="128">
        <v>0</v>
      </c>
      <c r="IU38" s="296">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983376</v>
      </c>
      <c r="JL38" s="109">
        <v>913372</v>
      </c>
      <c r="JM38" s="109">
        <v>853040</v>
      </c>
      <c r="JN38" s="109">
        <v>70361</v>
      </c>
      <c r="JO38" s="109">
        <v>78355</v>
      </c>
      <c r="JP38" s="110">
        <v>2898504</v>
      </c>
      <c r="JQ38" s="296">
        <v>2898504</v>
      </c>
      <c r="JR38" s="129">
        <v>0</v>
      </c>
      <c r="JS38" s="109">
        <v>0</v>
      </c>
      <c r="JT38" s="128">
        <v>0</v>
      </c>
      <c r="JU38" s="108">
        <v>0</v>
      </c>
      <c r="JV38" s="109">
        <v>0</v>
      </c>
      <c r="JW38" s="109">
        <v>0</v>
      </c>
      <c r="JX38" s="109">
        <v>0</v>
      </c>
      <c r="JY38" s="109">
        <v>0</v>
      </c>
      <c r="JZ38" s="109">
        <v>0</v>
      </c>
      <c r="KA38" s="110">
        <v>0</v>
      </c>
      <c r="KB38" s="296">
        <v>0</v>
      </c>
      <c r="KC38" s="221">
        <v>0</v>
      </c>
      <c r="KD38" s="217">
        <v>0</v>
      </c>
      <c r="KE38" s="110">
        <v>0</v>
      </c>
      <c r="KF38" s="108">
        <v>0</v>
      </c>
      <c r="KG38" s="109">
        <v>0</v>
      </c>
      <c r="KH38" s="109">
        <v>0</v>
      </c>
      <c r="KI38" s="109">
        <v>0</v>
      </c>
      <c r="KJ38" s="109">
        <v>0</v>
      </c>
      <c r="KK38" s="109">
        <v>0</v>
      </c>
      <c r="KL38" s="110">
        <v>0</v>
      </c>
      <c r="KM38" s="130">
        <v>0</v>
      </c>
      <c r="KN38" s="219">
        <v>0</v>
      </c>
      <c r="KO38" s="223">
        <v>237987</v>
      </c>
      <c r="KP38" s="224">
        <v>237987</v>
      </c>
      <c r="KQ38" s="127"/>
      <c r="KR38" s="109">
        <v>754836</v>
      </c>
      <c r="KS38" s="109">
        <v>788103</v>
      </c>
      <c r="KT38" s="109">
        <v>2102419</v>
      </c>
      <c r="KU38" s="109">
        <v>220501</v>
      </c>
      <c r="KV38" s="109">
        <v>561522</v>
      </c>
      <c r="KW38" s="110">
        <v>4427381</v>
      </c>
      <c r="KX38" s="296">
        <v>4665368</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6">
        <v>0</v>
      </c>
      <c r="LU38" s="129">
        <v>0</v>
      </c>
      <c r="LV38" s="109">
        <v>0</v>
      </c>
      <c r="LW38" s="110">
        <v>0</v>
      </c>
      <c r="LX38" s="132"/>
      <c r="LY38" s="109">
        <v>484375</v>
      </c>
      <c r="LZ38" s="109">
        <v>406419</v>
      </c>
      <c r="MA38" s="109">
        <v>1077734</v>
      </c>
      <c r="MB38" s="109">
        <v>934847</v>
      </c>
      <c r="MC38" s="109">
        <v>2122527</v>
      </c>
      <c r="MD38" s="110">
        <v>5025902</v>
      </c>
      <c r="ME38" s="111">
        <v>5025902</v>
      </c>
      <c r="MF38" s="129">
        <v>0</v>
      </c>
      <c r="MG38" s="109">
        <v>0</v>
      </c>
      <c r="MH38" s="110">
        <v>0</v>
      </c>
      <c r="MI38" s="132"/>
      <c r="MJ38" s="109">
        <v>2215853</v>
      </c>
      <c r="MK38" s="109">
        <v>5915392</v>
      </c>
      <c r="ML38" s="109">
        <v>9856361</v>
      </c>
      <c r="MM38" s="109">
        <v>19184107</v>
      </c>
      <c r="MN38" s="109">
        <v>12173334</v>
      </c>
      <c r="MO38" s="110">
        <v>49345047</v>
      </c>
      <c r="MP38" s="130">
        <v>49345047</v>
      </c>
      <c r="MQ38" s="129">
        <v>0</v>
      </c>
      <c r="MR38" s="109">
        <v>0</v>
      </c>
      <c r="MS38" s="110">
        <v>0</v>
      </c>
      <c r="MT38" s="132"/>
      <c r="MU38" s="109">
        <v>0</v>
      </c>
      <c r="MV38" s="109">
        <v>1083734</v>
      </c>
      <c r="MW38" s="109">
        <v>5015366</v>
      </c>
      <c r="MX38" s="109">
        <v>8970102</v>
      </c>
      <c r="MY38" s="109">
        <v>6139763</v>
      </c>
      <c r="MZ38" s="110">
        <v>21208965</v>
      </c>
      <c r="NA38" s="130">
        <v>21208965</v>
      </c>
      <c r="NB38" s="129">
        <v>0</v>
      </c>
      <c r="NC38" s="109">
        <v>0</v>
      </c>
      <c r="ND38" s="110">
        <v>0</v>
      </c>
      <c r="NE38" s="132"/>
      <c r="NF38" s="109">
        <v>1627601</v>
      </c>
      <c r="NG38" s="109">
        <v>2548043</v>
      </c>
      <c r="NH38" s="109">
        <v>2801918</v>
      </c>
      <c r="NI38" s="109">
        <v>6194558</v>
      </c>
      <c r="NJ38" s="109">
        <v>2027189</v>
      </c>
      <c r="NK38" s="110">
        <v>15199309</v>
      </c>
      <c r="NL38" s="296">
        <v>15199309</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588252</v>
      </c>
      <c r="OC38" s="109">
        <v>2283615</v>
      </c>
      <c r="OD38" s="109">
        <v>2039077</v>
      </c>
      <c r="OE38" s="109">
        <v>4019447</v>
      </c>
      <c r="OF38" s="109">
        <v>4006382</v>
      </c>
      <c r="OG38" s="110">
        <v>12936773</v>
      </c>
      <c r="OH38" s="111">
        <v>12936773</v>
      </c>
      <c r="OI38" s="129">
        <v>1047662</v>
      </c>
      <c r="OJ38" s="109">
        <v>2477252</v>
      </c>
      <c r="OK38" s="128">
        <v>3524914</v>
      </c>
      <c r="OL38" s="108">
        <v>0</v>
      </c>
      <c r="OM38" s="109">
        <v>13474669</v>
      </c>
      <c r="ON38" s="109">
        <v>17986928</v>
      </c>
      <c r="OO38" s="109">
        <v>22940031</v>
      </c>
      <c r="OP38" s="109">
        <v>25956589</v>
      </c>
      <c r="OQ38" s="109">
        <v>20509929</v>
      </c>
      <c r="OR38" s="110">
        <v>100868146</v>
      </c>
      <c r="OS38" s="130">
        <v>104393060</v>
      </c>
    </row>
    <row r="39" spans="2:409" ht="21" customHeight="1" x14ac:dyDescent="0.2">
      <c r="B39" s="468" t="s">
        <v>34</v>
      </c>
      <c r="C39" s="100">
        <v>327968</v>
      </c>
      <c r="D39" s="104">
        <v>1237620</v>
      </c>
      <c r="E39" s="161">
        <v>1565588</v>
      </c>
      <c r="F39" s="162">
        <v>0</v>
      </c>
      <c r="G39" s="163">
        <v>8064712</v>
      </c>
      <c r="H39" s="163">
        <v>6386004</v>
      </c>
      <c r="I39" s="163">
        <v>4195899</v>
      </c>
      <c r="J39" s="163">
        <v>7024445</v>
      </c>
      <c r="K39" s="163">
        <v>3725195</v>
      </c>
      <c r="L39" s="164">
        <v>29396255</v>
      </c>
      <c r="M39" s="106">
        <v>30961843</v>
      </c>
      <c r="N39" s="100">
        <v>24768</v>
      </c>
      <c r="O39" s="104">
        <v>446076</v>
      </c>
      <c r="P39" s="103">
        <v>470844</v>
      </c>
      <c r="Q39" s="100">
        <v>0</v>
      </c>
      <c r="R39" s="104">
        <v>1749161</v>
      </c>
      <c r="S39" s="104">
        <v>1834669</v>
      </c>
      <c r="T39" s="104">
        <v>799349</v>
      </c>
      <c r="U39" s="104">
        <v>1636665</v>
      </c>
      <c r="V39" s="104">
        <v>1626132</v>
      </c>
      <c r="W39" s="103">
        <v>7645976</v>
      </c>
      <c r="X39" s="106">
        <v>8116820</v>
      </c>
      <c r="Y39" s="100">
        <v>0</v>
      </c>
      <c r="Z39" s="104">
        <v>0</v>
      </c>
      <c r="AA39" s="103">
        <v>0</v>
      </c>
      <c r="AB39" s="100">
        <v>0</v>
      </c>
      <c r="AC39" s="104">
        <v>503856</v>
      </c>
      <c r="AD39" s="104">
        <v>838943</v>
      </c>
      <c r="AE39" s="104">
        <v>361926</v>
      </c>
      <c r="AF39" s="104">
        <v>983170</v>
      </c>
      <c r="AG39" s="104">
        <v>580311</v>
      </c>
      <c r="AH39" s="103">
        <v>3268206</v>
      </c>
      <c r="AI39" s="106">
        <v>3268206</v>
      </c>
      <c r="AJ39" s="100">
        <v>0</v>
      </c>
      <c r="AK39" s="104">
        <v>0</v>
      </c>
      <c r="AL39" s="103">
        <v>0</v>
      </c>
      <c r="AM39" s="100">
        <v>0</v>
      </c>
      <c r="AN39" s="104">
        <v>0</v>
      </c>
      <c r="AO39" s="104">
        <v>61461</v>
      </c>
      <c r="AP39" s="104">
        <v>31367</v>
      </c>
      <c r="AQ39" s="104">
        <v>63963</v>
      </c>
      <c r="AR39" s="104">
        <v>414891</v>
      </c>
      <c r="AS39" s="103">
        <v>571682</v>
      </c>
      <c r="AT39" s="106">
        <v>571682</v>
      </c>
      <c r="AU39" s="100">
        <v>0</v>
      </c>
      <c r="AV39" s="104">
        <v>381339</v>
      </c>
      <c r="AW39" s="103">
        <v>381339</v>
      </c>
      <c r="AX39" s="100">
        <v>0</v>
      </c>
      <c r="AY39" s="104">
        <v>574590</v>
      </c>
      <c r="AZ39" s="104">
        <v>464597</v>
      </c>
      <c r="BA39" s="104">
        <v>245431</v>
      </c>
      <c r="BB39" s="104">
        <v>244975</v>
      </c>
      <c r="BC39" s="104">
        <v>380890</v>
      </c>
      <c r="BD39" s="103">
        <v>1910483</v>
      </c>
      <c r="BE39" s="106">
        <v>2291822</v>
      </c>
      <c r="BF39" s="100">
        <v>0</v>
      </c>
      <c r="BG39" s="104">
        <v>30987</v>
      </c>
      <c r="BH39" s="102">
        <v>30987</v>
      </c>
      <c r="BI39" s="101">
        <v>0</v>
      </c>
      <c r="BJ39" s="104">
        <v>225270</v>
      </c>
      <c r="BK39" s="104">
        <v>67608</v>
      </c>
      <c r="BL39" s="104">
        <v>15111</v>
      </c>
      <c r="BM39" s="104">
        <v>33480</v>
      </c>
      <c r="BN39" s="104">
        <v>50706</v>
      </c>
      <c r="BO39" s="103">
        <v>392175</v>
      </c>
      <c r="BP39" s="106">
        <v>423162</v>
      </c>
      <c r="BQ39" s="100">
        <v>24768</v>
      </c>
      <c r="BR39" s="104">
        <v>33750</v>
      </c>
      <c r="BS39" s="103">
        <v>58518</v>
      </c>
      <c r="BT39" s="100">
        <v>0</v>
      </c>
      <c r="BU39" s="104">
        <v>445445</v>
      </c>
      <c r="BV39" s="104">
        <v>402060</v>
      </c>
      <c r="BW39" s="104">
        <v>145514</v>
      </c>
      <c r="BX39" s="104">
        <v>311077</v>
      </c>
      <c r="BY39" s="104">
        <v>199334</v>
      </c>
      <c r="BZ39" s="103">
        <v>1503430</v>
      </c>
      <c r="CA39" s="106">
        <v>1561948</v>
      </c>
      <c r="CB39" s="100">
        <v>23319</v>
      </c>
      <c r="CC39" s="104">
        <v>170991</v>
      </c>
      <c r="CD39" s="103">
        <v>194310</v>
      </c>
      <c r="CE39" s="100">
        <v>0</v>
      </c>
      <c r="CF39" s="104">
        <v>2402097</v>
      </c>
      <c r="CG39" s="104">
        <v>1619230</v>
      </c>
      <c r="CH39" s="104">
        <v>1648313</v>
      </c>
      <c r="CI39" s="104">
        <v>1898802</v>
      </c>
      <c r="CJ39" s="104">
        <v>0</v>
      </c>
      <c r="CK39" s="103">
        <v>7568442</v>
      </c>
      <c r="CL39" s="106">
        <v>7762752</v>
      </c>
      <c r="CM39" s="100">
        <v>0</v>
      </c>
      <c r="CN39" s="104">
        <v>0</v>
      </c>
      <c r="CO39" s="103">
        <v>0</v>
      </c>
      <c r="CP39" s="101">
        <v>0</v>
      </c>
      <c r="CQ39" s="104">
        <v>1969728</v>
      </c>
      <c r="CR39" s="104">
        <v>1532335</v>
      </c>
      <c r="CS39" s="104">
        <v>1522567</v>
      </c>
      <c r="CT39" s="104">
        <v>1364481</v>
      </c>
      <c r="CU39" s="104">
        <v>0</v>
      </c>
      <c r="CV39" s="103">
        <v>6389111</v>
      </c>
      <c r="CW39" s="106">
        <v>6389111</v>
      </c>
      <c r="CX39" s="100">
        <v>23319</v>
      </c>
      <c r="CY39" s="104">
        <v>170991</v>
      </c>
      <c r="CZ39" s="103">
        <v>194310</v>
      </c>
      <c r="DA39" s="100">
        <v>0</v>
      </c>
      <c r="DB39" s="104">
        <v>432369</v>
      </c>
      <c r="DC39" s="104">
        <v>86895</v>
      </c>
      <c r="DD39" s="104">
        <v>125746</v>
      </c>
      <c r="DE39" s="104">
        <v>534321</v>
      </c>
      <c r="DF39" s="104">
        <v>0</v>
      </c>
      <c r="DG39" s="103">
        <v>1179331</v>
      </c>
      <c r="DH39" s="106">
        <v>1373641</v>
      </c>
      <c r="DI39" s="100">
        <v>0</v>
      </c>
      <c r="DJ39" s="104">
        <v>0</v>
      </c>
      <c r="DK39" s="102">
        <v>0</v>
      </c>
      <c r="DL39" s="101">
        <v>0</v>
      </c>
      <c r="DM39" s="104">
        <v>115533</v>
      </c>
      <c r="DN39" s="104">
        <v>69561</v>
      </c>
      <c r="DO39" s="104">
        <v>414333</v>
      </c>
      <c r="DP39" s="104">
        <v>652122</v>
      </c>
      <c r="DQ39" s="104">
        <v>375501</v>
      </c>
      <c r="DR39" s="103">
        <v>1627050</v>
      </c>
      <c r="DS39" s="106">
        <v>1627050</v>
      </c>
      <c r="DT39" s="100">
        <v>0</v>
      </c>
      <c r="DU39" s="104">
        <v>0</v>
      </c>
      <c r="DV39" s="103">
        <v>0</v>
      </c>
      <c r="DW39" s="100">
        <v>0</v>
      </c>
      <c r="DX39" s="104">
        <v>115533</v>
      </c>
      <c r="DY39" s="104">
        <v>69561</v>
      </c>
      <c r="DZ39" s="104">
        <v>414333</v>
      </c>
      <c r="EA39" s="104">
        <v>519066</v>
      </c>
      <c r="EB39" s="104">
        <v>264438</v>
      </c>
      <c r="EC39" s="103">
        <v>1382931</v>
      </c>
      <c r="ED39" s="106">
        <v>1382931</v>
      </c>
      <c r="EE39" s="100">
        <v>0</v>
      </c>
      <c r="EF39" s="102">
        <v>0</v>
      </c>
      <c r="EG39" s="103">
        <v>0</v>
      </c>
      <c r="EH39" s="100">
        <v>0</v>
      </c>
      <c r="EI39" s="104">
        <v>0</v>
      </c>
      <c r="EJ39" s="104">
        <v>0</v>
      </c>
      <c r="EK39" s="104">
        <v>0</v>
      </c>
      <c r="EL39" s="104">
        <v>133056</v>
      </c>
      <c r="EM39" s="104">
        <v>111063</v>
      </c>
      <c r="EN39" s="102">
        <v>244119</v>
      </c>
      <c r="EO39" s="106">
        <v>244119</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2"/>
      <c r="FE39" s="104">
        <v>0</v>
      </c>
      <c r="FF39" s="104">
        <v>0</v>
      </c>
      <c r="FG39" s="104">
        <v>0</v>
      </c>
      <c r="FH39" s="104">
        <v>0</v>
      </c>
      <c r="FI39" s="104">
        <v>0</v>
      </c>
      <c r="FJ39" s="103">
        <v>0</v>
      </c>
      <c r="FK39" s="106">
        <v>0</v>
      </c>
      <c r="FL39" s="100">
        <v>128160</v>
      </c>
      <c r="FM39" s="104">
        <v>205191</v>
      </c>
      <c r="FN39" s="103">
        <v>333351</v>
      </c>
      <c r="FO39" s="100">
        <v>0</v>
      </c>
      <c r="FP39" s="104">
        <v>528148</v>
      </c>
      <c r="FQ39" s="104">
        <v>589517</v>
      </c>
      <c r="FR39" s="104">
        <v>353655</v>
      </c>
      <c r="FS39" s="104">
        <v>482656</v>
      </c>
      <c r="FT39" s="104">
        <v>204075</v>
      </c>
      <c r="FU39" s="103">
        <v>2158051</v>
      </c>
      <c r="FV39" s="106">
        <v>2491402</v>
      </c>
      <c r="FW39" s="105">
        <v>100440</v>
      </c>
      <c r="FX39" s="104">
        <v>125100</v>
      </c>
      <c r="FY39" s="102">
        <v>225540</v>
      </c>
      <c r="FZ39" s="101">
        <v>0</v>
      </c>
      <c r="GA39" s="104">
        <v>454888</v>
      </c>
      <c r="GB39" s="104">
        <v>589517</v>
      </c>
      <c r="GC39" s="104">
        <v>353655</v>
      </c>
      <c r="GD39" s="104">
        <v>482656</v>
      </c>
      <c r="GE39" s="104">
        <v>204075</v>
      </c>
      <c r="GF39" s="103">
        <v>2084791</v>
      </c>
      <c r="GG39" s="294">
        <v>2310331</v>
      </c>
      <c r="GH39" s="105">
        <v>0</v>
      </c>
      <c r="GI39" s="104">
        <v>80091</v>
      </c>
      <c r="GJ39" s="102">
        <v>80091</v>
      </c>
      <c r="GK39" s="101">
        <v>0</v>
      </c>
      <c r="GL39" s="104">
        <v>0</v>
      </c>
      <c r="GM39" s="104">
        <v>0</v>
      </c>
      <c r="GN39" s="104">
        <v>0</v>
      </c>
      <c r="GO39" s="104">
        <v>0</v>
      </c>
      <c r="GP39" s="104">
        <v>0</v>
      </c>
      <c r="GQ39" s="103">
        <v>0</v>
      </c>
      <c r="GR39" s="106">
        <v>80091</v>
      </c>
      <c r="GS39" s="100">
        <v>27720</v>
      </c>
      <c r="GT39" s="104">
        <v>0</v>
      </c>
      <c r="GU39" s="103">
        <v>27720</v>
      </c>
      <c r="GV39" s="100">
        <v>0</v>
      </c>
      <c r="GW39" s="104">
        <v>73260</v>
      </c>
      <c r="GX39" s="104">
        <v>0</v>
      </c>
      <c r="GY39" s="104">
        <v>0</v>
      </c>
      <c r="GZ39" s="104">
        <v>0</v>
      </c>
      <c r="HA39" s="104">
        <v>0</v>
      </c>
      <c r="HB39" s="102">
        <v>73260</v>
      </c>
      <c r="HC39" s="106">
        <v>100980</v>
      </c>
      <c r="HD39" s="100">
        <v>112301</v>
      </c>
      <c r="HE39" s="104">
        <v>294102</v>
      </c>
      <c r="HF39" s="102">
        <v>406403</v>
      </c>
      <c r="HG39" s="101">
        <v>0</v>
      </c>
      <c r="HH39" s="104">
        <v>2263008</v>
      </c>
      <c r="HI39" s="104">
        <v>1606362</v>
      </c>
      <c r="HJ39" s="104">
        <v>632490</v>
      </c>
      <c r="HK39" s="104">
        <v>1938642</v>
      </c>
      <c r="HL39" s="104">
        <v>1349883</v>
      </c>
      <c r="HM39" s="103">
        <v>7790385</v>
      </c>
      <c r="HN39" s="99">
        <v>8196788</v>
      </c>
      <c r="HO39" s="105">
        <v>39420</v>
      </c>
      <c r="HP39" s="104">
        <v>121260</v>
      </c>
      <c r="HQ39" s="103">
        <v>160680</v>
      </c>
      <c r="HR39" s="100">
        <v>0</v>
      </c>
      <c r="HS39" s="104">
        <v>1006765</v>
      </c>
      <c r="HT39" s="104">
        <v>666665</v>
      </c>
      <c r="HU39" s="104">
        <v>347759</v>
      </c>
      <c r="HV39" s="104">
        <v>415558</v>
      </c>
      <c r="HW39" s="104">
        <v>169604</v>
      </c>
      <c r="HX39" s="102">
        <v>2606351</v>
      </c>
      <c r="HY39" s="106">
        <v>2767031</v>
      </c>
      <c r="HZ39" s="118">
        <v>45171</v>
      </c>
      <c r="IA39" s="119">
        <v>80901</v>
      </c>
      <c r="IB39" s="120">
        <v>126072</v>
      </c>
      <c r="IC39" s="133">
        <v>0</v>
      </c>
      <c r="ID39" s="119">
        <v>2907158</v>
      </c>
      <c r="IE39" s="134">
        <v>3297009</v>
      </c>
      <c r="IF39" s="120">
        <v>3193617</v>
      </c>
      <c r="IG39" s="119">
        <v>1041327</v>
      </c>
      <c r="IH39" s="120">
        <v>473830</v>
      </c>
      <c r="II39" s="135">
        <v>10912941</v>
      </c>
      <c r="IJ39" s="126">
        <v>11039013</v>
      </c>
      <c r="IK39" s="219">
        <v>0</v>
      </c>
      <c r="IL39" s="223">
        <v>0</v>
      </c>
      <c r="IM39" s="224">
        <v>0</v>
      </c>
      <c r="IN39" s="127"/>
      <c r="IO39" s="109">
        <v>0</v>
      </c>
      <c r="IP39" s="109">
        <v>0</v>
      </c>
      <c r="IQ39" s="109">
        <v>0</v>
      </c>
      <c r="IR39" s="109">
        <v>0</v>
      </c>
      <c r="IS39" s="109">
        <v>0</v>
      </c>
      <c r="IT39" s="128">
        <v>0</v>
      </c>
      <c r="IU39" s="296">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558691</v>
      </c>
      <c r="JL39" s="109">
        <v>263917</v>
      </c>
      <c r="JM39" s="109">
        <v>314028</v>
      </c>
      <c r="JN39" s="109">
        <v>92619</v>
      </c>
      <c r="JO39" s="109">
        <v>49644</v>
      </c>
      <c r="JP39" s="110">
        <v>1278899</v>
      </c>
      <c r="JQ39" s="296">
        <v>1278899</v>
      </c>
      <c r="JR39" s="129">
        <v>0</v>
      </c>
      <c r="JS39" s="109">
        <v>0</v>
      </c>
      <c r="JT39" s="128">
        <v>0</v>
      </c>
      <c r="JU39" s="108">
        <v>0</v>
      </c>
      <c r="JV39" s="109">
        <v>0</v>
      </c>
      <c r="JW39" s="109">
        <v>0</v>
      </c>
      <c r="JX39" s="109">
        <v>0</v>
      </c>
      <c r="JY39" s="109">
        <v>0</v>
      </c>
      <c r="JZ39" s="109">
        <v>77839</v>
      </c>
      <c r="KA39" s="110">
        <v>77839</v>
      </c>
      <c r="KB39" s="296">
        <v>77839</v>
      </c>
      <c r="KC39" s="221">
        <v>45171</v>
      </c>
      <c r="KD39" s="217">
        <v>80901</v>
      </c>
      <c r="KE39" s="110">
        <v>126072</v>
      </c>
      <c r="KF39" s="108">
        <v>0</v>
      </c>
      <c r="KG39" s="109">
        <v>1118104</v>
      </c>
      <c r="KH39" s="109">
        <v>1804376</v>
      </c>
      <c r="KI39" s="109">
        <v>961240</v>
      </c>
      <c r="KJ39" s="109">
        <v>0</v>
      </c>
      <c r="KK39" s="109">
        <v>0</v>
      </c>
      <c r="KL39" s="110">
        <v>3883720</v>
      </c>
      <c r="KM39" s="130">
        <v>4009792</v>
      </c>
      <c r="KN39" s="219">
        <v>0</v>
      </c>
      <c r="KO39" s="223">
        <v>0</v>
      </c>
      <c r="KP39" s="224">
        <v>0</v>
      </c>
      <c r="KQ39" s="127"/>
      <c r="KR39" s="109">
        <v>0</v>
      </c>
      <c r="KS39" s="109">
        <v>0</v>
      </c>
      <c r="KT39" s="109">
        <v>0</v>
      </c>
      <c r="KU39" s="109">
        <v>0</v>
      </c>
      <c r="KV39" s="109">
        <v>0</v>
      </c>
      <c r="KW39" s="110">
        <v>0</v>
      </c>
      <c r="KX39" s="296">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6">
        <v>0</v>
      </c>
      <c r="LU39" s="129">
        <v>0</v>
      </c>
      <c r="LV39" s="109">
        <v>0</v>
      </c>
      <c r="LW39" s="110">
        <v>0</v>
      </c>
      <c r="LX39" s="132"/>
      <c r="LY39" s="109">
        <v>1230363</v>
      </c>
      <c r="LZ39" s="109">
        <v>1228716</v>
      </c>
      <c r="MA39" s="109">
        <v>1918349</v>
      </c>
      <c r="MB39" s="109">
        <v>948708</v>
      </c>
      <c r="MC39" s="109">
        <v>346347</v>
      </c>
      <c r="MD39" s="110">
        <v>5672483</v>
      </c>
      <c r="ME39" s="111">
        <v>5672483</v>
      </c>
      <c r="MF39" s="129">
        <v>0</v>
      </c>
      <c r="MG39" s="109">
        <v>0</v>
      </c>
      <c r="MH39" s="110">
        <v>0</v>
      </c>
      <c r="MI39" s="132"/>
      <c r="MJ39" s="109">
        <v>1925959</v>
      </c>
      <c r="MK39" s="109">
        <v>3307786</v>
      </c>
      <c r="ML39" s="109">
        <v>4420049</v>
      </c>
      <c r="MM39" s="109">
        <v>8925347</v>
      </c>
      <c r="MN39" s="109">
        <v>4603478</v>
      </c>
      <c r="MO39" s="110">
        <v>23182619</v>
      </c>
      <c r="MP39" s="130">
        <v>23182619</v>
      </c>
      <c r="MQ39" s="129">
        <v>0</v>
      </c>
      <c r="MR39" s="109">
        <v>0</v>
      </c>
      <c r="MS39" s="110">
        <v>0</v>
      </c>
      <c r="MT39" s="132"/>
      <c r="MU39" s="109">
        <v>0</v>
      </c>
      <c r="MV39" s="109">
        <v>0</v>
      </c>
      <c r="MW39" s="109">
        <v>2533633</v>
      </c>
      <c r="MX39" s="109">
        <v>5353045</v>
      </c>
      <c r="MY39" s="109">
        <v>3160396</v>
      </c>
      <c r="MZ39" s="110">
        <v>11047074</v>
      </c>
      <c r="NA39" s="130">
        <v>11047074</v>
      </c>
      <c r="NB39" s="129">
        <v>0</v>
      </c>
      <c r="NC39" s="109">
        <v>0</v>
      </c>
      <c r="ND39" s="110">
        <v>0</v>
      </c>
      <c r="NE39" s="132"/>
      <c r="NF39" s="109">
        <v>1925959</v>
      </c>
      <c r="NG39" s="109">
        <v>3307786</v>
      </c>
      <c r="NH39" s="109">
        <v>1886416</v>
      </c>
      <c r="NI39" s="109">
        <v>2911630</v>
      </c>
      <c r="NJ39" s="109">
        <v>1067814</v>
      </c>
      <c r="NK39" s="110">
        <v>11099605</v>
      </c>
      <c r="NL39" s="296">
        <v>11099605</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660672</v>
      </c>
      <c r="OF39" s="109">
        <v>375268</v>
      </c>
      <c r="OG39" s="110">
        <v>1035940</v>
      </c>
      <c r="OH39" s="111">
        <v>1035940</v>
      </c>
      <c r="OI39" s="129">
        <v>373139</v>
      </c>
      <c r="OJ39" s="109">
        <v>1318521</v>
      </c>
      <c r="OK39" s="128">
        <v>1691660</v>
      </c>
      <c r="OL39" s="108">
        <v>0</v>
      </c>
      <c r="OM39" s="109">
        <v>12897829</v>
      </c>
      <c r="ON39" s="109">
        <v>12990799</v>
      </c>
      <c r="OO39" s="109">
        <v>11809565</v>
      </c>
      <c r="OP39" s="109">
        <v>16991119</v>
      </c>
      <c r="OQ39" s="109">
        <v>8802503</v>
      </c>
      <c r="OR39" s="110">
        <v>63491815</v>
      </c>
      <c r="OS39" s="130">
        <v>65183475</v>
      </c>
    </row>
    <row r="40" spans="2:409" ht="21" customHeight="1" x14ac:dyDescent="0.2">
      <c r="B40" s="468" t="s">
        <v>35</v>
      </c>
      <c r="C40" s="100">
        <v>2133036</v>
      </c>
      <c r="D40" s="104">
        <v>3052315</v>
      </c>
      <c r="E40" s="103">
        <v>5185351</v>
      </c>
      <c r="F40" s="99">
        <v>0</v>
      </c>
      <c r="G40" s="104">
        <v>34647678</v>
      </c>
      <c r="H40" s="104">
        <v>21123060</v>
      </c>
      <c r="I40" s="104">
        <v>25417647</v>
      </c>
      <c r="J40" s="104">
        <v>23155131</v>
      </c>
      <c r="K40" s="104">
        <v>11488923</v>
      </c>
      <c r="L40" s="160">
        <v>115832439</v>
      </c>
      <c r="M40" s="106">
        <v>121017790</v>
      </c>
      <c r="N40" s="100">
        <v>421549</v>
      </c>
      <c r="O40" s="104">
        <v>1018821</v>
      </c>
      <c r="P40" s="103">
        <v>1440370</v>
      </c>
      <c r="Q40" s="100">
        <v>0</v>
      </c>
      <c r="R40" s="104">
        <v>8852053</v>
      </c>
      <c r="S40" s="104">
        <v>5447648</v>
      </c>
      <c r="T40" s="104">
        <v>8465526</v>
      </c>
      <c r="U40" s="104">
        <v>7496698</v>
      </c>
      <c r="V40" s="104">
        <v>5455633</v>
      </c>
      <c r="W40" s="103">
        <v>35717558</v>
      </c>
      <c r="X40" s="106">
        <v>37157928</v>
      </c>
      <c r="Y40" s="100">
        <v>0</v>
      </c>
      <c r="Z40" s="104">
        <v>0</v>
      </c>
      <c r="AA40" s="103">
        <v>0</v>
      </c>
      <c r="AB40" s="100">
        <v>0</v>
      </c>
      <c r="AC40" s="104">
        <v>4115251</v>
      </c>
      <c r="AD40" s="104">
        <v>2419223</v>
      </c>
      <c r="AE40" s="104">
        <v>5107172</v>
      </c>
      <c r="AF40" s="104">
        <v>3899318</v>
      </c>
      <c r="AG40" s="104">
        <v>3061956</v>
      </c>
      <c r="AH40" s="103">
        <v>18602920</v>
      </c>
      <c r="AI40" s="106">
        <v>18602920</v>
      </c>
      <c r="AJ40" s="100">
        <v>0</v>
      </c>
      <c r="AK40" s="104">
        <v>0</v>
      </c>
      <c r="AL40" s="103">
        <v>0</v>
      </c>
      <c r="AM40" s="100">
        <v>0</v>
      </c>
      <c r="AN40" s="104">
        <v>0</v>
      </c>
      <c r="AO40" s="104">
        <v>257353</v>
      </c>
      <c r="AP40" s="104">
        <v>248589</v>
      </c>
      <c r="AQ40" s="104">
        <v>813695</v>
      </c>
      <c r="AR40" s="104">
        <v>654423</v>
      </c>
      <c r="AS40" s="103">
        <v>1974060</v>
      </c>
      <c r="AT40" s="106">
        <v>1974060</v>
      </c>
      <c r="AU40" s="100">
        <v>74448</v>
      </c>
      <c r="AV40" s="104">
        <v>408499</v>
      </c>
      <c r="AW40" s="103">
        <v>482947</v>
      </c>
      <c r="AX40" s="100">
        <v>0</v>
      </c>
      <c r="AY40" s="104">
        <v>2138980</v>
      </c>
      <c r="AZ40" s="104">
        <v>1309554</v>
      </c>
      <c r="BA40" s="104">
        <v>1546561</v>
      </c>
      <c r="BB40" s="104">
        <v>1042954</v>
      </c>
      <c r="BC40" s="104">
        <v>1125850</v>
      </c>
      <c r="BD40" s="103">
        <v>7163899</v>
      </c>
      <c r="BE40" s="106">
        <v>7646846</v>
      </c>
      <c r="BF40" s="100">
        <v>97772</v>
      </c>
      <c r="BG40" s="104">
        <v>356946</v>
      </c>
      <c r="BH40" s="102">
        <v>454718</v>
      </c>
      <c r="BI40" s="101">
        <v>0</v>
      </c>
      <c r="BJ40" s="104">
        <v>1030235</v>
      </c>
      <c r="BK40" s="104">
        <v>572805</v>
      </c>
      <c r="BL40" s="104">
        <v>350658</v>
      </c>
      <c r="BM40" s="104">
        <v>442854</v>
      </c>
      <c r="BN40" s="104">
        <v>126711</v>
      </c>
      <c r="BO40" s="103">
        <v>2523263</v>
      </c>
      <c r="BP40" s="106">
        <v>2977981</v>
      </c>
      <c r="BQ40" s="100">
        <v>249329</v>
      </c>
      <c r="BR40" s="104">
        <v>253376</v>
      </c>
      <c r="BS40" s="103">
        <v>502705</v>
      </c>
      <c r="BT40" s="100">
        <v>0</v>
      </c>
      <c r="BU40" s="104">
        <v>1567587</v>
      </c>
      <c r="BV40" s="104">
        <v>888713</v>
      </c>
      <c r="BW40" s="104">
        <v>1212546</v>
      </c>
      <c r="BX40" s="104">
        <v>1297877</v>
      </c>
      <c r="BY40" s="104">
        <v>486693</v>
      </c>
      <c r="BZ40" s="103">
        <v>5453416</v>
      </c>
      <c r="CA40" s="106">
        <v>5956121</v>
      </c>
      <c r="CB40" s="100">
        <v>181945</v>
      </c>
      <c r="CC40" s="104">
        <v>786086</v>
      </c>
      <c r="CD40" s="103">
        <v>968031</v>
      </c>
      <c r="CE40" s="100">
        <v>0</v>
      </c>
      <c r="CF40" s="104">
        <v>12109120</v>
      </c>
      <c r="CG40" s="104">
        <v>8479954</v>
      </c>
      <c r="CH40" s="104">
        <v>6697576</v>
      </c>
      <c r="CI40" s="104">
        <v>4963623</v>
      </c>
      <c r="CJ40" s="104">
        <v>2868848</v>
      </c>
      <c r="CK40" s="103">
        <v>35119121</v>
      </c>
      <c r="CL40" s="106">
        <v>36087152</v>
      </c>
      <c r="CM40" s="100">
        <v>0</v>
      </c>
      <c r="CN40" s="104">
        <v>0</v>
      </c>
      <c r="CO40" s="103">
        <v>0</v>
      </c>
      <c r="CP40" s="101">
        <v>0</v>
      </c>
      <c r="CQ40" s="104">
        <v>8629517</v>
      </c>
      <c r="CR40" s="104">
        <v>6569016</v>
      </c>
      <c r="CS40" s="104">
        <v>5841110</v>
      </c>
      <c r="CT40" s="104">
        <v>3740251</v>
      </c>
      <c r="CU40" s="104">
        <v>2796947</v>
      </c>
      <c r="CV40" s="103">
        <v>27576841</v>
      </c>
      <c r="CW40" s="106">
        <v>27576841</v>
      </c>
      <c r="CX40" s="100">
        <v>181945</v>
      </c>
      <c r="CY40" s="104">
        <v>786086</v>
      </c>
      <c r="CZ40" s="103">
        <v>968031</v>
      </c>
      <c r="DA40" s="100">
        <v>0</v>
      </c>
      <c r="DB40" s="104">
        <v>3479603</v>
      </c>
      <c r="DC40" s="104">
        <v>1910938</v>
      </c>
      <c r="DD40" s="104">
        <v>856466</v>
      </c>
      <c r="DE40" s="104">
        <v>1223372</v>
      </c>
      <c r="DF40" s="104">
        <v>71901</v>
      </c>
      <c r="DG40" s="103">
        <v>7542280</v>
      </c>
      <c r="DH40" s="106">
        <v>8510311</v>
      </c>
      <c r="DI40" s="100">
        <v>19264</v>
      </c>
      <c r="DJ40" s="104">
        <v>0</v>
      </c>
      <c r="DK40" s="102">
        <v>19264</v>
      </c>
      <c r="DL40" s="101">
        <v>0</v>
      </c>
      <c r="DM40" s="104">
        <v>535669</v>
      </c>
      <c r="DN40" s="104">
        <v>565307</v>
      </c>
      <c r="DO40" s="104">
        <v>1143149</v>
      </c>
      <c r="DP40" s="104">
        <v>1350728</v>
      </c>
      <c r="DQ40" s="104">
        <v>246330</v>
      </c>
      <c r="DR40" s="103">
        <v>3841183</v>
      </c>
      <c r="DS40" s="106">
        <v>3860447</v>
      </c>
      <c r="DT40" s="100">
        <v>19264</v>
      </c>
      <c r="DU40" s="104">
        <v>0</v>
      </c>
      <c r="DV40" s="103">
        <v>19264</v>
      </c>
      <c r="DW40" s="100">
        <v>0</v>
      </c>
      <c r="DX40" s="104">
        <v>514330</v>
      </c>
      <c r="DY40" s="104">
        <v>415196</v>
      </c>
      <c r="DZ40" s="104">
        <v>1091930</v>
      </c>
      <c r="EA40" s="104">
        <v>1147662</v>
      </c>
      <c r="EB40" s="104">
        <v>120231</v>
      </c>
      <c r="EC40" s="103">
        <v>3289349</v>
      </c>
      <c r="ED40" s="106">
        <v>3308613</v>
      </c>
      <c r="EE40" s="100">
        <v>0</v>
      </c>
      <c r="EF40" s="102">
        <v>0</v>
      </c>
      <c r="EG40" s="103">
        <v>0</v>
      </c>
      <c r="EH40" s="100">
        <v>0</v>
      </c>
      <c r="EI40" s="104">
        <v>21339</v>
      </c>
      <c r="EJ40" s="104">
        <v>150111</v>
      </c>
      <c r="EK40" s="104">
        <v>51219</v>
      </c>
      <c r="EL40" s="104">
        <v>203066</v>
      </c>
      <c r="EM40" s="104">
        <v>126099</v>
      </c>
      <c r="EN40" s="102">
        <v>551834</v>
      </c>
      <c r="EO40" s="106">
        <v>551834</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2"/>
      <c r="FE40" s="104">
        <v>0</v>
      </c>
      <c r="FF40" s="104">
        <v>0</v>
      </c>
      <c r="FG40" s="104">
        <v>0</v>
      </c>
      <c r="FH40" s="104">
        <v>0</v>
      </c>
      <c r="FI40" s="104">
        <v>0</v>
      </c>
      <c r="FJ40" s="103">
        <v>0</v>
      </c>
      <c r="FK40" s="106">
        <v>0</v>
      </c>
      <c r="FL40" s="100">
        <v>338669</v>
      </c>
      <c r="FM40" s="104">
        <v>876979</v>
      </c>
      <c r="FN40" s="103">
        <v>1215648</v>
      </c>
      <c r="FO40" s="100">
        <v>0</v>
      </c>
      <c r="FP40" s="104">
        <v>1696814</v>
      </c>
      <c r="FQ40" s="104">
        <v>1910723</v>
      </c>
      <c r="FR40" s="104">
        <v>1939023</v>
      </c>
      <c r="FS40" s="104">
        <v>1565632</v>
      </c>
      <c r="FT40" s="104">
        <v>873913</v>
      </c>
      <c r="FU40" s="103">
        <v>7986105</v>
      </c>
      <c r="FV40" s="106">
        <v>9201753</v>
      </c>
      <c r="FW40" s="105">
        <v>262657</v>
      </c>
      <c r="FX40" s="104">
        <v>550477</v>
      </c>
      <c r="FY40" s="102">
        <v>813134</v>
      </c>
      <c r="FZ40" s="101">
        <v>0</v>
      </c>
      <c r="GA40" s="104">
        <v>1262057</v>
      </c>
      <c r="GB40" s="104">
        <v>1740192</v>
      </c>
      <c r="GC40" s="104">
        <v>1620623</v>
      </c>
      <c r="GD40" s="104">
        <v>1433368</v>
      </c>
      <c r="GE40" s="104">
        <v>824196</v>
      </c>
      <c r="GF40" s="103">
        <v>6880436</v>
      </c>
      <c r="GG40" s="294">
        <v>7693570</v>
      </c>
      <c r="GH40" s="105">
        <v>76012</v>
      </c>
      <c r="GI40" s="104">
        <v>78408</v>
      </c>
      <c r="GJ40" s="102">
        <v>154420</v>
      </c>
      <c r="GK40" s="101">
        <v>0</v>
      </c>
      <c r="GL40" s="104">
        <v>208047</v>
      </c>
      <c r="GM40" s="104">
        <v>135881</v>
      </c>
      <c r="GN40" s="104">
        <v>118800</v>
      </c>
      <c r="GO40" s="104">
        <v>132264</v>
      </c>
      <c r="GP40" s="104">
        <v>49717</v>
      </c>
      <c r="GQ40" s="103">
        <v>644709</v>
      </c>
      <c r="GR40" s="106">
        <v>799129</v>
      </c>
      <c r="GS40" s="100">
        <v>0</v>
      </c>
      <c r="GT40" s="104">
        <v>248094</v>
      </c>
      <c r="GU40" s="103">
        <v>248094</v>
      </c>
      <c r="GV40" s="100">
        <v>0</v>
      </c>
      <c r="GW40" s="104">
        <v>226710</v>
      </c>
      <c r="GX40" s="104">
        <v>34650</v>
      </c>
      <c r="GY40" s="104">
        <v>199600</v>
      </c>
      <c r="GZ40" s="104">
        <v>0</v>
      </c>
      <c r="HA40" s="104">
        <v>0</v>
      </c>
      <c r="HB40" s="102">
        <v>460960</v>
      </c>
      <c r="HC40" s="106">
        <v>709054</v>
      </c>
      <c r="HD40" s="100">
        <v>892246</v>
      </c>
      <c r="HE40" s="104">
        <v>-76742</v>
      </c>
      <c r="HF40" s="102">
        <v>815504</v>
      </c>
      <c r="HG40" s="101">
        <v>0</v>
      </c>
      <c r="HH40" s="104">
        <v>7050030</v>
      </c>
      <c r="HI40" s="104">
        <v>2451340</v>
      </c>
      <c r="HJ40" s="104">
        <v>5157801</v>
      </c>
      <c r="HK40" s="104">
        <v>6374795</v>
      </c>
      <c r="HL40" s="104">
        <v>1381729</v>
      </c>
      <c r="HM40" s="103">
        <v>22415695</v>
      </c>
      <c r="HN40" s="99">
        <v>23231199</v>
      </c>
      <c r="HO40" s="105">
        <v>279363</v>
      </c>
      <c r="HP40" s="104">
        <v>447171</v>
      </c>
      <c r="HQ40" s="103">
        <v>726534</v>
      </c>
      <c r="HR40" s="100">
        <v>0</v>
      </c>
      <c r="HS40" s="104">
        <v>4403992</v>
      </c>
      <c r="HT40" s="104">
        <v>2268088</v>
      </c>
      <c r="HU40" s="104">
        <v>2014572</v>
      </c>
      <c r="HV40" s="104">
        <v>1403655</v>
      </c>
      <c r="HW40" s="104">
        <v>662470</v>
      </c>
      <c r="HX40" s="102">
        <v>10752777</v>
      </c>
      <c r="HY40" s="106">
        <v>11479311</v>
      </c>
      <c r="HZ40" s="137">
        <v>151803</v>
      </c>
      <c r="IA40" s="122">
        <v>398484</v>
      </c>
      <c r="IB40" s="137">
        <v>550287</v>
      </c>
      <c r="IC40" s="133">
        <v>0</v>
      </c>
      <c r="ID40" s="119">
        <v>5571465</v>
      </c>
      <c r="IE40" s="134">
        <v>5858038</v>
      </c>
      <c r="IF40" s="120">
        <v>8308286</v>
      </c>
      <c r="IG40" s="119">
        <v>5493022</v>
      </c>
      <c r="IH40" s="120">
        <v>2370128</v>
      </c>
      <c r="II40" s="135">
        <v>27600939</v>
      </c>
      <c r="IJ40" s="137">
        <v>28151226</v>
      </c>
      <c r="IK40" s="219">
        <v>0</v>
      </c>
      <c r="IL40" s="223">
        <v>0</v>
      </c>
      <c r="IM40" s="224">
        <v>0</v>
      </c>
      <c r="IN40" s="127"/>
      <c r="IO40" s="109">
        <v>0</v>
      </c>
      <c r="IP40" s="109">
        <v>0</v>
      </c>
      <c r="IQ40" s="109">
        <v>492812</v>
      </c>
      <c r="IR40" s="109">
        <v>230238</v>
      </c>
      <c r="IS40" s="109">
        <v>0</v>
      </c>
      <c r="IT40" s="128">
        <v>723050</v>
      </c>
      <c r="IU40" s="296">
        <v>72305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958734</v>
      </c>
      <c r="JL40" s="109">
        <v>889956</v>
      </c>
      <c r="JM40" s="109">
        <v>1719972</v>
      </c>
      <c r="JN40" s="109">
        <v>1450150</v>
      </c>
      <c r="JO40" s="109">
        <v>366956</v>
      </c>
      <c r="JP40" s="110">
        <v>5385768</v>
      </c>
      <c r="JQ40" s="296">
        <v>5385768</v>
      </c>
      <c r="JR40" s="129">
        <v>0</v>
      </c>
      <c r="JS40" s="109">
        <v>0</v>
      </c>
      <c r="JT40" s="128">
        <v>0</v>
      </c>
      <c r="JU40" s="108">
        <v>0</v>
      </c>
      <c r="JV40" s="109">
        <v>0</v>
      </c>
      <c r="JW40" s="109">
        <v>94891</v>
      </c>
      <c r="JX40" s="109">
        <v>0</v>
      </c>
      <c r="JY40" s="109">
        <v>0</v>
      </c>
      <c r="JZ40" s="109">
        <v>0</v>
      </c>
      <c r="KA40" s="110">
        <v>94891</v>
      </c>
      <c r="KB40" s="296">
        <v>94891</v>
      </c>
      <c r="KC40" s="221">
        <v>151803</v>
      </c>
      <c r="KD40" s="217">
        <v>162630</v>
      </c>
      <c r="KE40" s="110">
        <v>314433</v>
      </c>
      <c r="KF40" s="108">
        <v>0</v>
      </c>
      <c r="KG40" s="109">
        <v>1188396</v>
      </c>
      <c r="KH40" s="109">
        <v>1528617</v>
      </c>
      <c r="KI40" s="109">
        <v>1833867</v>
      </c>
      <c r="KJ40" s="109">
        <v>554913</v>
      </c>
      <c r="KK40" s="109">
        <v>342942</v>
      </c>
      <c r="KL40" s="110">
        <v>5448735</v>
      </c>
      <c r="KM40" s="130">
        <v>5763168</v>
      </c>
      <c r="KN40" s="219">
        <v>0</v>
      </c>
      <c r="KO40" s="223">
        <v>235854</v>
      </c>
      <c r="KP40" s="224">
        <v>235854</v>
      </c>
      <c r="KQ40" s="127"/>
      <c r="KR40" s="109">
        <v>3424335</v>
      </c>
      <c r="KS40" s="109">
        <v>3344574</v>
      </c>
      <c r="KT40" s="109">
        <v>4261635</v>
      </c>
      <c r="KU40" s="109">
        <v>3257721</v>
      </c>
      <c r="KV40" s="109">
        <v>1660230</v>
      </c>
      <c r="KW40" s="110">
        <v>15948495</v>
      </c>
      <c r="KX40" s="296">
        <v>16184349</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6">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6261377</v>
      </c>
      <c r="MK40" s="109">
        <v>7540686</v>
      </c>
      <c r="ML40" s="109">
        <v>14472456</v>
      </c>
      <c r="MM40" s="109">
        <v>18605015</v>
      </c>
      <c r="MN40" s="109">
        <v>14110393</v>
      </c>
      <c r="MO40" s="110">
        <v>60989927</v>
      </c>
      <c r="MP40" s="130">
        <v>60989927</v>
      </c>
      <c r="MQ40" s="129">
        <v>0</v>
      </c>
      <c r="MR40" s="109">
        <v>0</v>
      </c>
      <c r="MS40" s="110">
        <v>0</v>
      </c>
      <c r="MT40" s="132"/>
      <c r="MU40" s="109">
        <v>195885</v>
      </c>
      <c r="MV40" s="109">
        <v>245448</v>
      </c>
      <c r="MW40" s="109">
        <v>5186392</v>
      </c>
      <c r="MX40" s="109">
        <v>12875864</v>
      </c>
      <c r="MY40" s="109">
        <v>9058792</v>
      </c>
      <c r="MZ40" s="110">
        <v>27562381</v>
      </c>
      <c r="NA40" s="130">
        <v>27562381</v>
      </c>
      <c r="NB40" s="129">
        <v>0</v>
      </c>
      <c r="NC40" s="109">
        <v>0</v>
      </c>
      <c r="ND40" s="110">
        <v>0</v>
      </c>
      <c r="NE40" s="132"/>
      <c r="NF40" s="109">
        <v>5406701</v>
      </c>
      <c r="NG40" s="109">
        <v>7041195</v>
      </c>
      <c r="NH40" s="109">
        <v>7660367</v>
      </c>
      <c r="NI40" s="109">
        <v>2989152</v>
      </c>
      <c r="NJ40" s="109">
        <v>3656439</v>
      </c>
      <c r="NK40" s="110">
        <v>26753854</v>
      </c>
      <c r="NL40" s="296">
        <v>26753854</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658791</v>
      </c>
      <c r="OC40" s="109">
        <v>254043</v>
      </c>
      <c r="OD40" s="109">
        <v>1625697</v>
      </c>
      <c r="OE40" s="109">
        <v>2739999</v>
      </c>
      <c r="OF40" s="109">
        <v>1395162</v>
      </c>
      <c r="OG40" s="110">
        <v>6673692</v>
      </c>
      <c r="OH40" s="111">
        <v>6673692</v>
      </c>
      <c r="OI40" s="129">
        <v>2284839</v>
      </c>
      <c r="OJ40" s="109">
        <v>3450799</v>
      </c>
      <c r="OK40" s="128">
        <v>5735638</v>
      </c>
      <c r="OL40" s="108">
        <v>0</v>
      </c>
      <c r="OM40" s="109">
        <v>46480520</v>
      </c>
      <c r="ON40" s="109">
        <v>34521784</v>
      </c>
      <c r="OO40" s="109">
        <v>48198389</v>
      </c>
      <c r="OP40" s="109">
        <v>47253168</v>
      </c>
      <c r="OQ40" s="109">
        <v>27969444</v>
      </c>
      <c r="OR40" s="110">
        <v>204423305</v>
      </c>
      <c r="OS40" s="130">
        <v>210158943</v>
      </c>
    </row>
    <row r="41" spans="2:409" ht="21" customHeight="1" x14ac:dyDescent="0.2">
      <c r="B41" s="468" t="s">
        <v>36</v>
      </c>
      <c r="C41" s="100">
        <v>1344729</v>
      </c>
      <c r="D41" s="104">
        <v>3271069</v>
      </c>
      <c r="E41" s="103">
        <v>4615798</v>
      </c>
      <c r="F41" s="99">
        <v>0</v>
      </c>
      <c r="G41" s="104">
        <v>21442144</v>
      </c>
      <c r="H41" s="104">
        <v>29527884</v>
      </c>
      <c r="I41" s="104">
        <v>24634916</v>
      </c>
      <c r="J41" s="104">
        <v>18663499</v>
      </c>
      <c r="K41" s="104">
        <v>16096078</v>
      </c>
      <c r="L41" s="160">
        <v>110364521</v>
      </c>
      <c r="M41" s="106">
        <v>114980319</v>
      </c>
      <c r="N41" s="100">
        <v>298320</v>
      </c>
      <c r="O41" s="104">
        <v>1248532</v>
      </c>
      <c r="P41" s="103">
        <v>1546852</v>
      </c>
      <c r="Q41" s="100">
        <v>0</v>
      </c>
      <c r="R41" s="104">
        <v>5686720</v>
      </c>
      <c r="S41" s="104">
        <v>9237009</v>
      </c>
      <c r="T41" s="104">
        <v>8187990</v>
      </c>
      <c r="U41" s="104">
        <v>7178244</v>
      </c>
      <c r="V41" s="104">
        <v>10258065</v>
      </c>
      <c r="W41" s="103">
        <v>40548028</v>
      </c>
      <c r="X41" s="106">
        <v>42094880</v>
      </c>
      <c r="Y41" s="100">
        <v>0</v>
      </c>
      <c r="Z41" s="104">
        <v>0</v>
      </c>
      <c r="AA41" s="103">
        <v>0</v>
      </c>
      <c r="AB41" s="100">
        <v>0</v>
      </c>
      <c r="AC41" s="104">
        <v>2143533</v>
      </c>
      <c r="AD41" s="104">
        <v>4184956</v>
      </c>
      <c r="AE41" s="104">
        <v>4374980</v>
      </c>
      <c r="AF41" s="104">
        <v>4139442</v>
      </c>
      <c r="AG41" s="104">
        <v>6299663</v>
      </c>
      <c r="AH41" s="103">
        <v>21142574</v>
      </c>
      <c r="AI41" s="106">
        <v>21142574</v>
      </c>
      <c r="AJ41" s="100">
        <v>0</v>
      </c>
      <c r="AK41" s="104">
        <v>0</v>
      </c>
      <c r="AL41" s="103">
        <v>0</v>
      </c>
      <c r="AM41" s="100">
        <v>0</v>
      </c>
      <c r="AN41" s="104">
        <v>153645</v>
      </c>
      <c r="AO41" s="104">
        <v>506551</v>
      </c>
      <c r="AP41" s="104">
        <v>381853</v>
      </c>
      <c r="AQ41" s="104">
        <v>633442</v>
      </c>
      <c r="AR41" s="104">
        <v>687476</v>
      </c>
      <c r="AS41" s="103">
        <v>2362967</v>
      </c>
      <c r="AT41" s="106">
        <v>2362967</v>
      </c>
      <c r="AU41" s="100">
        <v>193120</v>
      </c>
      <c r="AV41" s="104">
        <v>838370</v>
      </c>
      <c r="AW41" s="103">
        <v>1031490</v>
      </c>
      <c r="AX41" s="100">
        <v>0</v>
      </c>
      <c r="AY41" s="104">
        <v>2012136</v>
      </c>
      <c r="AZ41" s="104">
        <v>2884409</v>
      </c>
      <c r="BA41" s="104">
        <v>2065287</v>
      </c>
      <c r="BB41" s="104">
        <v>1386231</v>
      </c>
      <c r="BC41" s="104">
        <v>2204015</v>
      </c>
      <c r="BD41" s="103">
        <v>10552078</v>
      </c>
      <c r="BE41" s="106">
        <v>11583568</v>
      </c>
      <c r="BF41" s="100">
        <v>58202</v>
      </c>
      <c r="BG41" s="104">
        <v>346352</v>
      </c>
      <c r="BH41" s="102">
        <v>404554</v>
      </c>
      <c r="BI41" s="101">
        <v>0</v>
      </c>
      <c r="BJ41" s="104">
        <v>757221</v>
      </c>
      <c r="BK41" s="104">
        <v>574924</v>
      </c>
      <c r="BL41" s="104">
        <v>133434</v>
      </c>
      <c r="BM41" s="104">
        <v>244103</v>
      </c>
      <c r="BN41" s="104">
        <v>214558</v>
      </c>
      <c r="BO41" s="103">
        <v>1924240</v>
      </c>
      <c r="BP41" s="106">
        <v>2328794</v>
      </c>
      <c r="BQ41" s="100">
        <v>46998</v>
      </c>
      <c r="BR41" s="104">
        <v>63810</v>
      </c>
      <c r="BS41" s="103">
        <v>110808</v>
      </c>
      <c r="BT41" s="100">
        <v>0</v>
      </c>
      <c r="BU41" s="104">
        <v>620185</v>
      </c>
      <c r="BV41" s="104">
        <v>1086169</v>
      </c>
      <c r="BW41" s="104">
        <v>1232436</v>
      </c>
      <c r="BX41" s="104">
        <v>775026</v>
      </c>
      <c r="BY41" s="104">
        <v>852353</v>
      </c>
      <c r="BZ41" s="103">
        <v>4566169</v>
      </c>
      <c r="CA41" s="106">
        <v>4676977</v>
      </c>
      <c r="CB41" s="100">
        <v>159316</v>
      </c>
      <c r="CC41" s="104">
        <v>249589</v>
      </c>
      <c r="CD41" s="103">
        <v>408905</v>
      </c>
      <c r="CE41" s="100">
        <v>0</v>
      </c>
      <c r="CF41" s="104">
        <v>6770315</v>
      </c>
      <c r="CG41" s="104">
        <v>10798666</v>
      </c>
      <c r="CH41" s="104">
        <v>5778764</v>
      </c>
      <c r="CI41" s="104">
        <v>3469474</v>
      </c>
      <c r="CJ41" s="104">
        <v>1781616</v>
      </c>
      <c r="CK41" s="103">
        <v>28598835</v>
      </c>
      <c r="CL41" s="106">
        <v>29007740</v>
      </c>
      <c r="CM41" s="100">
        <v>0</v>
      </c>
      <c r="CN41" s="104">
        <v>0</v>
      </c>
      <c r="CO41" s="103">
        <v>0</v>
      </c>
      <c r="CP41" s="101">
        <v>0</v>
      </c>
      <c r="CQ41" s="104">
        <v>5525058</v>
      </c>
      <c r="CR41" s="104">
        <v>8413037</v>
      </c>
      <c r="CS41" s="104">
        <v>4161087</v>
      </c>
      <c r="CT41" s="104">
        <v>2991274</v>
      </c>
      <c r="CU41" s="104">
        <v>1452989</v>
      </c>
      <c r="CV41" s="103">
        <v>22543445</v>
      </c>
      <c r="CW41" s="106">
        <v>22543445</v>
      </c>
      <c r="CX41" s="100">
        <v>159316</v>
      </c>
      <c r="CY41" s="104">
        <v>249589</v>
      </c>
      <c r="CZ41" s="103">
        <v>408905</v>
      </c>
      <c r="DA41" s="100">
        <v>0</v>
      </c>
      <c r="DB41" s="104">
        <v>1245257</v>
      </c>
      <c r="DC41" s="104">
        <v>2385629</v>
      </c>
      <c r="DD41" s="104">
        <v>1617677</v>
      </c>
      <c r="DE41" s="104">
        <v>478200</v>
      </c>
      <c r="DF41" s="104">
        <v>328627</v>
      </c>
      <c r="DG41" s="103">
        <v>6055390</v>
      </c>
      <c r="DH41" s="106">
        <v>6464295</v>
      </c>
      <c r="DI41" s="100">
        <v>0</v>
      </c>
      <c r="DJ41" s="104">
        <v>32814</v>
      </c>
      <c r="DK41" s="102">
        <v>32814</v>
      </c>
      <c r="DL41" s="101">
        <v>0</v>
      </c>
      <c r="DM41" s="104">
        <v>674068</v>
      </c>
      <c r="DN41" s="104">
        <v>1322437</v>
      </c>
      <c r="DO41" s="104">
        <v>2479646</v>
      </c>
      <c r="DP41" s="104">
        <v>2882075</v>
      </c>
      <c r="DQ41" s="104">
        <v>1123072</v>
      </c>
      <c r="DR41" s="103">
        <v>8481298</v>
      </c>
      <c r="DS41" s="106">
        <v>8514112</v>
      </c>
      <c r="DT41" s="100">
        <v>0</v>
      </c>
      <c r="DU41" s="104">
        <v>32814</v>
      </c>
      <c r="DV41" s="103">
        <v>32814</v>
      </c>
      <c r="DW41" s="100">
        <v>0</v>
      </c>
      <c r="DX41" s="104">
        <v>628821</v>
      </c>
      <c r="DY41" s="104">
        <v>1297891</v>
      </c>
      <c r="DZ41" s="104">
        <v>2479646</v>
      </c>
      <c r="EA41" s="104">
        <v>2831573</v>
      </c>
      <c r="EB41" s="104">
        <v>1123072</v>
      </c>
      <c r="EC41" s="103">
        <v>8361003</v>
      </c>
      <c r="ED41" s="106">
        <v>8393817</v>
      </c>
      <c r="EE41" s="100">
        <v>0</v>
      </c>
      <c r="EF41" s="102">
        <v>0</v>
      </c>
      <c r="EG41" s="103">
        <v>0</v>
      </c>
      <c r="EH41" s="100">
        <v>0</v>
      </c>
      <c r="EI41" s="104">
        <v>45247</v>
      </c>
      <c r="EJ41" s="104">
        <v>24546</v>
      </c>
      <c r="EK41" s="104">
        <v>0</v>
      </c>
      <c r="EL41" s="104">
        <v>50502</v>
      </c>
      <c r="EM41" s="104">
        <v>0</v>
      </c>
      <c r="EN41" s="102">
        <v>120295</v>
      </c>
      <c r="EO41" s="106">
        <v>120295</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2"/>
      <c r="FE41" s="104">
        <v>0</v>
      </c>
      <c r="FF41" s="104">
        <v>0</v>
      </c>
      <c r="FG41" s="104">
        <v>0</v>
      </c>
      <c r="FH41" s="104">
        <v>0</v>
      </c>
      <c r="FI41" s="104">
        <v>0</v>
      </c>
      <c r="FJ41" s="103">
        <v>0</v>
      </c>
      <c r="FK41" s="106">
        <v>0</v>
      </c>
      <c r="FL41" s="100">
        <v>531032</v>
      </c>
      <c r="FM41" s="104">
        <v>1004828</v>
      </c>
      <c r="FN41" s="103">
        <v>1535860</v>
      </c>
      <c r="FO41" s="100">
        <v>0</v>
      </c>
      <c r="FP41" s="104">
        <v>2242898</v>
      </c>
      <c r="FQ41" s="104">
        <v>2707364</v>
      </c>
      <c r="FR41" s="104">
        <v>2108988</v>
      </c>
      <c r="FS41" s="104">
        <v>1688899</v>
      </c>
      <c r="FT41" s="104">
        <v>1225619</v>
      </c>
      <c r="FU41" s="103">
        <v>9973768</v>
      </c>
      <c r="FV41" s="106">
        <v>11509628</v>
      </c>
      <c r="FW41" s="105">
        <v>200732</v>
      </c>
      <c r="FX41" s="104">
        <v>783428</v>
      </c>
      <c r="FY41" s="102">
        <v>984160</v>
      </c>
      <c r="FZ41" s="101">
        <v>0</v>
      </c>
      <c r="GA41" s="104">
        <v>1639035</v>
      </c>
      <c r="GB41" s="104">
        <v>2664764</v>
      </c>
      <c r="GC41" s="104">
        <v>1835154</v>
      </c>
      <c r="GD41" s="104">
        <v>1688899</v>
      </c>
      <c r="GE41" s="104">
        <v>1225619</v>
      </c>
      <c r="GF41" s="103">
        <v>9053471</v>
      </c>
      <c r="GG41" s="294">
        <v>10037631</v>
      </c>
      <c r="GH41" s="105">
        <v>0</v>
      </c>
      <c r="GI41" s="104">
        <v>54900</v>
      </c>
      <c r="GJ41" s="102">
        <v>54900</v>
      </c>
      <c r="GK41" s="101">
        <v>0</v>
      </c>
      <c r="GL41" s="104">
        <v>98280</v>
      </c>
      <c r="GM41" s="104">
        <v>21000</v>
      </c>
      <c r="GN41" s="104">
        <v>17424</v>
      </c>
      <c r="GO41" s="104">
        <v>0</v>
      </c>
      <c r="GP41" s="104">
        <v>0</v>
      </c>
      <c r="GQ41" s="103">
        <v>136704</v>
      </c>
      <c r="GR41" s="106">
        <v>191604</v>
      </c>
      <c r="GS41" s="100">
        <v>330300</v>
      </c>
      <c r="GT41" s="104">
        <v>166500</v>
      </c>
      <c r="GU41" s="103">
        <v>496800</v>
      </c>
      <c r="GV41" s="100">
        <v>0</v>
      </c>
      <c r="GW41" s="104">
        <v>505583</v>
      </c>
      <c r="GX41" s="104">
        <v>21600</v>
      </c>
      <c r="GY41" s="104">
        <v>256410</v>
      </c>
      <c r="GZ41" s="104">
        <v>0</v>
      </c>
      <c r="HA41" s="104">
        <v>0</v>
      </c>
      <c r="HB41" s="102">
        <v>783593</v>
      </c>
      <c r="HC41" s="106">
        <v>1280393</v>
      </c>
      <c r="HD41" s="100">
        <v>154502</v>
      </c>
      <c r="HE41" s="104">
        <v>100962</v>
      </c>
      <c r="HF41" s="102">
        <v>255464</v>
      </c>
      <c r="HG41" s="101">
        <v>0</v>
      </c>
      <c r="HH41" s="104">
        <v>2219648</v>
      </c>
      <c r="HI41" s="104">
        <v>1957381</v>
      </c>
      <c r="HJ41" s="104">
        <v>3661458</v>
      </c>
      <c r="HK41" s="104">
        <v>1757028</v>
      </c>
      <c r="HL41" s="104">
        <v>563172</v>
      </c>
      <c r="HM41" s="103">
        <v>10158687</v>
      </c>
      <c r="HN41" s="99">
        <v>10414151</v>
      </c>
      <c r="HO41" s="105">
        <v>201559</v>
      </c>
      <c r="HP41" s="104">
        <v>634344</v>
      </c>
      <c r="HQ41" s="103">
        <v>835903</v>
      </c>
      <c r="HR41" s="100">
        <v>0</v>
      </c>
      <c r="HS41" s="104">
        <v>3848495</v>
      </c>
      <c r="HT41" s="104">
        <v>3505027</v>
      </c>
      <c r="HU41" s="104">
        <v>2418070</v>
      </c>
      <c r="HV41" s="104">
        <v>1687779</v>
      </c>
      <c r="HW41" s="104">
        <v>1144534</v>
      </c>
      <c r="HX41" s="102">
        <v>12603905</v>
      </c>
      <c r="HY41" s="106">
        <v>13439808</v>
      </c>
      <c r="HZ41" s="118">
        <v>0</v>
      </c>
      <c r="IA41" s="119">
        <v>263131</v>
      </c>
      <c r="IB41" s="120">
        <v>263131</v>
      </c>
      <c r="IC41" s="133">
        <v>0</v>
      </c>
      <c r="ID41" s="119">
        <v>5459292</v>
      </c>
      <c r="IE41" s="134">
        <v>9117657</v>
      </c>
      <c r="IF41" s="120">
        <v>10266064</v>
      </c>
      <c r="IG41" s="119">
        <v>5058541</v>
      </c>
      <c r="IH41" s="120">
        <v>4645435</v>
      </c>
      <c r="II41" s="135">
        <v>34546989</v>
      </c>
      <c r="IJ41" s="126">
        <v>34810120</v>
      </c>
      <c r="IK41" s="219">
        <v>0</v>
      </c>
      <c r="IL41" s="223">
        <v>0</v>
      </c>
      <c r="IM41" s="224">
        <v>0</v>
      </c>
      <c r="IN41" s="127"/>
      <c r="IO41" s="109">
        <v>0</v>
      </c>
      <c r="IP41" s="109">
        <v>108954</v>
      </c>
      <c r="IQ41" s="109">
        <v>0</v>
      </c>
      <c r="IR41" s="109">
        <v>0</v>
      </c>
      <c r="IS41" s="109">
        <v>0</v>
      </c>
      <c r="IT41" s="128">
        <v>108954</v>
      </c>
      <c r="IU41" s="296">
        <v>108954</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3041443</v>
      </c>
      <c r="JL41" s="109">
        <v>2356768</v>
      </c>
      <c r="JM41" s="109">
        <v>3961836</v>
      </c>
      <c r="JN41" s="109">
        <v>1396099</v>
      </c>
      <c r="JO41" s="109">
        <v>2719679</v>
      </c>
      <c r="JP41" s="110">
        <v>13475825</v>
      </c>
      <c r="JQ41" s="296">
        <v>13475825</v>
      </c>
      <c r="JR41" s="129">
        <v>0</v>
      </c>
      <c r="JS41" s="109">
        <v>0</v>
      </c>
      <c r="JT41" s="128">
        <v>0</v>
      </c>
      <c r="JU41" s="108">
        <v>0</v>
      </c>
      <c r="JV41" s="109">
        <v>0</v>
      </c>
      <c r="JW41" s="109">
        <v>0</v>
      </c>
      <c r="JX41" s="109">
        <v>0</v>
      </c>
      <c r="JY41" s="109">
        <v>0</v>
      </c>
      <c r="JZ41" s="109">
        <v>0</v>
      </c>
      <c r="KA41" s="110">
        <v>0</v>
      </c>
      <c r="KB41" s="296">
        <v>0</v>
      </c>
      <c r="KC41" s="221">
        <v>0</v>
      </c>
      <c r="KD41" s="217">
        <v>263131</v>
      </c>
      <c r="KE41" s="110">
        <v>263131</v>
      </c>
      <c r="KF41" s="108">
        <v>0</v>
      </c>
      <c r="KG41" s="109">
        <v>1126734</v>
      </c>
      <c r="KH41" s="109">
        <v>2546034</v>
      </c>
      <c r="KI41" s="109">
        <v>1971736</v>
      </c>
      <c r="KJ41" s="109">
        <v>841702</v>
      </c>
      <c r="KK41" s="109">
        <v>301941</v>
      </c>
      <c r="KL41" s="110">
        <v>6788147</v>
      </c>
      <c r="KM41" s="130">
        <v>7051278</v>
      </c>
      <c r="KN41" s="219">
        <v>0</v>
      </c>
      <c r="KO41" s="223">
        <v>0</v>
      </c>
      <c r="KP41" s="224">
        <v>0</v>
      </c>
      <c r="KQ41" s="127"/>
      <c r="KR41" s="109">
        <v>1291115</v>
      </c>
      <c r="KS41" s="109">
        <v>4105901</v>
      </c>
      <c r="KT41" s="109">
        <v>4332492</v>
      </c>
      <c r="KU41" s="109">
        <v>2513013</v>
      </c>
      <c r="KV41" s="109">
        <v>1623815</v>
      </c>
      <c r="KW41" s="110">
        <v>13866336</v>
      </c>
      <c r="KX41" s="296">
        <v>13866336</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6">
        <v>0</v>
      </c>
      <c r="LU41" s="129">
        <v>0</v>
      </c>
      <c r="LV41" s="109">
        <v>0</v>
      </c>
      <c r="LW41" s="110">
        <v>0</v>
      </c>
      <c r="LX41" s="132"/>
      <c r="LY41" s="109">
        <v>0</v>
      </c>
      <c r="LZ41" s="109">
        <v>0</v>
      </c>
      <c r="MA41" s="109">
        <v>0</v>
      </c>
      <c r="MB41" s="109">
        <v>307727</v>
      </c>
      <c r="MC41" s="109">
        <v>0</v>
      </c>
      <c r="MD41" s="110">
        <v>307727</v>
      </c>
      <c r="ME41" s="111">
        <v>307727</v>
      </c>
      <c r="MF41" s="129">
        <v>0</v>
      </c>
      <c r="MG41" s="109">
        <v>0</v>
      </c>
      <c r="MH41" s="110">
        <v>0</v>
      </c>
      <c r="MI41" s="132"/>
      <c r="MJ41" s="109">
        <v>3570944</v>
      </c>
      <c r="MK41" s="109">
        <v>6698994</v>
      </c>
      <c r="ML41" s="109">
        <v>24767775</v>
      </c>
      <c r="MM41" s="109">
        <v>41433815</v>
      </c>
      <c r="MN41" s="109">
        <v>28113971</v>
      </c>
      <c r="MO41" s="110">
        <v>104585499</v>
      </c>
      <c r="MP41" s="130">
        <v>104585499</v>
      </c>
      <c r="MQ41" s="129">
        <v>0</v>
      </c>
      <c r="MR41" s="109">
        <v>0</v>
      </c>
      <c r="MS41" s="110">
        <v>0</v>
      </c>
      <c r="MT41" s="132"/>
      <c r="MU41" s="109">
        <v>0</v>
      </c>
      <c r="MV41" s="109">
        <v>1226333</v>
      </c>
      <c r="MW41" s="109">
        <v>15258748</v>
      </c>
      <c r="MX41" s="109">
        <v>22988046</v>
      </c>
      <c r="MY41" s="109">
        <v>21423737</v>
      </c>
      <c r="MZ41" s="110">
        <v>60896864</v>
      </c>
      <c r="NA41" s="130">
        <v>60896864</v>
      </c>
      <c r="NB41" s="129">
        <v>0</v>
      </c>
      <c r="NC41" s="109">
        <v>0</v>
      </c>
      <c r="ND41" s="110">
        <v>0</v>
      </c>
      <c r="NE41" s="132"/>
      <c r="NF41" s="109">
        <v>3570944</v>
      </c>
      <c r="NG41" s="109">
        <v>5472661</v>
      </c>
      <c r="NH41" s="109">
        <v>9509027</v>
      </c>
      <c r="NI41" s="109">
        <v>15510002</v>
      </c>
      <c r="NJ41" s="109">
        <v>6114354</v>
      </c>
      <c r="NK41" s="110">
        <v>40176988</v>
      </c>
      <c r="NL41" s="296">
        <v>40176988</v>
      </c>
      <c r="NM41" s="129">
        <v>0</v>
      </c>
      <c r="NN41" s="109">
        <v>0</v>
      </c>
      <c r="NO41" s="110">
        <v>0</v>
      </c>
      <c r="NP41" s="132"/>
      <c r="NQ41" s="109">
        <v>0</v>
      </c>
      <c r="NR41" s="109">
        <v>0</v>
      </c>
      <c r="NS41" s="109">
        <v>0</v>
      </c>
      <c r="NT41" s="109">
        <v>394579</v>
      </c>
      <c r="NU41" s="109">
        <v>45167</v>
      </c>
      <c r="NV41" s="110">
        <v>439746</v>
      </c>
      <c r="NW41" s="111">
        <v>439746</v>
      </c>
      <c r="NX41" s="129">
        <v>0</v>
      </c>
      <c r="NY41" s="109">
        <v>0</v>
      </c>
      <c r="NZ41" s="110">
        <v>0</v>
      </c>
      <c r="OA41" s="132"/>
      <c r="OB41" s="109">
        <v>0</v>
      </c>
      <c r="OC41" s="109">
        <v>0</v>
      </c>
      <c r="OD41" s="109">
        <v>0</v>
      </c>
      <c r="OE41" s="109">
        <v>2541188</v>
      </c>
      <c r="OF41" s="109">
        <v>530713</v>
      </c>
      <c r="OG41" s="110">
        <v>3071901</v>
      </c>
      <c r="OH41" s="111">
        <v>3071901</v>
      </c>
      <c r="OI41" s="129">
        <v>1344729</v>
      </c>
      <c r="OJ41" s="109">
        <v>3534200</v>
      </c>
      <c r="OK41" s="128">
        <v>4878929</v>
      </c>
      <c r="OL41" s="108">
        <v>0</v>
      </c>
      <c r="OM41" s="109">
        <v>30472380</v>
      </c>
      <c r="ON41" s="109">
        <v>45344535</v>
      </c>
      <c r="OO41" s="109">
        <v>59668755</v>
      </c>
      <c r="OP41" s="109">
        <v>65155855</v>
      </c>
      <c r="OQ41" s="109">
        <v>48855484</v>
      </c>
      <c r="OR41" s="110">
        <v>249497009</v>
      </c>
      <c r="OS41" s="130">
        <v>254375938</v>
      </c>
    </row>
    <row r="42" spans="2:409" ht="21" customHeight="1" thickBot="1" x14ac:dyDescent="0.25">
      <c r="B42" s="469" t="s">
        <v>37</v>
      </c>
      <c r="C42" s="107">
        <v>360147</v>
      </c>
      <c r="D42" s="165">
        <v>30148</v>
      </c>
      <c r="E42" s="166">
        <v>390295</v>
      </c>
      <c r="F42" s="167">
        <v>0</v>
      </c>
      <c r="G42" s="165">
        <v>1722656</v>
      </c>
      <c r="H42" s="165">
        <v>1804820</v>
      </c>
      <c r="I42" s="165">
        <v>1984578</v>
      </c>
      <c r="J42" s="165">
        <v>2313295</v>
      </c>
      <c r="K42" s="165">
        <v>1107788</v>
      </c>
      <c r="L42" s="167">
        <v>8933137</v>
      </c>
      <c r="M42" s="168">
        <v>9323432</v>
      </c>
      <c r="N42" s="107">
        <v>91945</v>
      </c>
      <c r="O42" s="165">
        <v>4390</v>
      </c>
      <c r="P42" s="166">
        <v>96335</v>
      </c>
      <c r="Q42" s="107">
        <v>0</v>
      </c>
      <c r="R42" s="165">
        <v>356028</v>
      </c>
      <c r="S42" s="165">
        <v>401708</v>
      </c>
      <c r="T42" s="165">
        <v>316756</v>
      </c>
      <c r="U42" s="165">
        <v>572802</v>
      </c>
      <c r="V42" s="165">
        <v>535342</v>
      </c>
      <c r="W42" s="166">
        <v>2182636</v>
      </c>
      <c r="X42" s="168">
        <v>2278971</v>
      </c>
      <c r="Y42" s="107">
        <v>0</v>
      </c>
      <c r="Z42" s="165">
        <v>0</v>
      </c>
      <c r="AA42" s="166">
        <v>0</v>
      </c>
      <c r="AB42" s="107">
        <v>0</v>
      </c>
      <c r="AC42" s="165">
        <v>129634</v>
      </c>
      <c r="AD42" s="165">
        <v>190765</v>
      </c>
      <c r="AE42" s="165">
        <v>214021</v>
      </c>
      <c r="AF42" s="165">
        <v>197635</v>
      </c>
      <c r="AG42" s="165">
        <v>255298</v>
      </c>
      <c r="AH42" s="166">
        <v>987353</v>
      </c>
      <c r="AI42" s="168">
        <v>987353</v>
      </c>
      <c r="AJ42" s="107">
        <v>0</v>
      </c>
      <c r="AK42" s="165">
        <v>0</v>
      </c>
      <c r="AL42" s="166">
        <v>0</v>
      </c>
      <c r="AM42" s="107">
        <v>0</v>
      </c>
      <c r="AN42" s="165">
        <v>0</v>
      </c>
      <c r="AO42" s="165">
        <v>0</v>
      </c>
      <c r="AP42" s="165">
        <v>0</v>
      </c>
      <c r="AQ42" s="165">
        <v>0</v>
      </c>
      <c r="AR42" s="165">
        <v>0</v>
      </c>
      <c r="AS42" s="166">
        <v>0</v>
      </c>
      <c r="AT42" s="168">
        <v>0</v>
      </c>
      <c r="AU42" s="107">
        <v>62119</v>
      </c>
      <c r="AV42" s="165">
        <v>4390</v>
      </c>
      <c r="AW42" s="166">
        <v>66509</v>
      </c>
      <c r="AX42" s="107">
        <v>0</v>
      </c>
      <c r="AY42" s="165">
        <v>197495</v>
      </c>
      <c r="AZ42" s="165">
        <v>184024</v>
      </c>
      <c r="BA42" s="165">
        <v>24174</v>
      </c>
      <c r="BB42" s="165">
        <v>210651</v>
      </c>
      <c r="BC42" s="165">
        <v>173227</v>
      </c>
      <c r="BD42" s="166">
        <v>789571</v>
      </c>
      <c r="BE42" s="168">
        <v>856080</v>
      </c>
      <c r="BF42" s="107">
        <v>0</v>
      </c>
      <c r="BG42" s="165">
        <v>0</v>
      </c>
      <c r="BH42" s="170">
        <v>0</v>
      </c>
      <c r="BI42" s="169">
        <v>0</v>
      </c>
      <c r="BJ42" s="165">
        <v>0</v>
      </c>
      <c r="BK42" s="165">
        <v>16902</v>
      </c>
      <c r="BL42" s="165">
        <v>0</v>
      </c>
      <c r="BM42" s="165">
        <v>22871</v>
      </c>
      <c r="BN42" s="165">
        <v>26719</v>
      </c>
      <c r="BO42" s="166">
        <v>66492</v>
      </c>
      <c r="BP42" s="168">
        <v>66492</v>
      </c>
      <c r="BQ42" s="107">
        <v>29826</v>
      </c>
      <c r="BR42" s="165">
        <v>0</v>
      </c>
      <c r="BS42" s="166">
        <v>29826</v>
      </c>
      <c r="BT42" s="107">
        <v>0</v>
      </c>
      <c r="BU42" s="165">
        <v>28899</v>
      </c>
      <c r="BV42" s="165">
        <v>10017</v>
      </c>
      <c r="BW42" s="165">
        <v>78561</v>
      </c>
      <c r="BX42" s="165">
        <v>141645</v>
      </c>
      <c r="BY42" s="165">
        <v>80098</v>
      </c>
      <c r="BZ42" s="166">
        <v>339220</v>
      </c>
      <c r="CA42" s="168">
        <v>369046</v>
      </c>
      <c r="CB42" s="107">
        <v>69410</v>
      </c>
      <c r="CC42" s="165">
        <v>0</v>
      </c>
      <c r="CD42" s="166">
        <v>69410</v>
      </c>
      <c r="CE42" s="107">
        <v>0</v>
      </c>
      <c r="CF42" s="165">
        <v>777118</v>
      </c>
      <c r="CG42" s="165">
        <v>694608</v>
      </c>
      <c r="CH42" s="165">
        <v>876993</v>
      </c>
      <c r="CI42" s="165">
        <v>857862</v>
      </c>
      <c r="CJ42" s="165">
        <v>319431</v>
      </c>
      <c r="CK42" s="166">
        <v>3526012</v>
      </c>
      <c r="CL42" s="168">
        <v>3595422</v>
      </c>
      <c r="CM42" s="107">
        <v>0</v>
      </c>
      <c r="CN42" s="165">
        <v>0</v>
      </c>
      <c r="CO42" s="166">
        <v>0</v>
      </c>
      <c r="CP42" s="169">
        <v>0</v>
      </c>
      <c r="CQ42" s="165">
        <v>498359</v>
      </c>
      <c r="CR42" s="165">
        <v>449005</v>
      </c>
      <c r="CS42" s="165">
        <v>876993</v>
      </c>
      <c r="CT42" s="165">
        <v>441457</v>
      </c>
      <c r="CU42" s="165">
        <v>84159</v>
      </c>
      <c r="CV42" s="166">
        <v>2349973</v>
      </c>
      <c r="CW42" s="168">
        <v>2349973</v>
      </c>
      <c r="CX42" s="107">
        <v>69410</v>
      </c>
      <c r="CY42" s="165">
        <v>0</v>
      </c>
      <c r="CZ42" s="166">
        <v>69410</v>
      </c>
      <c r="DA42" s="107">
        <v>0</v>
      </c>
      <c r="DB42" s="165">
        <v>278759</v>
      </c>
      <c r="DC42" s="165">
        <v>245603</v>
      </c>
      <c r="DD42" s="165">
        <v>0</v>
      </c>
      <c r="DE42" s="165">
        <v>416405</v>
      </c>
      <c r="DF42" s="165">
        <v>235272</v>
      </c>
      <c r="DG42" s="166">
        <v>1176039</v>
      </c>
      <c r="DH42" s="168">
        <v>1245449</v>
      </c>
      <c r="DI42" s="107">
        <v>0</v>
      </c>
      <c r="DJ42" s="165">
        <v>0</v>
      </c>
      <c r="DK42" s="170">
        <v>0</v>
      </c>
      <c r="DL42" s="169">
        <v>0</v>
      </c>
      <c r="DM42" s="165">
        <v>34911</v>
      </c>
      <c r="DN42" s="165">
        <v>75060</v>
      </c>
      <c r="DO42" s="165">
        <v>186928</v>
      </c>
      <c r="DP42" s="165">
        <v>218787</v>
      </c>
      <c r="DQ42" s="165">
        <v>44754</v>
      </c>
      <c r="DR42" s="166">
        <v>560440</v>
      </c>
      <c r="DS42" s="168">
        <v>560440</v>
      </c>
      <c r="DT42" s="107">
        <v>0</v>
      </c>
      <c r="DU42" s="165">
        <v>0</v>
      </c>
      <c r="DV42" s="166">
        <v>0</v>
      </c>
      <c r="DW42" s="107">
        <v>0</v>
      </c>
      <c r="DX42" s="165">
        <v>34911</v>
      </c>
      <c r="DY42" s="165">
        <v>75060</v>
      </c>
      <c r="DZ42" s="165">
        <v>186928</v>
      </c>
      <c r="EA42" s="165">
        <v>153714</v>
      </c>
      <c r="EB42" s="165">
        <v>0</v>
      </c>
      <c r="EC42" s="166">
        <v>450613</v>
      </c>
      <c r="ED42" s="168">
        <v>450613</v>
      </c>
      <c r="EE42" s="107">
        <v>0</v>
      </c>
      <c r="EF42" s="170">
        <v>0</v>
      </c>
      <c r="EG42" s="166">
        <v>0</v>
      </c>
      <c r="EH42" s="107">
        <v>0</v>
      </c>
      <c r="EI42" s="165">
        <v>0</v>
      </c>
      <c r="EJ42" s="165">
        <v>0</v>
      </c>
      <c r="EK42" s="165">
        <v>0</v>
      </c>
      <c r="EL42" s="165">
        <v>65073</v>
      </c>
      <c r="EM42" s="165">
        <v>44754</v>
      </c>
      <c r="EN42" s="170">
        <v>109827</v>
      </c>
      <c r="EO42" s="168">
        <v>109827</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3"/>
      <c r="FE42" s="165">
        <v>0</v>
      </c>
      <c r="FF42" s="165">
        <v>0</v>
      </c>
      <c r="FG42" s="165">
        <v>0</v>
      </c>
      <c r="FH42" s="165">
        <v>0</v>
      </c>
      <c r="FI42" s="165">
        <v>0</v>
      </c>
      <c r="FJ42" s="166">
        <v>0</v>
      </c>
      <c r="FK42" s="168">
        <v>0</v>
      </c>
      <c r="FL42" s="107">
        <v>107532</v>
      </c>
      <c r="FM42" s="165">
        <v>16632</v>
      </c>
      <c r="FN42" s="166">
        <v>124164</v>
      </c>
      <c r="FO42" s="107">
        <v>0</v>
      </c>
      <c r="FP42" s="165">
        <v>147522</v>
      </c>
      <c r="FQ42" s="165">
        <v>329229</v>
      </c>
      <c r="FR42" s="165">
        <v>335095</v>
      </c>
      <c r="FS42" s="165">
        <v>230549</v>
      </c>
      <c r="FT42" s="165">
        <v>102110</v>
      </c>
      <c r="FU42" s="166">
        <v>1144505</v>
      </c>
      <c r="FV42" s="168">
        <v>1268669</v>
      </c>
      <c r="FW42" s="171">
        <v>107532</v>
      </c>
      <c r="FX42" s="165">
        <v>16632</v>
      </c>
      <c r="FY42" s="170">
        <v>124164</v>
      </c>
      <c r="FZ42" s="169">
        <v>0</v>
      </c>
      <c r="GA42" s="165">
        <v>147522</v>
      </c>
      <c r="GB42" s="165">
        <v>329229</v>
      </c>
      <c r="GC42" s="165">
        <v>175095</v>
      </c>
      <c r="GD42" s="165">
        <v>212342</v>
      </c>
      <c r="GE42" s="165">
        <v>102110</v>
      </c>
      <c r="GF42" s="166">
        <v>966298</v>
      </c>
      <c r="GG42" s="295">
        <v>1090462</v>
      </c>
      <c r="GH42" s="171">
        <v>0</v>
      </c>
      <c r="GI42" s="165">
        <v>0</v>
      </c>
      <c r="GJ42" s="170">
        <v>0</v>
      </c>
      <c r="GK42" s="169">
        <v>0</v>
      </c>
      <c r="GL42" s="165">
        <v>0</v>
      </c>
      <c r="GM42" s="165">
        <v>0</v>
      </c>
      <c r="GN42" s="165">
        <v>0</v>
      </c>
      <c r="GO42" s="165">
        <v>18207</v>
      </c>
      <c r="GP42" s="165">
        <v>0</v>
      </c>
      <c r="GQ42" s="166">
        <v>18207</v>
      </c>
      <c r="GR42" s="168">
        <v>18207</v>
      </c>
      <c r="GS42" s="107">
        <v>0</v>
      </c>
      <c r="GT42" s="165">
        <v>0</v>
      </c>
      <c r="GU42" s="166">
        <v>0</v>
      </c>
      <c r="GV42" s="107">
        <v>0</v>
      </c>
      <c r="GW42" s="165">
        <v>0</v>
      </c>
      <c r="GX42" s="165">
        <v>0</v>
      </c>
      <c r="GY42" s="165">
        <v>160000</v>
      </c>
      <c r="GZ42" s="165">
        <v>0</v>
      </c>
      <c r="HA42" s="165">
        <v>0</v>
      </c>
      <c r="HB42" s="170">
        <v>160000</v>
      </c>
      <c r="HC42" s="168">
        <v>160000</v>
      </c>
      <c r="HD42" s="107">
        <v>0</v>
      </c>
      <c r="HE42" s="165">
        <v>0</v>
      </c>
      <c r="HF42" s="170">
        <v>0</v>
      </c>
      <c r="HG42" s="169">
        <v>0</v>
      </c>
      <c r="HH42" s="165">
        <v>0</v>
      </c>
      <c r="HI42" s="165">
        <v>0</v>
      </c>
      <c r="HJ42" s="165">
        <v>0</v>
      </c>
      <c r="HK42" s="165">
        <v>180256</v>
      </c>
      <c r="HL42" s="165">
        <v>0</v>
      </c>
      <c r="HM42" s="166">
        <v>180256</v>
      </c>
      <c r="HN42" s="167">
        <v>180256</v>
      </c>
      <c r="HO42" s="171">
        <v>91260</v>
      </c>
      <c r="HP42" s="165">
        <v>9126</v>
      </c>
      <c r="HQ42" s="166">
        <v>100386</v>
      </c>
      <c r="HR42" s="107">
        <v>0</v>
      </c>
      <c r="HS42" s="165">
        <v>407077</v>
      </c>
      <c r="HT42" s="165">
        <v>304215</v>
      </c>
      <c r="HU42" s="165">
        <v>268806</v>
      </c>
      <c r="HV42" s="165">
        <v>253039</v>
      </c>
      <c r="HW42" s="165">
        <v>106151</v>
      </c>
      <c r="HX42" s="170">
        <v>1339288</v>
      </c>
      <c r="HY42" s="168">
        <v>1439674</v>
      </c>
      <c r="HZ42" s="138">
        <v>0</v>
      </c>
      <c r="IA42" s="139">
        <v>0</v>
      </c>
      <c r="IB42" s="140">
        <v>0</v>
      </c>
      <c r="IC42" s="141">
        <v>0</v>
      </c>
      <c r="ID42" s="142">
        <v>1228540</v>
      </c>
      <c r="IE42" s="143">
        <v>530570</v>
      </c>
      <c r="IF42" s="144">
        <v>1581727</v>
      </c>
      <c r="IG42" s="142">
        <v>1243552</v>
      </c>
      <c r="IH42" s="144">
        <v>837576</v>
      </c>
      <c r="II42" s="145">
        <v>5421965</v>
      </c>
      <c r="IJ42" s="146">
        <v>5421965</v>
      </c>
      <c r="IK42" s="220">
        <v>0</v>
      </c>
      <c r="IL42" s="225">
        <v>0</v>
      </c>
      <c r="IM42" s="226">
        <v>0</v>
      </c>
      <c r="IN42" s="147"/>
      <c r="IO42" s="148">
        <v>0</v>
      </c>
      <c r="IP42" s="148">
        <v>0</v>
      </c>
      <c r="IQ42" s="148">
        <v>0</v>
      </c>
      <c r="IR42" s="148">
        <v>223127</v>
      </c>
      <c r="IS42" s="148">
        <v>0</v>
      </c>
      <c r="IT42" s="149">
        <v>223127</v>
      </c>
      <c r="IU42" s="297">
        <v>223127</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974026</v>
      </c>
      <c r="JL42" s="148">
        <v>530570</v>
      </c>
      <c r="JM42" s="148">
        <v>761395</v>
      </c>
      <c r="JN42" s="148">
        <v>34281</v>
      </c>
      <c r="JO42" s="148">
        <v>298762</v>
      </c>
      <c r="JP42" s="152">
        <v>2599034</v>
      </c>
      <c r="JQ42" s="297">
        <v>2599034</v>
      </c>
      <c r="JR42" s="150">
        <v>0</v>
      </c>
      <c r="JS42" s="148">
        <v>0</v>
      </c>
      <c r="JT42" s="149">
        <v>0</v>
      </c>
      <c r="JU42" s="151">
        <v>0</v>
      </c>
      <c r="JV42" s="148">
        <v>0</v>
      </c>
      <c r="JW42" s="148">
        <v>0</v>
      </c>
      <c r="JX42" s="148">
        <v>0</v>
      </c>
      <c r="JY42" s="148">
        <v>150395</v>
      </c>
      <c r="JZ42" s="148">
        <v>254777</v>
      </c>
      <c r="KA42" s="152">
        <v>405172</v>
      </c>
      <c r="KB42" s="297">
        <v>405172</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54514</v>
      </c>
      <c r="KS42" s="148">
        <v>0</v>
      </c>
      <c r="KT42" s="148">
        <v>820332</v>
      </c>
      <c r="KU42" s="148">
        <v>835749</v>
      </c>
      <c r="KV42" s="148">
        <v>284037</v>
      </c>
      <c r="KW42" s="152">
        <v>2194632</v>
      </c>
      <c r="KX42" s="297">
        <v>2194632</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7">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496041</v>
      </c>
      <c r="MK42" s="148">
        <v>1129400</v>
      </c>
      <c r="ML42" s="148">
        <v>4181970</v>
      </c>
      <c r="MM42" s="148">
        <v>2895898</v>
      </c>
      <c r="MN42" s="148">
        <v>2807014</v>
      </c>
      <c r="MO42" s="152">
        <v>11510323</v>
      </c>
      <c r="MP42" s="154">
        <v>11510323</v>
      </c>
      <c r="MQ42" s="150">
        <v>0</v>
      </c>
      <c r="MR42" s="148">
        <v>0</v>
      </c>
      <c r="MS42" s="152">
        <v>0</v>
      </c>
      <c r="MT42" s="156"/>
      <c r="MU42" s="148">
        <v>0</v>
      </c>
      <c r="MV42" s="148">
        <v>0</v>
      </c>
      <c r="MW42" s="148">
        <v>1551389</v>
      </c>
      <c r="MX42" s="148">
        <v>2550817</v>
      </c>
      <c r="MY42" s="148">
        <v>1829833</v>
      </c>
      <c r="MZ42" s="152">
        <v>5932039</v>
      </c>
      <c r="NA42" s="154">
        <v>5932039</v>
      </c>
      <c r="NB42" s="150">
        <v>0</v>
      </c>
      <c r="NC42" s="148">
        <v>0</v>
      </c>
      <c r="ND42" s="152">
        <v>0</v>
      </c>
      <c r="NE42" s="156"/>
      <c r="NF42" s="148">
        <v>496041</v>
      </c>
      <c r="NG42" s="148">
        <v>1129400</v>
      </c>
      <c r="NH42" s="148">
        <v>2630581</v>
      </c>
      <c r="NI42" s="148">
        <v>345081</v>
      </c>
      <c r="NJ42" s="148">
        <v>977181</v>
      </c>
      <c r="NK42" s="152">
        <v>5578284</v>
      </c>
      <c r="NL42" s="297">
        <v>5578284</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360147</v>
      </c>
      <c r="OJ42" s="148">
        <v>30148</v>
      </c>
      <c r="OK42" s="149">
        <v>390295</v>
      </c>
      <c r="OL42" s="151">
        <v>0</v>
      </c>
      <c r="OM42" s="148">
        <v>3447237</v>
      </c>
      <c r="ON42" s="148">
        <v>3464790</v>
      </c>
      <c r="OO42" s="148">
        <v>7748275</v>
      </c>
      <c r="OP42" s="148">
        <v>6452745</v>
      </c>
      <c r="OQ42" s="148">
        <v>4752378</v>
      </c>
      <c r="OR42" s="152">
        <v>25865425</v>
      </c>
      <c r="OS42" s="154">
        <v>26255720</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0" customWidth="1"/>
    <col min="83" max="83" width="7.6640625" style="300" customWidth="1"/>
    <col min="84" max="84" width="9.88671875" style="300" customWidth="1"/>
    <col min="85" max="85" width="10" style="300" customWidth="1"/>
    <col min="86" max="86" width="9.77734375" style="300" customWidth="1"/>
    <col min="87" max="87" width="9.21875" style="300" customWidth="1"/>
    <col min="88" max="88" width="8.77734375" style="300" customWidth="1"/>
    <col min="89" max="89" width="9.88671875" style="300" customWidth="1"/>
    <col min="90" max="90" width="9.77734375" style="300"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0" customWidth="1"/>
    <col min="116" max="116" width="7.21875" style="300" customWidth="1"/>
    <col min="117" max="121" width="8.21875" style="300" customWidth="1"/>
    <col min="122" max="122" width="10.109375" style="300" customWidth="1"/>
    <col min="123" max="123" width="9.77734375" style="300"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0" customWidth="1"/>
    <col min="171" max="171" width="6.6640625" style="300" customWidth="1"/>
    <col min="172" max="176" width="8.21875" style="300" customWidth="1"/>
    <col min="177" max="177" width="10.109375" style="300" customWidth="1"/>
    <col min="178" max="178" width="9.88671875" style="300"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4</v>
      </c>
      <c r="E1" s="464">
        <f>第１表!F2</f>
        <v>6</v>
      </c>
      <c r="F1" s="233">
        <f>第１表!G2</f>
        <v>1</v>
      </c>
      <c r="G1" s="740">
        <f>IF(F1&lt;3,F1-2+12,F1-2)</f>
        <v>11</v>
      </c>
      <c r="H1" s="740"/>
      <c r="IB1" s="339"/>
      <c r="IC1" s="239"/>
      <c r="ID1" s="656"/>
      <c r="IE1" s="656"/>
    </row>
    <row r="2" spans="1:409" ht="24" customHeight="1" x14ac:dyDescent="0.2">
      <c r="B2" s="15" t="s">
        <v>145</v>
      </c>
      <c r="E2" s="236"/>
      <c r="F2" s="237"/>
      <c r="G2" s="317"/>
      <c r="H2" s="317"/>
      <c r="IB2" s="238"/>
      <c r="IC2" s="239"/>
      <c r="ID2" s="342"/>
      <c r="IE2" s="342"/>
    </row>
    <row r="3" spans="1:409" ht="24" customHeight="1" thickBot="1" x14ac:dyDescent="0.25">
      <c r="B3" s="15" t="s">
        <v>135</v>
      </c>
    </row>
    <row r="4" spans="1:409" ht="21" customHeight="1" thickBot="1" x14ac:dyDescent="0.25">
      <c r="B4" s="693" t="s">
        <v>42</v>
      </c>
      <c r="C4" s="696" t="s">
        <v>63</v>
      </c>
      <c r="D4" s="696"/>
      <c r="E4" s="696"/>
      <c r="F4" s="696"/>
      <c r="G4" s="696"/>
      <c r="H4" s="696"/>
      <c r="I4" s="696"/>
      <c r="J4" s="696"/>
      <c r="K4" s="696"/>
      <c r="L4" s="696"/>
      <c r="M4" s="696"/>
      <c r="N4" s="699"/>
      <c r="O4" s="699"/>
      <c r="P4" s="699"/>
      <c r="Q4" s="699"/>
      <c r="R4" s="699"/>
      <c r="S4" s="699"/>
      <c r="T4" s="699"/>
      <c r="U4" s="699"/>
      <c r="V4" s="699"/>
      <c r="W4" s="699"/>
      <c r="X4" s="699"/>
      <c r="Y4" s="699"/>
      <c r="Z4" s="699"/>
      <c r="AA4" s="699"/>
      <c r="AB4" s="699"/>
      <c r="AC4" s="699"/>
      <c r="AD4" s="699"/>
      <c r="AE4" s="699"/>
      <c r="AF4" s="699"/>
      <c r="AG4" s="699"/>
      <c r="AH4" s="699"/>
      <c r="AI4" s="699"/>
      <c r="AJ4" s="699"/>
      <c r="AK4" s="699"/>
      <c r="AL4" s="699"/>
      <c r="AM4" s="699"/>
      <c r="AN4" s="699"/>
      <c r="AO4" s="699"/>
      <c r="AP4" s="699"/>
      <c r="AQ4" s="699"/>
      <c r="AR4" s="699"/>
      <c r="AS4" s="699"/>
      <c r="AT4" s="699"/>
      <c r="AU4" s="699"/>
      <c r="AV4" s="699"/>
      <c r="AW4" s="699"/>
      <c r="AX4" s="699"/>
      <c r="AY4" s="699"/>
      <c r="AZ4" s="699"/>
      <c r="BA4" s="699"/>
      <c r="BB4" s="699"/>
      <c r="BC4" s="699"/>
      <c r="BD4" s="699"/>
      <c r="BE4" s="699"/>
      <c r="BF4" s="699"/>
      <c r="BG4" s="699"/>
      <c r="BH4" s="699"/>
      <c r="BI4" s="699"/>
      <c r="BJ4" s="699"/>
      <c r="BK4" s="699"/>
      <c r="BL4" s="699"/>
      <c r="BM4" s="699"/>
      <c r="BN4" s="699"/>
      <c r="BO4" s="699"/>
      <c r="BP4" s="699"/>
      <c r="BQ4" s="699"/>
      <c r="BR4" s="699"/>
      <c r="BS4" s="699"/>
      <c r="BT4" s="699"/>
      <c r="BU4" s="699"/>
      <c r="BV4" s="699"/>
      <c r="BW4" s="699"/>
      <c r="BX4" s="699"/>
      <c r="BY4" s="699"/>
      <c r="BZ4" s="699"/>
      <c r="CA4" s="699"/>
      <c r="CB4" s="699"/>
      <c r="CC4" s="699"/>
      <c r="CD4" s="699"/>
      <c r="CE4" s="699"/>
      <c r="CF4" s="699"/>
      <c r="CG4" s="699"/>
      <c r="CH4" s="699"/>
      <c r="CI4" s="699"/>
      <c r="CJ4" s="699"/>
      <c r="CK4" s="699"/>
      <c r="CL4" s="699"/>
      <c r="CM4" s="699"/>
      <c r="CN4" s="699"/>
      <c r="CO4" s="699"/>
      <c r="CP4" s="699"/>
      <c r="CQ4" s="699"/>
      <c r="CR4" s="699"/>
      <c r="CS4" s="699"/>
      <c r="CT4" s="699"/>
      <c r="CU4" s="699"/>
      <c r="CV4" s="699"/>
      <c r="CW4" s="699"/>
      <c r="CX4" s="699"/>
      <c r="CY4" s="699"/>
      <c r="CZ4" s="699"/>
      <c r="DA4" s="699"/>
      <c r="DB4" s="699"/>
      <c r="DC4" s="699"/>
      <c r="DD4" s="699"/>
      <c r="DE4" s="699"/>
      <c r="DF4" s="699"/>
      <c r="DG4" s="699"/>
      <c r="DH4" s="699"/>
      <c r="DI4" s="699"/>
      <c r="DJ4" s="699"/>
      <c r="DK4" s="699"/>
      <c r="DL4" s="699"/>
      <c r="DM4" s="699"/>
      <c r="DN4" s="699"/>
      <c r="DO4" s="699"/>
      <c r="DP4" s="699"/>
      <c r="DQ4" s="699"/>
      <c r="DR4" s="699"/>
      <c r="DS4" s="699"/>
      <c r="DT4" s="699"/>
      <c r="DU4" s="699"/>
      <c r="DV4" s="699"/>
      <c r="DW4" s="699"/>
      <c r="DX4" s="699"/>
      <c r="DY4" s="699"/>
      <c r="DZ4" s="699"/>
      <c r="EA4" s="699"/>
      <c r="EB4" s="699"/>
      <c r="EC4" s="699"/>
      <c r="ED4" s="699"/>
      <c r="EE4" s="699"/>
      <c r="EF4" s="699"/>
      <c r="EG4" s="699"/>
      <c r="EH4" s="699"/>
      <c r="EI4" s="699"/>
      <c r="EJ4" s="699"/>
      <c r="EK4" s="699"/>
      <c r="EL4" s="699"/>
      <c r="EM4" s="699"/>
      <c r="EN4" s="699"/>
      <c r="EO4" s="699"/>
      <c r="EP4" s="699"/>
      <c r="EQ4" s="699"/>
      <c r="ER4" s="699"/>
      <c r="ES4" s="699"/>
      <c r="ET4" s="699"/>
      <c r="EU4" s="699"/>
      <c r="EV4" s="699"/>
      <c r="EW4" s="699"/>
      <c r="EX4" s="699"/>
      <c r="EY4" s="699"/>
      <c r="EZ4" s="699"/>
      <c r="FA4" s="699"/>
      <c r="FB4" s="699"/>
      <c r="FC4" s="699"/>
      <c r="FD4" s="699"/>
      <c r="FE4" s="699"/>
      <c r="FF4" s="699"/>
      <c r="FG4" s="699"/>
      <c r="FH4" s="699"/>
      <c r="FI4" s="699"/>
      <c r="FJ4" s="699"/>
      <c r="FK4" s="699"/>
      <c r="FL4" s="699"/>
      <c r="FM4" s="699"/>
      <c r="FN4" s="699"/>
      <c r="FO4" s="699"/>
      <c r="FP4" s="699"/>
      <c r="FQ4" s="699"/>
      <c r="FR4" s="699"/>
      <c r="FS4" s="699"/>
      <c r="FT4" s="699"/>
      <c r="FU4" s="699"/>
      <c r="FV4" s="699"/>
      <c r="FW4" s="699"/>
      <c r="FX4" s="699"/>
      <c r="FY4" s="699"/>
      <c r="FZ4" s="699"/>
      <c r="GA4" s="699"/>
      <c r="GB4" s="699"/>
      <c r="GC4" s="699"/>
      <c r="GD4" s="699"/>
      <c r="GE4" s="699"/>
      <c r="GF4" s="699"/>
      <c r="GG4" s="699"/>
      <c r="GH4" s="699"/>
      <c r="GI4" s="699"/>
      <c r="GJ4" s="699"/>
      <c r="GK4" s="699"/>
      <c r="GL4" s="699"/>
      <c r="GM4" s="699"/>
      <c r="GN4" s="699"/>
      <c r="GO4" s="699"/>
      <c r="GP4" s="699"/>
      <c r="GQ4" s="699"/>
      <c r="GR4" s="699"/>
      <c r="GS4" s="699"/>
      <c r="GT4" s="699"/>
      <c r="GU4" s="699"/>
      <c r="GV4" s="699"/>
      <c r="GW4" s="699"/>
      <c r="GX4" s="699"/>
      <c r="GY4" s="699"/>
      <c r="GZ4" s="699"/>
      <c r="HA4" s="699"/>
      <c r="HB4" s="699"/>
      <c r="HC4" s="699"/>
      <c r="HD4" s="699"/>
      <c r="HE4" s="699"/>
      <c r="HF4" s="699"/>
      <c r="HG4" s="699"/>
      <c r="HH4" s="699"/>
      <c r="HI4" s="699"/>
      <c r="HJ4" s="699"/>
      <c r="HK4" s="699"/>
      <c r="HL4" s="699"/>
      <c r="HM4" s="699"/>
      <c r="HN4" s="699"/>
      <c r="HO4" s="699"/>
      <c r="HP4" s="699"/>
      <c r="HQ4" s="699"/>
      <c r="HR4" s="699"/>
      <c r="HS4" s="699"/>
      <c r="HT4" s="699"/>
      <c r="HU4" s="699"/>
      <c r="HV4" s="699"/>
      <c r="HW4" s="699"/>
      <c r="HX4" s="699"/>
      <c r="HY4" s="700"/>
      <c r="HZ4" s="653" t="s">
        <v>85</v>
      </c>
      <c r="IA4" s="654"/>
      <c r="IB4" s="654"/>
      <c r="IC4" s="654"/>
      <c r="ID4" s="654"/>
      <c r="IE4" s="654"/>
      <c r="IF4" s="654"/>
      <c r="IG4" s="654"/>
      <c r="IH4" s="654"/>
      <c r="II4" s="654"/>
      <c r="IJ4" s="654"/>
      <c r="IK4" s="654"/>
      <c r="IL4" s="654"/>
      <c r="IM4" s="654"/>
      <c r="IN4" s="654"/>
      <c r="IO4" s="654"/>
      <c r="IP4" s="654"/>
      <c r="IQ4" s="654"/>
      <c r="IR4" s="654"/>
      <c r="IS4" s="654"/>
      <c r="IT4" s="654"/>
      <c r="IU4" s="654"/>
      <c r="IV4" s="654"/>
      <c r="IW4" s="654"/>
      <c r="IX4" s="654"/>
      <c r="IY4" s="654"/>
      <c r="IZ4" s="654"/>
      <c r="JA4" s="654"/>
      <c r="JB4" s="654"/>
      <c r="JC4" s="654"/>
      <c r="JD4" s="654"/>
      <c r="JE4" s="654"/>
      <c r="JF4" s="654"/>
      <c r="JG4" s="654"/>
      <c r="JH4" s="654"/>
      <c r="JI4" s="654"/>
      <c r="JJ4" s="654"/>
      <c r="JK4" s="654"/>
      <c r="JL4" s="654"/>
      <c r="JM4" s="654"/>
      <c r="JN4" s="654"/>
      <c r="JO4" s="654"/>
      <c r="JP4" s="654"/>
      <c r="JQ4" s="654"/>
      <c r="JR4" s="654"/>
      <c r="JS4" s="654"/>
      <c r="JT4" s="654"/>
      <c r="JU4" s="654"/>
      <c r="JV4" s="654"/>
      <c r="JW4" s="654"/>
      <c r="JX4" s="654"/>
      <c r="JY4" s="654"/>
      <c r="JZ4" s="654"/>
      <c r="KA4" s="654"/>
      <c r="KB4" s="654"/>
      <c r="KC4" s="654"/>
      <c r="KD4" s="654"/>
      <c r="KE4" s="654"/>
      <c r="KF4" s="654"/>
      <c r="KG4" s="654"/>
      <c r="KH4" s="654"/>
      <c r="KI4" s="654"/>
      <c r="KJ4" s="654"/>
      <c r="KK4" s="654"/>
      <c r="KL4" s="654"/>
      <c r="KM4" s="654"/>
      <c r="KN4" s="654"/>
      <c r="KO4" s="654"/>
      <c r="KP4" s="654"/>
      <c r="KQ4" s="654"/>
      <c r="KR4" s="654"/>
      <c r="KS4" s="654"/>
      <c r="KT4" s="654"/>
      <c r="KU4" s="654"/>
      <c r="KV4" s="654"/>
      <c r="KW4" s="654"/>
      <c r="KX4" s="654"/>
      <c r="KY4" s="654"/>
      <c r="KZ4" s="654"/>
      <c r="LA4" s="654"/>
      <c r="LB4" s="654"/>
      <c r="LC4" s="654"/>
      <c r="LD4" s="654"/>
      <c r="LE4" s="654"/>
      <c r="LF4" s="654"/>
      <c r="LG4" s="654"/>
      <c r="LH4" s="654"/>
      <c r="LI4" s="654"/>
      <c r="LJ4" s="654"/>
      <c r="LK4" s="654"/>
      <c r="LL4" s="654"/>
      <c r="LM4" s="654"/>
      <c r="LN4" s="654"/>
      <c r="LO4" s="654"/>
      <c r="LP4" s="654"/>
      <c r="LQ4" s="654"/>
      <c r="LR4" s="654"/>
      <c r="LS4" s="654"/>
      <c r="LT4" s="654"/>
      <c r="LU4" s="654"/>
      <c r="LV4" s="654"/>
      <c r="LW4" s="654"/>
      <c r="LX4" s="654"/>
      <c r="LY4" s="654"/>
      <c r="LZ4" s="654"/>
      <c r="MA4" s="654"/>
      <c r="MB4" s="654"/>
      <c r="MC4" s="654"/>
      <c r="MD4" s="654"/>
      <c r="ME4" s="655"/>
      <c r="MF4" s="653" t="s">
        <v>86</v>
      </c>
      <c r="MG4" s="654"/>
      <c r="MH4" s="654"/>
      <c r="MI4" s="654"/>
      <c r="MJ4" s="654"/>
      <c r="MK4" s="654"/>
      <c r="ML4" s="654"/>
      <c r="MM4" s="654"/>
      <c r="MN4" s="654"/>
      <c r="MO4" s="654"/>
      <c r="MP4" s="654"/>
      <c r="MQ4" s="654"/>
      <c r="MR4" s="654"/>
      <c r="MS4" s="654"/>
      <c r="MT4" s="654"/>
      <c r="MU4" s="654"/>
      <c r="MV4" s="654"/>
      <c r="MW4" s="654"/>
      <c r="MX4" s="654"/>
      <c r="MY4" s="654"/>
      <c r="MZ4" s="654"/>
      <c r="NA4" s="654"/>
      <c r="NB4" s="654"/>
      <c r="NC4" s="654"/>
      <c r="ND4" s="654"/>
      <c r="NE4" s="654"/>
      <c r="NF4" s="654"/>
      <c r="NG4" s="654"/>
      <c r="NH4" s="654"/>
      <c r="NI4" s="654"/>
      <c r="NJ4" s="654"/>
      <c r="NK4" s="654"/>
      <c r="NL4" s="654"/>
      <c r="NM4" s="654"/>
      <c r="NN4" s="654"/>
      <c r="NO4" s="654"/>
      <c r="NP4" s="654"/>
      <c r="NQ4" s="654"/>
      <c r="NR4" s="654"/>
      <c r="NS4" s="654"/>
      <c r="NT4" s="654"/>
      <c r="NU4" s="654"/>
      <c r="NV4" s="654"/>
      <c r="NW4" s="654"/>
      <c r="NX4" s="654"/>
      <c r="NY4" s="654"/>
      <c r="NZ4" s="654"/>
      <c r="OA4" s="654"/>
      <c r="OB4" s="654"/>
      <c r="OC4" s="654"/>
      <c r="OD4" s="654"/>
      <c r="OE4" s="654"/>
      <c r="OF4" s="654"/>
      <c r="OG4" s="654"/>
      <c r="OH4" s="655"/>
      <c r="OI4" s="608" t="s">
        <v>60</v>
      </c>
      <c r="OJ4" s="518"/>
      <c r="OK4" s="518"/>
      <c r="OL4" s="518"/>
      <c r="OM4" s="518"/>
      <c r="ON4" s="518"/>
      <c r="OO4" s="518"/>
      <c r="OP4" s="518"/>
      <c r="OQ4" s="518"/>
      <c r="OR4" s="518"/>
      <c r="OS4" s="519"/>
    </row>
    <row r="5" spans="1:409" ht="21" customHeight="1" thickBot="1" x14ac:dyDescent="0.25">
      <c r="B5" s="694"/>
      <c r="C5" s="697"/>
      <c r="D5" s="697"/>
      <c r="E5" s="697"/>
      <c r="F5" s="697"/>
      <c r="G5" s="697"/>
      <c r="H5" s="697"/>
      <c r="I5" s="697"/>
      <c r="J5" s="697"/>
      <c r="K5" s="697"/>
      <c r="L5" s="697"/>
      <c r="M5" s="697"/>
      <c r="N5" s="701" t="s">
        <v>64</v>
      </c>
      <c r="O5" s="702"/>
      <c r="P5" s="702"/>
      <c r="Q5" s="702"/>
      <c r="R5" s="702"/>
      <c r="S5" s="702"/>
      <c r="T5" s="702"/>
      <c r="U5" s="702"/>
      <c r="V5" s="702"/>
      <c r="W5" s="702"/>
      <c r="X5" s="702"/>
      <c r="Y5" s="702"/>
      <c r="Z5" s="702"/>
      <c r="AA5" s="702"/>
      <c r="AB5" s="702"/>
      <c r="AC5" s="702"/>
      <c r="AD5" s="702"/>
      <c r="AE5" s="702"/>
      <c r="AF5" s="702"/>
      <c r="AG5" s="702"/>
      <c r="AH5" s="702"/>
      <c r="AI5" s="702"/>
      <c r="AJ5" s="702"/>
      <c r="AK5" s="702"/>
      <c r="AL5" s="702"/>
      <c r="AM5" s="702"/>
      <c r="AN5" s="702"/>
      <c r="AO5" s="702"/>
      <c r="AP5" s="702"/>
      <c r="AQ5" s="702"/>
      <c r="AR5" s="702"/>
      <c r="AS5" s="702"/>
      <c r="AT5" s="702"/>
      <c r="AU5" s="702"/>
      <c r="AV5" s="702"/>
      <c r="AW5" s="702"/>
      <c r="AX5" s="702"/>
      <c r="AY5" s="702"/>
      <c r="AZ5" s="702"/>
      <c r="BA5" s="702"/>
      <c r="BB5" s="702"/>
      <c r="BC5" s="702"/>
      <c r="BD5" s="702"/>
      <c r="BE5" s="702"/>
      <c r="BF5" s="702"/>
      <c r="BG5" s="702"/>
      <c r="BH5" s="702"/>
      <c r="BI5" s="702"/>
      <c r="BJ5" s="702"/>
      <c r="BK5" s="702"/>
      <c r="BL5" s="702"/>
      <c r="BM5" s="702"/>
      <c r="BN5" s="702"/>
      <c r="BO5" s="702"/>
      <c r="BP5" s="702"/>
      <c r="BQ5" s="702"/>
      <c r="BR5" s="702"/>
      <c r="BS5" s="702"/>
      <c r="BT5" s="702"/>
      <c r="BU5" s="702"/>
      <c r="BV5" s="702"/>
      <c r="BW5" s="702"/>
      <c r="BX5" s="702"/>
      <c r="BY5" s="702"/>
      <c r="BZ5" s="702"/>
      <c r="CA5" s="703"/>
      <c r="CB5" s="701" t="s">
        <v>65</v>
      </c>
      <c r="CC5" s="702"/>
      <c r="CD5" s="702"/>
      <c r="CE5" s="702"/>
      <c r="CF5" s="702"/>
      <c r="CG5" s="702"/>
      <c r="CH5" s="702"/>
      <c r="CI5" s="702"/>
      <c r="CJ5" s="702"/>
      <c r="CK5" s="702"/>
      <c r="CL5" s="702"/>
      <c r="CM5" s="702"/>
      <c r="CN5" s="702"/>
      <c r="CO5" s="702"/>
      <c r="CP5" s="702"/>
      <c r="CQ5" s="702"/>
      <c r="CR5" s="702"/>
      <c r="CS5" s="702"/>
      <c r="CT5" s="702"/>
      <c r="CU5" s="702"/>
      <c r="CV5" s="702"/>
      <c r="CW5" s="702"/>
      <c r="CX5" s="702"/>
      <c r="CY5" s="702"/>
      <c r="CZ5" s="702"/>
      <c r="DA5" s="702"/>
      <c r="DB5" s="702"/>
      <c r="DC5" s="702"/>
      <c r="DD5" s="702"/>
      <c r="DE5" s="702"/>
      <c r="DF5" s="702"/>
      <c r="DG5" s="702"/>
      <c r="DH5" s="703"/>
      <c r="DI5" s="522" t="s">
        <v>66</v>
      </c>
      <c r="DJ5" s="523"/>
      <c r="DK5" s="523"/>
      <c r="DL5" s="523"/>
      <c r="DM5" s="523"/>
      <c r="DN5" s="523"/>
      <c r="DO5" s="523"/>
      <c r="DP5" s="523"/>
      <c r="DQ5" s="523"/>
      <c r="DR5" s="523"/>
      <c r="DS5" s="523"/>
      <c r="DT5" s="523"/>
      <c r="DU5" s="523"/>
      <c r="DV5" s="523"/>
      <c r="DW5" s="523"/>
      <c r="DX5" s="523"/>
      <c r="DY5" s="523"/>
      <c r="DZ5" s="523"/>
      <c r="EA5" s="523"/>
      <c r="EB5" s="523"/>
      <c r="EC5" s="523"/>
      <c r="ED5" s="523"/>
      <c r="EE5" s="523"/>
      <c r="EF5" s="523"/>
      <c r="EG5" s="523"/>
      <c r="EH5" s="523"/>
      <c r="EI5" s="523"/>
      <c r="EJ5" s="523"/>
      <c r="EK5" s="523"/>
      <c r="EL5" s="523"/>
      <c r="EM5" s="523"/>
      <c r="EN5" s="523"/>
      <c r="EO5" s="523"/>
      <c r="EP5" s="523"/>
      <c r="EQ5" s="523"/>
      <c r="ER5" s="523"/>
      <c r="ES5" s="523"/>
      <c r="ET5" s="523"/>
      <c r="EU5" s="523"/>
      <c r="EV5" s="523"/>
      <c r="EW5" s="523"/>
      <c r="EX5" s="523"/>
      <c r="EY5" s="523"/>
      <c r="EZ5" s="523"/>
      <c r="FA5" s="523"/>
      <c r="FB5" s="523"/>
      <c r="FC5" s="523"/>
      <c r="FD5" s="523"/>
      <c r="FE5" s="523"/>
      <c r="FF5" s="523"/>
      <c r="FG5" s="523"/>
      <c r="FH5" s="523"/>
      <c r="FI5" s="523"/>
      <c r="FJ5" s="523"/>
      <c r="FK5" s="524"/>
      <c r="FL5" s="701" t="s">
        <v>67</v>
      </c>
      <c r="FM5" s="702"/>
      <c r="FN5" s="702"/>
      <c r="FO5" s="702"/>
      <c r="FP5" s="702"/>
      <c r="FQ5" s="702"/>
      <c r="FR5" s="702"/>
      <c r="FS5" s="702"/>
      <c r="FT5" s="702"/>
      <c r="FU5" s="702"/>
      <c r="FV5" s="702"/>
      <c r="FW5" s="702"/>
      <c r="FX5" s="702"/>
      <c r="FY5" s="702"/>
      <c r="FZ5" s="702"/>
      <c r="GA5" s="702"/>
      <c r="GB5" s="702"/>
      <c r="GC5" s="702"/>
      <c r="GD5" s="702"/>
      <c r="GE5" s="702"/>
      <c r="GF5" s="702"/>
      <c r="GG5" s="702"/>
      <c r="GH5" s="702"/>
      <c r="GI5" s="702"/>
      <c r="GJ5" s="702"/>
      <c r="GK5" s="702"/>
      <c r="GL5" s="702"/>
      <c r="GM5" s="702"/>
      <c r="GN5" s="702"/>
      <c r="GO5" s="702"/>
      <c r="GP5" s="702"/>
      <c r="GQ5" s="702"/>
      <c r="GR5" s="702"/>
      <c r="GS5" s="702"/>
      <c r="GT5" s="702"/>
      <c r="GU5" s="702"/>
      <c r="GV5" s="702"/>
      <c r="GW5" s="702"/>
      <c r="GX5" s="702"/>
      <c r="GY5" s="702"/>
      <c r="GZ5" s="702"/>
      <c r="HA5" s="702"/>
      <c r="HB5" s="702"/>
      <c r="HC5" s="703"/>
      <c r="HD5" s="704" t="s">
        <v>68</v>
      </c>
      <c r="HE5" s="705"/>
      <c r="HF5" s="705"/>
      <c r="HG5" s="705"/>
      <c r="HH5" s="705"/>
      <c r="HI5" s="705"/>
      <c r="HJ5" s="705"/>
      <c r="HK5" s="705"/>
      <c r="HL5" s="705"/>
      <c r="HM5" s="705"/>
      <c r="HN5" s="706"/>
      <c r="HO5" s="704" t="s">
        <v>69</v>
      </c>
      <c r="HP5" s="705"/>
      <c r="HQ5" s="705"/>
      <c r="HR5" s="705"/>
      <c r="HS5" s="705"/>
      <c r="HT5" s="705"/>
      <c r="HU5" s="705"/>
      <c r="HV5" s="705"/>
      <c r="HW5" s="705"/>
      <c r="HX5" s="705"/>
      <c r="HY5" s="706"/>
      <c r="HZ5" s="632"/>
      <c r="IA5" s="633"/>
      <c r="IB5" s="633"/>
      <c r="IC5" s="633"/>
      <c r="ID5" s="633"/>
      <c r="IE5" s="633"/>
      <c r="IF5" s="633"/>
      <c r="IG5" s="633"/>
      <c r="IH5" s="633"/>
      <c r="II5" s="633"/>
      <c r="IJ5" s="634"/>
      <c r="IK5" s="608" t="s">
        <v>94</v>
      </c>
      <c r="IL5" s="518"/>
      <c r="IM5" s="518"/>
      <c r="IN5" s="518"/>
      <c r="IO5" s="518"/>
      <c r="IP5" s="518"/>
      <c r="IQ5" s="518"/>
      <c r="IR5" s="518"/>
      <c r="IS5" s="518"/>
      <c r="IT5" s="518"/>
      <c r="IU5" s="519"/>
      <c r="IV5" s="608" t="s">
        <v>88</v>
      </c>
      <c r="IW5" s="518"/>
      <c r="IX5" s="518"/>
      <c r="IY5" s="518"/>
      <c r="IZ5" s="518"/>
      <c r="JA5" s="518"/>
      <c r="JB5" s="518"/>
      <c r="JC5" s="518"/>
      <c r="JD5" s="518"/>
      <c r="JE5" s="518"/>
      <c r="JF5" s="519"/>
      <c r="JG5" s="638" t="s">
        <v>142</v>
      </c>
      <c r="JH5" s="639"/>
      <c r="JI5" s="639"/>
      <c r="JJ5" s="639"/>
      <c r="JK5" s="639"/>
      <c r="JL5" s="639"/>
      <c r="JM5" s="639"/>
      <c r="JN5" s="639"/>
      <c r="JO5" s="639"/>
      <c r="JP5" s="639"/>
      <c r="JQ5" s="640"/>
      <c r="JR5" s="608" t="s">
        <v>90</v>
      </c>
      <c r="JS5" s="518"/>
      <c r="JT5" s="518"/>
      <c r="JU5" s="518"/>
      <c r="JV5" s="518"/>
      <c r="JW5" s="518"/>
      <c r="JX5" s="518"/>
      <c r="JY5" s="518"/>
      <c r="JZ5" s="518"/>
      <c r="KA5" s="518"/>
      <c r="KB5" s="519"/>
      <c r="KC5" s="608" t="s">
        <v>89</v>
      </c>
      <c r="KD5" s="518"/>
      <c r="KE5" s="518"/>
      <c r="KF5" s="518"/>
      <c r="KG5" s="518"/>
      <c r="KH5" s="518"/>
      <c r="KI5" s="518"/>
      <c r="KJ5" s="518"/>
      <c r="KK5" s="518"/>
      <c r="KL5" s="518"/>
      <c r="KM5" s="519"/>
      <c r="KN5" s="608" t="s">
        <v>91</v>
      </c>
      <c r="KO5" s="518"/>
      <c r="KP5" s="518"/>
      <c r="KQ5" s="518"/>
      <c r="KR5" s="518"/>
      <c r="KS5" s="518"/>
      <c r="KT5" s="518"/>
      <c r="KU5" s="518"/>
      <c r="KV5" s="518"/>
      <c r="KW5" s="518"/>
      <c r="KX5" s="519"/>
      <c r="KY5" s="608" t="s">
        <v>92</v>
      </c>
      <c r="KZ5" s="518"/>
      <c r="LA5" s="518"/>
      <c r="LB5" s="518"/>
      <c r="LC5" s="518"/>
      <c r="LD5" s="518"/>
      <c r="LE5" s="518"/>
      <c r="LF5" s="518"/>
      <c r="LG5" s="518"/>
      <c r="LH5" s="518"/>
      <c r="LI5" s="519"/>
      <c r="LJ5" s="644" t="s">
        <v>93</v>
      </c>
      <c r="LK5" s="645"/>
      <c r="LL5" s="645"/>
      <c r="LM5" s="645"/>
      <c r="LN5" s="645"/>
      <c r="LO5" s="645"/>
      <c r="LP5" s="645"/>
      <c r="LQ5" s="645"/>
      <c r="LR5" s="645"/>
      <c r="LS5" s="645"/>
      <c r="LT5" s="646"/>
      <c r="LU5" s="647" t="s">
        <v>143</v>
      </c>
      <c r="LV5" s="648"/>
      <c r="LW5" s="648"/>
      <c r="LX5" s="648"/>
      <c r="LY5" s="648"/>
      <c r="LZ5" s="648"/>
      <c r="MA5" s="648"/>
      <c r="MB5" s="648"/>
      <c r="MC5" s="648"/>
      <c r="MD5" s="648"/>
      <c r="ME5" s="649"/>
      <c r="MF5" s="632"/>
      <c r="MG5" s="633"/>
      <c r="MH5" s="633"/>
      <c r="MI5" s="633"/>
      <c r="MJ5" s="633"/>
      <c r="MK5" s="633"/>
      <c r="ML5" s="633"/>
      <c r="MM5" s="633"/>
      <c r="MN5" s="633"/>
      <c r="MO5" s="633"/>
      <c r="MP5" s="634"/>
      <c r="MQ5" s="608" t="s">
        <v>57</v>
      </c>
      <c r="MR5" s="518"/>
      <c r="MS5" s="518"/>
      <c r="MT5" s="518"/>
      <c r="MU5" s="518"/>
      <c r="MV5" s="518"/>
      <c r="MW5" s="518"/>
      <c r="MX5" s="518"/>
      <c r="MY5" s="518"/>
      <c r="MZ5" s="518"/>
      <c r="NA5" s="519"/>
      <c r="NB5" s="608" t="s">
        <v>58</v>
      </c>
      <c r="NC5" s="518"/>
      <c r="ND5" s="518"/>
      <c r="NE5" s="518"/>
      <c r="NF5" s="518"/>
      <c r="NG5" s="518"/>
      <c r="NH5" s="518"/>
      <c r="NI5" s="518"/>
      <c r="NJ5" s="518"/>
      <c r="NK5" s="518"/>
      <c r="NL5" s="519"/>
      <c r="NM5" s="608" t="s">
        <v>59</v>
      </c>
      <c r="NN5" s="518"/>
      <c r="NO5" s="518"/>
      <c r="NP5" s="518"/>
      <c r="NQ5" s="518"/>
      <c r="NR5" s="518"/>
      <c r="NS5" s="518"/>
      <c r="NT5" s="518"/>
      <c r="NU5" s="518"/>
      <c r="NV5" s="518"/>
      <c r="NW5" s="519"/>
      <c r="NX5" s="657" t="s">
        <v>149</v>
      </c>
      <c r="NY5" s="658"/>
      <c r="NZ5" s="658"/>
      <c r="OA5" s="658"/>
      <c r="OB5" s="658"/>
      <c r="OC5" s="658"/>
      <c r="OD5" s="658"/>
      <c r="OE5" s="658"/>
      <c r="OF5" s="658"/>
      <c r="OG5" s="658"/>
      <c r="OH5" s="659"/>
      <c r="OI5" s="629"/>
      <c r="OJ5" s="630"/>
      <c r="OK5" s="630"/>
      <c r="OL5" s="630"/>
      <c r="OM5" s="630"/>
      <c r="ON5" s="630"/>
      <c r="OO5" s="630"/>
      <c r="OP5" s="630"/>
      <c r="OQ5" s="630"/>
      <c r="OR5" s="630"/>
      <c r="OS5" s="631"/>
    </row>
    <row r="6" spans="1:409" ht="21" customHeight="1" thickBot="1" x14ac:dyDescent="0.25">
      <c r="B6" s="694"/>
      <c r="C6" s="698"/>
      <c r="D6" s="698"/>
      <c r="E6" s="698"/>
      <c r="F6" s="698"/>
      <c r="G6" s="698"/>
      <c r="H6" s="698"/>
      <c r="I6" s="698"/>
      <c r="J6" s="698"/>
      <c r="K6" s="698"/>
      <c r="L6" s="698"/>
      <c r="M6" s="698"/>
      <c r="N6" s="531"/>
      <c r="O6" s="532"/>
      <c r="P6" s="532"/>
      <c r="Q6" s="532"/>
      <c r="R6" s="532"/>
      <c r="S6" s="532"/>
      <c r="T6" s="532"/>
      <c r="U6" s="532"/>
      <c r="V6" s="532"/>
      <c r="W6" s="532"/>
      <c r="X6" s="533"/>
      <c r="Y6" s="713" t="s">
        <v>70</v>
      </c>
      <c r="Z6" s="535"/>
      <c r="AA6" s="535"/>
      <c r="AB6" s="535"/>
      <c r="AC6" s="535"/>
      <c r="AD6" s="535"/>
      <c r="AE6" s="535"/>
      <c r="AF6" s="535"/>
      <c r="AG6" s="535"/>
      <c r="AH6" s="535"/>
      <c r="AI6" s="536"/>
      <c r="AJ6" s="710" t="s">
        <v>71</v>
      </c>
      <c r="AK6" s="711"/>
      <c r="AL6" s="711"/>
      <c r="AM6" s="711"/>
      <c r="AN6" s="711"/>
      <c r="AO6" s="711"/>
      <c r="AP6" s="711"/>
      <c r="AQ6" s="711"/>
      <c r="AR6" s="711"/>
      <c r="AS6" s="711"/>
      <c r="AT6" s="712"/>
      <c r="AU6" s="710" t="s">
        <v>72</v>
      </c>
      <c r="AV6" s="711"/>
      <c r="AW6" s="711"/>
      <c r="AX6" s="711"/>
      <c r="AY6" s="711"/>
      <c r="AZ6" s="711"/>
      <c r="BA6" s="711"/>
      <c r="BB6" s="711"/>
      <c r="BC6" s="711"/>
      <c r="BD6" s="711"/>
      <c r="BE6" s="712"/>
      <c r="BF6" s="710" t="s">
        <v>73</v>
      </c>
      <c r="BG6" s="711"/>
      <c r="BH6" s="711"/>
      <c r="BI6" s="711"/>
      <c r="BJ6" s="711"/>
      <c r="BK6" s="711"/>
      <c r="BL6" s="711"/>
      <c r="BM6" s="711"/>
      <c r="BN6" s="711"/>
      <c r="BO6" s="711"/>
      <c r="BP6" s="712"/>
      <c r="BQ6" s="710" t="s">
        <v>74</v>
      </c>
      <c r="BR6" s="711"/>
      <c r="BS6" s="711"/>
      <c r="BT6" s="711"/>
      <c r="BU6" s="711"/>
      <c r="BV6" s="711"/>
      <c r="BW6" s="711"/>
      <c r="BX6" s="711"/>
      <c r="BY6" s="711"/>
      <c r="BZ6" s="711"/>
      <c r="CA6" s="712"/>
      <c r="CB6" s="714"/>
      <c r="CC6" s="715"/>
      <c r="CD6" s="715"/>
      <c r="CE6" s="715"/>
      <c r="CF6" s="715"/>
      <c r="CG6" s="715"/>
      <c r="CH6" s="715"/>
      <c r="CI6" s="715"/>
      <c r="CJ6" s="715"/>
      <c r="CK6" s="715"/>
      <c r="CL6" s="716"/>
      <c r="CM6" s="710" t="s">
        <v>75</v>
      </c>
      <c r="CN6" s="711"/>
      <c r="CO6" s="711"/>
      <c r="CP6" s="711"/>
      <c r="CQ6" s="711"/>
      <c r="CR6" s="711"/>
      <c r="CS6" s="711"/>
      <c r="CT6" s="711"/>
      <c r="CU6" s="711"/>
      <c r="CV6" s="711"/>
      <c r="CW6" s="712"/>
      <c r="CX6" s="710" t="s">
        <v>76</v>
      </c>
      <c r="CY6" s="711"/>
      <c r="CZ6" s="711"/>
      <c r="DA6" s="711"/>
      <c r="DB6" s="711"/>
      <c r="DC6" s="711"/>
      <c r="DD6" s="711"/>
      <c r="DE6" s="711"/>
      <c r="DF6" s="711"/>
      <c r="DG6" s="711"/>
      <c r="DH6" s="712"/>
      <c r="DI6" s="714"/>
      <c r="DJ6" s="715"/>
      <c r="DK6" s="715"/>
      <c r="DL6" s="715"/>
      <c r="DM6" s="715"/>
      <c r="DN6" s="715"/>
      <c r="DO6" s="715"/>
      <c r="DP6" s="715"/>
      <c r="DQ6" s="715"/>
      <c r="DR6" s="715"/>
      <c r="DS6" s="715"/>
      <c r="DT6" s="710" t="s">
        <v>77</v>
      </c>
      <c r="DU6" s="711"/>
      <c r="DV6" s="711"/>
      <c r="DW6" s="711"/>
      <c r="DX6" s="711"/>
      <c r="DY6" s="711"/>
      <c r="DZ6" s="711"/>
      <c r="EA6" s="711"/>
      <c r="EB6" s="711"/>
      <c r="EC6" s="711"/>
      <c r="ED6" s="712"/>
      <c r="EE6" s="710" t="s">
        <v>78</v>
      </c>
      <c r="EF6" s="711"/>
      <c r="EG6" s="711"/>
      <c r="EH6" s="711"/>
      <c r="EI6" s="711"/>
      <c r="EJ6" s="711"/>
      <c r="EK6" s="711"/>
      <c r="EL6" s="711"/>
      <c r="EM6" s="711"/>
      <c r="EN6" s="711"/>
      <c r="EO6" s="712"/>
      <c r="EP6" s="710" t="s">
        <v>79</v>
      </c>
      <c r="EQ6" s="711"/>
      <c r="ER6" s="711"/>
      <c r="ES6" s="711"/>
      <c r="ET6" s="711"/>
      <c r="EU6" s="711"/>
      <c r="EV6" s="711"/>
      <c r="EW6" s="711"/>
      <c r="EX6" s="711"/>
      <c r="EY6" s="711"/>
      <c r="EZ6" s="712"/>
      <c r="FA6" s="691" t="s">
        <v>150</v>
      </c>
      <c r="FB6" s="711"/>
      <c r="FC6" s="711"/>
      <c r="FD6" s="711"/>
      <c r="FE6" s="711"/>
      <c r="FF6" s="711"/>
      <c r="FG6" s="711"/>
      <c r="FH6" s="711"/>
      <c r="FI6" s="711"/>
      <c r="FJ6" s="711"/>
      <c r="FK6" s="712"/>
      <c r="FL6" s="714"/>
      <c r="FM6" s="715"/>
      <c r="FN6" s="715"/>
      <c r="FO6" s="715"/>
      <c r="FP6" s="715"/>
      <c r="FQ6" s="715"/>
      <c r="FR6" s="715"/>
      <c r="FS6" s="715"/>
      <c r="FT6" s="715"/>
      <c r="FU6" s="715"/>
      <c r="FV6" s="715"/>
      <c r="FW6" s="710" t="s">
        <v>80</v>
      </c>
      <c r="FX6" s="711"/>
      <c r="FY6" s="711"/>
      <c r="FZ6" s="711"/>
      <c r="GA6" s="711"/>
      <c r="GB6" s="711"/>
      <c r="GC6" s="711"/>
      <c r="GD6" s="711"/>
      <c r="GE6" s="711"/>
      <c r="GF6" s="711"/>
      <c r="GG6" s="712"/>
      <c r="GH6" s="713" t="s">
        <v>81</v>
      </c>
      <c r="GI6" s="535"/>
      <c r="GJ6" s="535"/>
      <c r="GK6" s="535"/>
      <c r="GL6" s="535"/>
      <c r="GM6" s="535"/>
      <c r="GN6" s="535"/>
      <c r="GO6" s="535"/>
      <c r="GP6" s="535"/>
      <c r="GQ6" s="535"/>
      <c r="GR6" s="536"/>
      <c r="GS6" s="713" t="s">
        <v>82</v>
      </c>
      <c r="GT6" s="535"/>
      <c r="GU6" s="535"/>
      <c r="GV6" s="535"/>
      <c r="GW6" s="535"/>
      <c r="GX6" s="535"/>
      <c r="GY6" s="535"/>
      <c r="GZ6" s="535"/>
      <c r="HA6" s="535"/>
      <c r="HB6" s="535"/>
      <c r="HC6" s="536"/>
      <c r="HD6" s="707"/>
      <c r="HE6" s="708"/>
      <c r="HF6" s="708"/>
      <c r="HG6" s="708"/>
      <c r="HH6" s="708"/>
      <c r="HI6" s="708"/>
      <c r="HJ6" s="708"/>
      <c r="HK6" s="708"/>
      <c r="HL6" s="708"/>
      <c r="HM6" s="708"/>
      <c r="HN6" s="709"/>
      <c r="HO6" s="707"/>
      <c r="HP6" s="708"/>
      <c r="HQ6" s="708"/>
      <c r="HR6" s="708"/>
      <c r="HS6" s="708"/>
      <c r="HT6" s="708"/>
      <c r="HU6" s="708"/>
      <c r="HV6" s="708"/>
      <c r="HW6" s="708"/>
      <c r="HX6" s="708"/>
      <c r="HY6" s="709"/>
      <c r="HZ6" s="635"/>
      <c r="IA6" s="636"/>
      <c r="IB6" s="636"/>
      <c r="IC6" s="636"/>
      <c r="ID6" s="636"/>
      <c r="IE6" s="636"/>
      <c r="IF6" s="636"/>
      <c r="IG6" s="636"/>
      <c r="IH6" s="636"/>
      <c r="II6" s="636"/>
      <c r="IJ6" s="637"/>
      <c r="IK6" s="609"/>
      <c r="IL6" s="600"/>
      <c r="IM6" s="600"/>
      <c r="IN6" s="600"/>
      <c r="IO6" s="600"/>
      <c r="IP6" s="600"/>
      <c r="IQ6" s="600"/>
      <c r="IR6" s="600"/>
      <c r="IS6" s="600"/>
      <c r="IT6" s="600"/>
      <c r="IU6" s="610"/>
      <c r="IV6" s="609"/>
      <c r="IW6" s="600"/>
      <c r="IX6" s="600"/>
      <c r="IY6" s="600"/>
      <c r="IZ6" s="600"/>
      <c r="JA6" s="600"/>
      <c r="JB6" s="600"/>
      <c r="JC6" s="600"/>
      <c r="JD6" s="600"/>
      <c r="JE6" s="600"/>
      <c r="JF6" s="610"/>
      <c r="JG6" s="641"/>
      <c r="JH6" s="642"/>
      <c r="JI6" s="642"/>
      <c r="JJ6" s="642"/>
      <c r="JK6" s="642"/>
      <c r="JL6" s="642"/>
      <c r="JM6" s="642"/>
      <c r="JN6" s="642"/>
      <c r="JO6" s="642"/>
      <c r="JP6" s="642"/>
      <c r="JQ6" s="643"/>
      <c r="JR6" s="609"/>
      <c r="JS6" s="600"/>
      <c r="JT6" s="600"/>
      <c r="JU6" s="600"/>
      <c r="JV6" s="600"/>
      <c r="JW6" s="600"/>
      <c r="JX6" s="600"/>
      <c r="JY6" s="600"/>
      <c r="JZ6" s="600"/>
      <c r="KA6" s="600"/>
      <c r="KB6" s="610"/>
      <c r="KC6" s="609"/>
      <c r="KD6" s="600"/>
      <c r="KE6" s="600"/>
      <c r="KF6" s="600"/>
      <c r="KG6" s="600"/>
      <c r="KH6" s="600"/>
      <c r="KI6" s="600"/>
      <c r="KJ6" s="600"/>
      <c r="KK6" s="600"/>
      <c r="KL6" s="600"/>
      <c r="KM6" s="610"/>
      <c r="KN6" s="609"/>
      <c r="KO6" s="600"/>
      <c r="KP6" s="600"/>
      <c r="KQ6" s="600"/>
      <c r="KR6" s="600"/>
      <c r="KS6" s="600"/>
      <c r="KT6" s="600"/>
      <c r="KU6" s="600"/>
      <c r="KV6" s="600"/>
      <c r="KW6" s="600"/>
      <c r="KX6" s="610"/>
      <c r="KY6" s="609"/>
      <c r="KZ6" s="600"/>
      <c r="LA6" s="600"/>
      <c r="LB6" s="600"/>
      <c r="LC6" s="600"/>
      <c r="LD6" s="600"/>
      <c r="LE6" s="600"/>
      <c r="LF6" s="600"/>
      <c r="LG6" s="600"/>
      <c r="LH6" s="600"/>
      <c r="LI6" s="610"/>
      <c r="LJ6" s="635"/>
      <c r="LK6" s="636"/>
      <c r="LL6" s="636"/>
      <c r="LM6" s="636"/>
      <c r="LN6" s="636"/>
      <c r="LO6" s="636"/>
      <c r="LP6" s="636"/>
      <c r="LQ6" s="636"/>
      <c r="LR6" s="636"/>
      <c r="LS6" s="636"/>
      <c r="LT6" s="637"/>
      <c r="LU6" s="650"/>
      <c r="LV6" s="651"/>
      <c r="LW6" s="651"/>
      <c r="LX6" s="651"/>
      <c r="LY6" s="651"/>
      <c r="LZ6" s="651"/>
      <c r="MA6" s="651"/>
      <c r="MB6" s="651"/>
      <c r="MC6" s="651"/>
      <c r="MD6" s="651"/>
      <c r="ME6" s="652"/>
      <c r="MF6" s="635"/>
      <c r="MG6" s="636"/>
      <c r="MH6" s="636"/>
      <c r="MI6" s="636"/>
      <c r="MJ6" s="636"/>
      <c r="MK6" s="636"/>
      <c r="ML6" s="636"/>
      <c r="MM6" s="636"/>
      <c r="MN6" s="636"/>
      <c r="MO6" s="636"/>
      <c r="MP6" s="637"/>
      <c r="MQ6" s="609"/>
      <c r="MR6" s="600"/>
      <c r="MS6" s="600"/>
      <c r="MT6" s="600"/>
      <c r="MU6" s="600"/>
      <c r="MV6" s="600"/>
      <c r="MW6" s="600"/>
      <c r="MX6" s="600"/>
      <c r="MY6" s="600"/>
      <c r="MZ6" s="600"/>
      <c r="NA6" s="610"/>
      <c r="NB6" s="609"/>
      <c r="NC6" s="600"/>
      <c r="ND6" s="600"/>
      <c r="NE6" s="600"/>
      <c r="NF6" s="600"/>
      <c r="NG6" s="600"/>
      <c r="NH6" s="600"/>
      <c r="NI6" s="600"/>
      <c r="NJ6" s="600"/>
      <c r="NK6" s="600"/>
      <c r="NL6" s="610"/>
      <c r="NM6" s="609"/>
      <c r="NN6" s="600"/>
      <c r="NO6" s="600"/>
      <c r="NP6" s="600"/>
      <c r="NQ6" s="600"/>
      <c r="NR6" s="600"/>
      <c r="NS6" s="600"/>
      <c r="NT6" s="600"/>
      <c r="NU6" s="600"/>
      <c r="NV6" s="600"/>
      <c r="NW6" s="610"/>
      <c r="NX6" s="660"/>
      <c r="NY6" s="661"/>
      <c r="NZ6" s="661"/>
      <c r="OA6" s="661"/>
      <c r="OB6" s="661"/>
      <c r="OC6" s="661"/>
      <c r="OD6" s="661"/>
      <c r="OE6" s="661"/>
      <c r="OF6" s="661"/>
      <c r="OG6" s="661"/>
      <c r="OH6" s="662"/>
      <c r="OI6" s="609"/>
      <c r="OJ6" s="600"/>
      <c r="OK6" s="600"/>
      <c r="OL6" s="600"/>
      <c r="OM6" s="600"/>
      <c r="ON6" s="600"/>
      <c r="OO6" s="600"/>
      <c r="OP6" s="600"/>
      <c r="OQ6" s="600"/>
      <c r="OR6" s="600"/>
      <c r="OS6" s="610"/>
    </row>
    <row r="7" spans="1:409" ht="21" customHeight="1" x14ac:dyDescent="0.2">
      <c r="B7" s="694"/>
      <c r="C7" s="717" t="s">
        <v>61</v>
      </c>
      <c r="D7" s="717"/>
      <c r="E7" s="717"/>
      <c r="F7" s="718" t="s">
        <v>62</v>
      </c>
      <c r="G7" s="717"/>
      <c r="H7" s="717"/>
      <c r="I7" s="717"/>
      <c r="J7" s="717"/>
      <c r="K7" s="717"/>
      <c r="L7" s="717"/>
      <c r="M7" s="718" t="s">
        <v>52</v>
      </c>
      <c r="N7" s="720" t="s">
        <v>61</v>
      </c>
      <c r="O7" s="717"/>
      <c r="P7" s="717"/>
      <c r="Q7" s="718" t="s">
        <v>62</v>
      </c>
      <c r="R7" s="717"/>
      <c r="S7" s="717"/>
      <c r="T7" s="717"/>
      <c r="U7" s="717"/>
      <c r="V7" s="717"/>
      <c r="W7" s="721"/>
      <c r="X7" s="725" t="s">
        <v>52</v>
      </c>
      <c r="Y7" s="531" t="s">
        <v>61</v>
      </c>
      <c r="Z7" s="532"/>
      <c r="AA7" s="727"/>
      <c r="AB7" s="728" t="s">
        <v>62</v>
      </c>
      <c r="AC7" s="532"/>
      <c r="AD7" s="532"/>
      <c r="AE7" s="532"/>
      <c r="AF7" s="532"/>
      <c r="AG7" s="532"/>
      <c r="AH7" s="727"/>
      <c r="AI7" s="533" t="s">
        <v>52</v>
      </c>
      <c r="AJ7" s="730" t="s">
        <v>61</v>
      </c>
      <c r="AK7" s="723"/>
      <c r="AL7" s="731"/>
      <c r="AM7" s="722" t="s">
        <v>62</v>
      </c>
      <c r="AN7" s="723"/>
      <c r="AO7" s="723"/>
      <c r="AP7" s="723"/>
      <c r="AQ7" s="723"/>
      <c r="AR7" s="723"/>
      <c r="AS7" s="724"/>
      <c r="AT7" s="533" t="s">
        <v>52</v>
      </c>
      <c r="AU7" s="730" t="s">
        <v>61</v>
      </c>
      <c r="AV7" s="723"/>
      <c r="AW7" s="731"/>
      <c r="AX7" s="722" t="s">
        <v>62</v>
      </c>
      <c r="AY7" s="723"/>
      <c r="AZ7" s="723"/>
      <c r="BA7" s="723"/>
      <c r="BB7" s="723"/>
      <c r="BC7" s="723"/>
      <c r="BD7" s="724"/>
      <c r="BE7" s="533" t="s">
        <v>52</v>
      </c>
      <c r="BF7" s="730" t="s">
        <v>61</v>
      </c>
      <c r="BG7" s="723"/>
      <c r="BH7" s="731"/>
      <c r="BI7" s="722" t="s">
        <v>62</v>
      </c>
      <c r="BJ7" s="723"/>
      <c r="BK7" s="723"/>
      <c r="BL7" s="723"/>
      <c r="BM7" s="723"/>
      <c r="BN7" s="723"/>
      <c r="BO7" s="724"/>
      <c r="BP7" s="533" t="s">
        <v>52</v>
      </c>
      <c r="BQ7" s="730" t="s">
        <v>61</v>
      </c>
      <c r="BR7" s="723"/>
      <c r="BS7" s="731"/>
      <c r="BT7" s="722" t="s">
        <v>62</v>
      </c>
      <c r="BU7" s="723"/>
      <c r="BV7" s="723"/>
      <c r="BW7" s="723"/>
      <c r="BX7" s="723"/>
      <c r="BY7" s="723"/>
      <c r="BZ7" s="724"/>
      <c r="CA7" s="533" t="s">
        <v>52</v>
      </c>
      <c r="CB7" s="732" t="s">
        <v>61</v>
      </c>
      <c r="CC7" s="733"/>
      <c r="CD7" s="734"/>
      <c r="CE7" s="735" t="s">
        <v>62</v>
      </c>
      <c r="CF7" s="733"/>
      <c r="CG7" s="733"/>
      <c r="CH7" s="733"/>
      <c r="CI7" s="733"/>
      <c r="CJ7" s="733"/>
      <c r="CK7" s="736"/>
      <c r="CL7" s="725" t="s">
        <v>52</v>
      </c>
      <c r="CM7" s="730" t="s">
        <v>61</v>
      </c>
      <c r="CN7" s="723"/>
      <c r="CO7" s="724"/>
      <c r="CP7" s="722" t="s">
        <v>62</v>
      </c>
      <c r="CQ7" s="723"/>
      <c r="CR7" s="723"/>
      <c r="CS7" s="723"/>
      <c r="CT7" s="723"/>
      <c r="CU7" s="723"/>
      <c r="CV7" s="724"/>
      <c r="CW7" s="737" t="s">
        <v>52</v>
      </c>
      <c r="CX7" s="730" t="s">
        <v>61</v>
      </c>
      <c r="CY7" s="723"/>
      <c r="CZ7" s="724"/>
      <c r="DA7" s="722" t="s">
        <v>62</v>
      </c>
      <c r="DB7" s="723"/>
      <c r="DC7" s="723"/>
      <c r="DD7" s="723"/>
      <c r="DE7" s="723"/>
      <c r="DF7" s="723"/>
      <c r="DG7" s="724"/>
      <c r="DH7" s="737" t="s">
        <v>52</v>
      </c>
      <c r="DI7" s="732" t="s">
        <v>61</v>
      </c>
      <c r="DJ7" s="733"/>
      <c r="DK7" s="736"/>
      <c r="DL7" s="735" t="s">
        <v>62</v>
      </c>
      <c r="DM7" s="733"/>
      <c r="DN7" s="733"/>
      <c r="DO7" s="733"/>
      <c r="DP7" s="733"/>
      <c r="DQ7" s="733"/>
      <c r="DR7" s="736"/>
      <c r="DS7" s="725" t="s">
        <v>52</v>
      </c>
      <c r="DT7" s="730" t="s">
        <v>61</v>
      </c>
      <c r="DU7" s="723"/>
      <c r="DV7" s="731"/>
      <c r="DW7" s="722" t="s">
        <v>62</v>
      </c>
      <c r="DX7" s="723"/>
      <c r="DY7" s="723"/>
      <c r="DZ7" s="723"/>
      <c r="EA7" s="723"/>
      <c r="EB7" s="723"/>
      <c r="EC7" s="724"/>
      <c r="ED7" s="533" t="s">
        <v>52</v>
      </c>
      <c r="EE7" s="730" t="s">
        <v>61</v>
      </c>
      <c r="EF7" s="723"/>
      <c r="EG7" s="731"/>
      <c r="EH7" s="722" t="s">
        <v>62</v>
      </c>
      <c r="EI7" s="723"/>
      <c r="EJ7" s="723"/>
      <c r="EK7" s="723"/>
      <c r="EL7" s="723"/>
      <c r="EM7" s="723"/>
      <c r="EN7" s="724"/>
      <c r="EO7" s="533" t="s">
        <v>52</v>
      </c>
      <c r="EP7" s="730" t="s">
        <v>61</v>
      </c>
      <c r="EQ7" s="723"/>
      <c r="ER7" s="731"/>
      <c r="ES7" s="722" t="s">
        <v>62</v>
      </c>
      <c r="ET7" s="723"/>
      <c r="EU7" s="723"/>
      <c r="EV7" s="723"/>
      <c r="EW7" s="723"/>
      <c r="EX7" s="723"/>
      <c r="EY7" s="724"/>
      <c r="EZ7" s="533" t="s">
        <v>52</v>
      </c>
      <c r="FA7" s="730" t="s">
        <v>61</v>
      </c>
      <c r="FB7" s="723"/>
      <c r="FC7" s="731"/>
      <c r="FD7" s="722" t="s">
        <v>62</v>
      </c>
      <c r="FE7" s="723"/>
      <c r="FF7" s="723"/>
      <c r="FG7" s="723"/>
      <c r="FH7" s="723"/>
      <c r="FI7" s="723"/>
      <c r="FJ7" s="724"/>
      <c r="FK7" s="533" t="s">
        <v>52</v>
      </c>
      <c r="FL7" s="732" t="s">
        <v>61</v>
      </c>
      <c r="FM7" s="733"/>
      <c r="FN7" s="734"/>
      <c r="FO7" s="735" t="s">
        <v>62</v>
      </c>
      <c r="FP7" s="733"/>
      <c r="FQ7" s="733"/>
      <c r="FR7" s="733"/>
      <c r="FS7" s="733"/>
      <c r="FT7" s="733"/>
      <c r="FU7" s="736"/>
      <c r="FV7" s="717" t="s">
        <v>52</v>
      </c>
      <c r="FW7" s="730" t="s">
        <v>61</v>
      </c>
      <c r="FX7" s="723"/>
      <c r="FY7" s="731"/>
      <c r="FZ7" s="722" t="s">
        <v>62</v>
      </c>
      <c r="GA7" s="723"/>
      <c r="GB7" s="723"/>
      <c r="GC7" s="723"/>
      <c r="GD7" s="723"/>
      <c r="GE7" s="723"/>
      <c r="GF7" s="724"/>
      <c r="GG7" s="533" t="s">
        <v>52</v>
      </c>
      <c r="GH7" s="531" t="s">
        <v>61</v>
      </c>
      <c r="GI7" s="532"/>
      <c r="GJ7" s="532"/>
      <c r="GK7" s="728" t="s">
        <v>62</v>
      </c>
      <c r="GL7" s="532"/>
      <c r="GM7" s="532"/>
      <c r="GN7" s="532"/>
      <c r="GO7" s="532"/>
      <c r="GP7" s="532"/>
      <c r="GQ7" s="727"/>
      <c r="GR7" s="738" t="s">
        <v>52</v>
      </c>
      <c r="GS7" s="531" t="s">
        <v>61</v>
      </c>
      <c r="GT7" s="532"/>
      <c r="GU7" s="727"/>
      <c r="GV7" s="728" t="s">
        <v>62</v>
      </c>
      <c r="GW7" s="532"/>
      <c r="GX7" s="532"/>
      <c r="GY7" s="532"/>
      <c r="GZ7" s="532"/>
      <c r="HA7" s="532"/>
      <c r="HB7" s="727"/>
      <c r="HC7" s="738" t="s">
        <v>52</v>
      </c>
      <c r="HD7" s="730" t="s">
        <v>61</v>
      </c>
      <c r="HE7" s="723"/>
      <c r="HF7" s="731"/>
      <c r="HG7" s="722" t="s">
        <v>62</v>
      </c>
      <c r="HH7" s="723"/>
      <c r="HI7" s="723"/>
      <c r="HJ7" s="723"/>
      <c r="HK7" s="723"/>
      <c r="HL7" s="723"/>
      <c r="HM7" s="724"/>
      <c r="HN7" s="533" t="s">
        <v>52</v>
      </c>
      <c r="HO7" s="730" t="s">
        <v>61</v>
      </c>
      <c r="HP7" s="723"/>
      <c r="HQ7" s="731"/>
      <c r="HR7" s="722" t="s">
        <v>62</v>
      </c>
      <c r="HS7" s="723"/>
      <c r="HT7" s="723"/>
      <c r="HU7" s="723"/>
      <c r="HV7" s="723"/>
      <c r="HW7" s="723"/>
      <c r="HX7" s="724"/>
      <c r="HY7" s="533" t="s">
        <v>52</v>
      </c>
      <c r="HZ7" s="587" t="s">
        <v>61</v>
      </c>
      <c r="IA7" s="588"/>
      <c r="IB7" s="589"/>
      <c r="IC7" s="624" t="s">
        <v>62</v>
      </c>
      <c r="ID7" s="588"/>
      <c r="IE7" s="588"/>
      <c r="IF7" s="588"/>
      <c r="IG7" s="588"/>
      <c r="IH7" s="588"/>
      <c r="II7" s="625"/>
      <c r="IJ7" s="591" t="s">
        <v>52</v>
      </c>
      <c r="IK7" s="604" t="s">
        <v>61</v>
      </c>
      <c r="IL7" s="597"/>
      <c r="IM7" s="598"/>
      <c r="IN7" s="627" t="s">
        <v>62</v>
      </c>
      <c r="IO7" s="597"/>
      <c r="IP7" s="597"/>
      <c r="IQ7" s="597"/>
      <c r="IR7" s="597"/>
      <c r="IS7" s="597"/>
      <c r="IT7" s="628"/>
      <c r="IU7" s="610" t="s">
        <v>52</v>
      </c>
      <c r="IV7" s="604" t="s">
        <v>61</v>
      </c>
      <c r="IW7" s="597"/>
      <c r="IX7" s="628"/>
      <c r="IY7" s="627" t="s">
        <v>62</v>
      </c>
      <c r="IZ7" s="597"/>
      <c r="JA7" s="597"/>
      <c r="JB7" s="597"/>
      <c r="JC7" s="597"/>
      <c r="JD7" s="597"/>
      <c r="JE7" s="628"/>
      <c r="JF7" s="610" t="s">
        <v>52</v>
      </c>
      <c r="JG7" s="604" t="s">
        <v>61</v>
      </c>
      <c r="JH7" s="597"/>
      <c r="JI7" s="598"/>
      <c r="JJ7" s="627" t="s">
        <v>62</v>
      </c>
      <c r="JK7" s="597"/>
      <c r="JL7" s="597"/>
      <c r="JM7" s="597"/>
      <c r="JN7" s="597"/>
      <c r="JO7" s="597"/>
      <c r="JP7" s="628"/>
      <c r="JQ7" s="622" t="s">
        <v>52</v>
      </c>
      <c r="JR7" s="604" t="s">
        <v>61</v>
      </c>
      <c r="JS7" s="597"/>
      <c r="JT7" s="598"/>
      <c r="JU7" s="627" t="s">
        <v>62</v>
      </c>
      <c r="JV7" s="597"/>
      <c r="JW7" s="597"/>
      <c r="JX7" s="597"/>
      <c r="JY7" s="597"/>
      <c r="JZ7" s="597"/>
      <c r="KA7" s="628"/>
      <c r="KB7" s="622" t="s">
        <v>52</v>
      </c>
      <c r="KC7" s="604" t="s">
        <v>61</v>
      </c>
      <c r="KD7" s="597"/>
      <c r="KE7" s="598"/>
      <c r="KF7" s="627" t="s">
        <v>62</v>
      </c>
      <c r="KG7" s="597"/>
      <c r="KH7" s="597"/>
      <c r="KI7" s="597"/>
      <c r="KJ7" s="597"/>
      <c r="KK7" s="597"/>
      <c r="KL7" s="628"/>
      <c r="KM7" s="622" t="s">
        <v>52</v>
      </c>
      <c r="KN7" s="604" t="s">
        <v>61</v>
      </c>
      <c r="KO7" s="597"/>
      <c r="KP7" s="598"/>
      <c r="KQ7" s="627" t="s">
        <v>62</v>
      </c>
      <c r="KR7" s="597"/>
      <c r="KS7" s="597"/>
      <c r="KT7" s="597"/>
      <c r="KU7" s="597"/>
      <c r="KV7" s="597"/>
      <c r="KW7" s="628"/>
      <c r="KX7" s="622" t="s">
        <v>52</v>
      </c>
      <c r="KY7" s="604" t="s">
        <v>61</v>
      </c>
      <c r="KZ7" s="597"/>
      <c r="LA7" s="598"/>
      <c r="LB7" s="627" t="s">
        <v>62</v>
      </c>
      <c r="LC7" s="597"/>
      <c r="LD7" s="597"/>
      <c r="LE7" s="597"/>
      <c r="LF7" s="597"/>
      <c r="LG7" s="597"/>
      <c r="LH7" s="628"/>
      <c r="LI7" s="622" t="s">
        <v>52</v>
      </c>
      <c r="LJ7" s="604" t="s">
        <v>61</v>
      </c>
      <c r="LK7" s="597"/>
      <c r="LL7" s="598"/>
      <c r="LM7" s="627" t="s">
        <v>62</v>
      </c>
      <c r="LN7" s="597"/>
      <c r="LO7" s="597"/>
      <c r="LP7" s="597"/>
      <c r="LQ7" s="597"/>
      <c r="LR7" s="597"/>
      <c r="LS7" s="628"/>
      <c r="LT7" s="622" t="s">
        <v>52</v>
      </c>
      <c r="LU7" s="604" t="s">
        <v>61</v>
      </c>
      <c r="LV7" s="597"/>
      <c r="LW7" s="598"/>
      <c r="LX7" s="627" t="s">
        <v>62</v>
      </c>
      <c r="LY7" s="597"/>
      <c r="LZ7" s="597"/>
      <c r="MA7" s="597"/>
      <c r="MB7" s="597"/>
      <c r="MC7" s="597"/>
      <c r="MD7" s="628"/>
      <c r="ME7" s="622" t="s">
        <v>52</v>
      </c>
      <c r="MF7" s="587" t="s">
        <v>61</v>
      </c>
      <c r="MG7" s="588"/>
      <c r="MH7" s="589"/>
      <c r="MI7" s="624" t="s">
        <v>62</v>
      </c>
      <c r="MJ7" s="588"/>
      <c r="MK7" s="588"/>
      <c r="ML7" s="588"/>
      <c r="MM7" s="588"/>
      <c r="MN7" s="588"/>
      <c r="MO7" s="625"/>
      <c r="MP7" s="626" t="s">
        <v>52</v>
      </c>
      <c r="MQ7" s="604" t="s">
        <v>61</v>
      </c>
      <c r="MR7" s="597"/>
      <c r="MS7" s="598"/>
      <c r="MT7" s="627" t="s">
        <v>62</v>
      </c>
      <c r="MU7" s="597"/>
      <c r="MV7" s="597"/>
      <c r="MW7" s="597"/>
      <c r="MX7" s="597"/>
      <c r="MY7" s="597"/>
      <c r="MZ7" s="628"/>
      <c r="NA7" s="622" t="s">
        <v>52</v>
      </c>
      <c r="NB7" s="604" t="s">
        <v>61</v>
      </c>
      <c r="NC7" s="597"/>
      <c r="ND7" s="598"/>
      <c r="NE7" s="627" t="s">
        <v>62</v>
      </c>
      <c r="NF7" s="597"/>
      <c r="NG7" s="597"/>
      <c r="NH7" s="597"/>
      <c r="NI7" s="597"/>
      <c r="NJ7" s="597"/>
      <c r="NK7" s="628"/>
      <c r="NL7" s="622" t="s">
        <v>52</v>
      </c>
      <c r="NM7" s="604" t="s">
        <v>61</v>
      </c>
      <c r="NN7" s="597"/>
      <c r="NO7" s="598"/>
      <c r="NP7" s="627" t="s">
        <v>62</v>
      </c>
      <c r="NQ7" s="597"/>
      <c r="NR7" s="597"/>
      <c r="NS7" s="597"/>
      <c r="NT7" s="597"/>
      <c r="NU7" s="597"/>
      <c r="NV7" s="628"/>
      <c r="NW7" s="622" t="s">
        <v>52</v>
      </c>
      <c r="NX7" s="604" t="s">
        <v>61</v>
      </c>
      <c r="NY7" s="597"/>
      <c r="NZ7" s="598"/>
      <c r="OA7" s="627" t="s">
        <v>62</v>
      </c>
      <c r="OB7" s="597"/>
      <c r="OC7" s="597"/>
      <c r="OD7" s="597"/>
      <c r="OE7" s="597"/>
      <c r="OF7" s="597"/>
      <c r="OG7" s="628"/>
      <c r="OH7" s="622" t="s">
        <v>52</v>
      </c>
      <c r="OI7" s="587" t="s">
        <v>61</v>
      </c>
      <c r="OJ7" s="588"/>
      <c r="OK7" s="589"/>
      <c r="OL7" s="624" t="s">
        <v>62</v>
      </c>
      <c r="OM7" s="588"/>
      <c r="ON7" s="588"/>
      <c r="OO7" s="588"/>
      <c r="OP7" s="588"/>
      <c r="OQ7" s="588"/>
      <c r="OR7" s="625"/>
      <c r="OS7" s="626" t="s">
        <v>52</v>
      </c>
    </row>
    <row r="8" spans="1:409" ht="30" customHeight="1" thickBot="1" x14ac:dyDescent="0.25">
      <c r="B8" s="695"/>
      <c r="C8" s="301" t="s">
        <v>43</v>
      </c>
      <c r="D8" s="41" t="s">
        <v>44</v>
      </c>
      <c r="E8" s="302" t="s">
        <v>45</v>
      </c>
      <c r="F8" s="44" t="s">
        <v>83</v>
      </c>
      <c r="G8" s="41" t="s">
        <v>47</v>
      </c>
      <c r="H8" s="41" t="s">
        <v>48</v>
      </c>
      <c r="I8" s="41" t="s">
        <v>49</v>
      </c>
      <c r="J8" s="41" t="s">
        <v>50</v>
      </c>
      <c r="K8" s="41" t="s">
        <v>51</v>
      </c>
      <c r="L8" s="42" t="s">
        <v>45</v>
      </c>
      <c r="M8" s="719"/>
      <c r="N8" s="43" t="s">
        <v>43</v>
      </c>
      <c r="O8" s="41" t="s">
        <v>44</v>
      </c>
      <c r="P8" s="42" t="s">
        <v>45</v>
      </c>
      <c r="Q8" s="44" t="s">
        <v>83</v>
      </c>
      <c r="R8" s="41" t="s">
        <v>47</v>
      </c>
      <c r="S8" s="41" t="s">
        <v>48</v>
      </c>
      <c r="T8" s="41" t="s">
        <v>49</v>
      </c>
      <c r="U8" s="41" t="s">
        <v>50</v>
      </c>
      <c r="V8" s="41" t="s">
        <v>51</v>
      </c>
      <c r="W8" s="42" t="s">
        <v>45</v>
      </c>
      <c r="X8" s="726"/>
      <c r="Y8" s="43" t="s">
        <v>43</v>
      </c>
      <c r="Z8" s="41" t="s">
        <v>44</v>
      </c>
      <c r="AA8" s="42" t="s">
        <v>45</v>
      </c>
      <c r="AB8" s="44" t="s">
        <v>83</v>
      </c>
      <c r="AC8" s="41" t="s">
        <v>47</v>
      </c>
      <c r="AD8" s="41" t="s">
        <v>48</v>
      </c>
      <c r="AE8" s="41" t="s">
        <v>49</v>
      </c>
      <c r="AF8" s="41" t="s">
        <v>50</v>
      </c>
      <c r="AG8" s="41" t="s">
        <v>51</v>
      </c>
      <c r="AH8" s="42" t="s">
        <v>45</v>
      </c>
      <c r="AI8" s="729"/>
      <c r="AJ8" s="43" t="s">
        <v>43</v>
      </c>
      <c r="AK8" s="41" t="s">
        <v>44</v>
      </c>
      <c r="AL8" s="302" t="s">
        <v>45</v>
      </c>
      <c r="AM8" s="44" t="s">
        <v>83</v>
      </c>
      <c r="AN8" s="41" t="s">
        <v>47</v>
      </c>
      <c r="AO8" s="41" t="s">
        <v>48</v>
      </c>
      <c r="AP8" s="41" t="s">
        <v>49</v>
      </c>
      <c r="AQ8" s="41" t="s">
        <v>50</v>
      </c>
      <c r="AR8" s="41" t="s">
        <v>51</v>
      </c>
      <c r="AS8" s="42" t="s">
        <v>45</v>
      </c>
      <c r="AT8" s="729"/>
      <c r="AU8" s="43" t="s">
        <v>43</v>
      </c>
      <c r="AV8" s="41" t="s">
        <v>44</v>
      </c>
      <c r="AW8" s="302" t="s">
        <v>45</v>
      </c>
      <c r="AX8" s="44" t="s">
        <v>83</v>
      </c>
      <c r="AY8" s="41" t="s">
        <v>47</v>
      </c>
      <c r="AZ8" s="41" t="s">
        <v>48</v>
      </c>
      <c r="BA8" s="41" t="s">
        <v>49</v>
      </c>
      <c r="BB8" s="41" t="s">
        <v>50</v>
      </c>
      <c r="BC8" s="41" t="s">
        <v>51</v>
      </c>
      <c r="BD8" s="42" t="s">
        <v>45</v>
      </c>
      <c r="BE8" s="729"/>
      <c r="BF8" s="303" t="s">
        <v>43</v>
      </c>
      <c r="BG8" s="41" t="s">
        <v>44</v>
      </c>
      <c r="BH8" s="302" t="s">
        <v>45</v>
      </c>
      <c r="BI8" s="44" t="s">
        <v>83</v>
      </c>
      <c r="BJ8" s="41" t="s">
        <v>47</v>
      </c>
      <c r="BK8" s="41" t="s">
        <v>48</v>
      </c>
      <c r="BL8" s="41" t="s">
        <v>49</v>
      </c>
      <c r="BM8" s="41" t="s">
        <v>50</v>
      </c>
      <c r="BN8" s="41" t="s">
        <v>51</v>
      </c>
      <c r="BO8" s="42" t="s">
        <v>45</v>
      </c>
      <c r="BP8" s="729"/>
      <c r="BQ8" s="43" t="s">
        <v>43</v>
      </c>
      <c r="BR8" s="41" t="s">
        <v>44</v>
      </c>
      <c r="BS8" s="302" t="s">
        <v>45</v>
      </c>
      <c r="BT8" s="44" t="s">
        <v>83</v>
      </c>
      <c r="BU8" s="41" t="s">
        <v>47</v>
      </c>
      <c r="BV8" s="41" t="s">
        <v>48</v>
      </c>
      <c r="BW8" s="41" t="s">
        <v>49</v>
      </c>
      <c r="BX8" s="41" t="s">
        <v>50</v>
      </c>
      <c r="BY8" s="41" t="s">
        <v>51</v>
      </c>
      <c r="BZ8" s="42" t="s">
        <v>45</v>
      </c>
      <c r="CA8" s="729"/>
      <c r="CB8" s="43" t="s">
        <v>43</v>
      </c>
      <c r="CC8" s="41" t="s">
        <v>44</v>
      </c>
      <c r="CD8" s="302" t="s">
        <v>45</v>
      </c>
      <c r="CE8" s="44" t="s">
        <v>83</v>
      </c>
      <c r="CF8" s="41" t="s">
        <v>47</v>
      </c>
      <c r="CG8" s="41" t="s">
        <v>48</v>
      </c>
      <c r="CH8" s="41" t="s">
        <v>49</v>
      </c>
      <c r="CI8" s="41" t="s">
        <v>50</v>
      </c>
      <c r="CJ8" s="41" t="s">
        <v>51</v>
      </c>
      <c r="CK8" s="42" t="s">
        <v>45</v>
      </c>
      <c r="CL8" s="726"/>
      <c r="CM8" s="43" t="s">
        <v>43</v>
      </c>
      <c r="CN8" s="41" t="s">
        <v>44</v>
      </c>
      <c r="CO8" s="42" t="s">
        <v>45</v>
      </c>
      <c r="CP8" s="44" t="s">
        <v>83</v>
      </c>
      <c r="CQ8" s="41" t="s">
        <v>47</v>
      </c>
      <c r="CR8" s="41" t="s">
        <v>48</v>
      </c>
      <c r="CS8" s="41" t="s">
        <v>49</v>
      </c>
      <c r="CT8" s="41" t="s">
        <v>50</v>
      </c>
      <c r="CU8" s="41" t="s">
        <v>51</v>
      </c>
      <c r="CV8" s="42" t="s">
        <v>45</v>
      </c>
      <c r="CW8" s="726"/>
      <c r="CX8" s="43" t="s">
        <v>43</v>
      </c>
      <c r="CY8" s="41" t="s">
        <v>44</v>
      </c>
      <c r="CZ8" s="42" t="s">
        <v>45</v>
      </c>
      <c r="DA8" s="44" t="s">
        <v>83</v>
      </c>
      <c r="DB8" s="41" t="s">
        <v>47</v>
      </c>
      <c r="DC8" s="41" t="s">
        <v>48</v>
      </c>
      <c r="DD8" s="41" t="s">
        <v>49</v>
      </c>
      <c r="DE8" s="41" t="s">
        <v>50</v>
      </c>
      <c r="DF8" s="41" t="s">
        <v>51</v>
      </c>
      <c r="DG8" s="42" t="s">
        <v>45</v>
      </c>
      <c r="DH8" s="726"/>
      <c r="DI8" s="43" t="s">
        <v>43</v>
      </c>
      <c r="DJ8" s="41" t="s">
        <v>44</v>
      </c>
      <c r="DK8" s="42" t="s">
        <v>45</v>
      </c>
      <c r="DL8" s="44" t="s">
        <v>83</v>
      </c>
      <c r="DM8" s="41" t="s">
        <v>47</v>
      </c>
      <c r="DN8" s="41" t="s">
        <v>48</v>
      </c>
      <c r="DO8" s="41" t="s">
        <v>49</v>
      </c>
      <c r="DP8" s="41" t="s">
        <v>50</v>
      </c>
      <c r="DQ8" s="41" t="s">
        <v>51</v>
      </c>
      <c r="DR8" s="42" t="s">
        <v>45</v>
      </c>
      <c r="DS8" s="726"/>
      <c r="DT8" s="43" t="s">
        <v>43</v>
      </c>
      <c r="DU8" s="41" t="s">
        <v>44</v>
      </c>
      <c r="DV8" s="302" t="s">
        <v>45</v>
      </c>
      <c r="DW8" s="44" t="s">
        <v>83</v>
      </c>
      <c r="DX8" s="41" t="s">
        <v>47</v>
      </c>
      <c r="DY8" s="41" t="s">
        <v>48</v>
      </c>
      <c r="DZ8" s="41" t="s">
        <v>49</v>
      </c>
      <c r="EA8" s="41" t="s">
        <v>50</v>
      </c>
      <c r="EB8" s="41" t="s">
        <v>51</v>
      </c>
      <c r="EC8" s="42" t="s">
        <v>45</v>
      </c>
      <c r="ED8" s="729"/>
      <c r="EE8" s="43" t="s">
        <v>43</v>
      </c>
      <c r="EF8" s="41" t="s">
        <v>44</v>
      </c>
      <c r="EG8" s="302" t="s">
        <v>45</v>
      </c>
      <c r="EH8" s="44" t="s">
        <v>83</v>
      </c>
      <c r="EI8" s="41" t="s">
        <v>47</v>
      </c>
      <c r="EJ8" s="41" t="s">
        <v>48</v>
      </c>
      <c r="EK8" s="41" t="s">
        <v>49</v>
      </c>
      <c r="EL8" s="41" t="s">
        <v>50</v>
      </c>
      <c r="EM8" s="41" t="s">
        <v>51</v>
      </c>
      <c r="EN8" s="42" t="s">
        <v>45</v>
      </c>
      <c r="EO8" s="729"/>
      <c r="EP8" s="43" t="s">
        <v>43</v>
      </c>
      <c r="EQ8" s="41" t="s">
        <v>44</v>
      </c>
      <c r="ER8" s="302" t="s">
        <v>45</v>
      </c>
      <c r="ES8" s="44" t="s">
        <v>83</v>
      </c>
      <c r="ET8" s="41" t="s">
        <v>47</v>
      </c>
      <c r="EU8" s="41" t="s">
        <v>48</v>
      </c>
      <c r="EV8" s="41" t="s">
        <v>49</v>
      </c>
      <c r="EW8" s="41" t="s">
        <v>50</v>
      </c>
      <c r="EX8" s="41" t="s">
        <v>51</v>
      </c>
      <c r="EY8" s="42" t="s">
        <v>45</v>
      </c>
      <c r="EZ8" s="729"/>
      <c r="FA8" s="43" t="s">
        <v>43</v>
      </c>
      <c r="FB8" s="41" t="s">
        <v>44</v>
      </c>
      <c r="FC8" s="302" t="s">
        <v>45</v>
      </c>
      <c r="FD8" s="44" t="s">
        <v>83</v>
      </c>
      <c r="FE8" s="41" t="s">
        <v>47</v>
      </c>
      <c r="FF8" s="41" t="s">
        <v>48</v>
      </c>
      <c r="FG8" s="41" t="s">
        <v>49</v>
      </c>
      <c r="FH8" s="41" t="s">
        <v>50</v>
      </c>
      <c r="FI8" s="41" t="s">
        <v>51</v>
      </c>
      <c r="FJ8" s="42" t="s">
        <v>45</v>
      </c>
      <c r="FK8" s="729"/>
      <c r="FL8" s="43" t="s">
        <v>43</v>
      </c>
      <c r="FM8" s="41" t="s">
        <v>44</v>
      </c>
      <c r="FN8" s="302" t="s">
        <v>45</v>
      </c>
      <c r="FO8" s="44" t="s">
        <v>83</v>
      </c>
      <c r="FP8" s="41" t="s">
        <v>47</v>
      </c>
      <c r="FQ8" s="41" t="s">
        <v>48</v>
      </c>
      <c r="FR8" s="41" t="s">
        <v>49</v>
      </c>
      <c r="FS8" s="41" t="s">
        <v>50</v>
      </c>
      <c r="FT8" s="41" t="s">
        <v>51</v>
      </c>
      <c r="FU8" s="42" t="s">
        <v>45</v>
      </c>
      <c r="FV8" s="741"/>
      <c r="FW8" s="43" t="s">
        <v>43</v>
      </c>
      <c r="FX8" s="41" t="s">
        <v>44</v>
      </c>
      <c r="FY8" s="302" t="s">
        <v>45</v>
      </c>
      <c r="FZ8" s="44" t="s">
        <v>83</v>
      </c>
      <c r="GA8" s="41" t="s">
        <v>47</v>
      </c>
      <c r="GB8" s="41" t="s">
        <v>48</v>
      </c>
      <c r="GC8" s="41" t="s">
        <v>49</v>
      </c>
      <c r="GD8" s="41" t="s">
        <v>50</v>
      </c>
      <c r="GE8" s="41" t="s">
        <v>51</v>
      </c>
      <c r="GF8" s="42" t="s">
        <v>45</v>
      </c>
      <c r="GG8" s="729"/>
      <c r="GH8" s="43" t="s">
        <v>43</v>
      </c>
      <c r="GI8" s="41" t="s">
        <v>44</v>
      </c>
      <c r="GJ8" s="302" t="s">
        <v>45</v>
      </c>
      <c r="GK8" s="44" t="s">
        <v>83</v>
      </c>
      <c r="GL8" s="41" t="s">
        <v>47</v>
      </c>
      <c r="GM8" s="41" t="s">
        <v>48</v>
      </c>
      <c r="GN8" s="41" t="s">
        <v>49</v>
      </c>
      <c r="GO8" s="41" t="s">
        <v>50</v>
      </c>
      <c r="GP8" s="41" t="s">
        <v>51</v>
      </c>
      <c r="GQ8" s="42" t="s">
        <v>45</v>
      </c>
      <c r="GR8" s="739"/>
      <c r="GS8" s="43" t="s">
        <v>43</v>
      </c>
      <c r="GT8" s="41" t="s">
        <v>44</v>
      </c>
      <c r="GU8" s="302" t="s">
        <v>45</v>
      </c>
      <c r="GV8" s="44" t="s">
        <v>83</v>
      </c>
      <c r="GW8" s="41" t="s">
        <v>47</v>
      </c>
      <c r="GX8" s="41" t="s">
        <v>48</v>
      </c>
      <c r="GY8" s="41" t="s">
        <v>49</v>
      </c>
      <c r="GZ8" s="41" t="s">
        <v>50</v>
      </c>
      <c r="HA8" s="41" t="s">
        <v>51</v>
      </c>
      <c r="HB8" s="42" t="s">
        <v>45</v>
      </c>
      <c r="HC8" s="739"/>
      <c r="HD8" s="43" t="s">
        <v>43</v>
      </c>
      <c r="HE8" s="41" t="s">
        <v>44</v>
      </c>
      <c r="HF8" s="302" t="s">
        <v>45</v>
      </c>
      <c r="HG8" s="44" t="s">
        <v>83</v>
      </c>
      <c r="HH8" s="41" t="s">
        <v>47</v>
      </c>
      <c r="HI8" s="41" t="s">
        <v>48</v>
      </c>
      <c r="HJ8" s="41" t="s">
        <v>49</v>
      </c>
      <c r="HK8" s="41" t="s">
        <v>50</v>
      </c>
      <c r="HL8" s="41" t="s">
        <v>51</v>
      </c>
      <c r="HM8" s="42" t="s">
        <v>45</v>
      </c>
      <c r="HN8" s="729"/>
      <c r="HO8" s="43" t="s">
        <v>43</v>
      </c>
      <c r="HP8" s="41" t="s">
        <v>44</v>
      </c>
      <c r="HQ8" s="302" t="s">
        <v>45</v>
      </c>
      <c r="HR8" s="44" t="s">
        <v>83</v>
      </c>
      <c r="HS8" s="41" t="s">
        <v>47</v>
      </c>
      <c r="HT8" s="41" t="s">
        <v>48</v>
      </c>
      <c r="HU8" s="41" t="s">
        <v>49</v>
      </c>
      <c r="HV8" s="41" t="s">
        <v>50</v>
      </c>
      <c r="HW8" s="41" t="s">
        <v>51</v>
      </c>
      <c r="HX8" s="42" t="s">
        <v>45</v>
      </c>
      <c r="HY8" s="729"/>
      <c r="HZ8" s="340" t="s">
        <v>43</v>
      </c>
      <c r="IA8" s="341" t="s">
        <v>44</v>
      </c>
      <c r="IB8" s="36" t="s">
        <v>45</v>
      </c>
      <c r="IC8" s="37" t="s">
        <v>83</v>
      </c>
      <c r="ID8" s="341" t="s">
        <v>47</v>
      </c>
      <c r="IE8" s="341" t="s">
        <v>48</v>
      </c>
      <c r="IF8" s="341" t="s">
        <v>49</v>
      </c>
      <c r="IG8" s="341" t="s">
        <v>50</v>
      </c>
      <c r="IH8" s="341" t="s">
        <v>51</v>
      </c>
      <c r="II8" s="14" t="s">
        <v>45</v>
      </c>
      <c r="IJ8" s="664"/>
      <c r="IK8" s="340" t="s">
        <v>43</v>
      </c>
      <c r="IL8" s="341" t="s">
        <v>44</v>
      </c>
      <c r="IM8" s="36" t="s">
        <v>45</v>
      </c>
      <c r="IN8" s="37" t="s">
        <v>83</v>
      </c>
      <c r="IO8" s="51" t="s">
        <v>47</v>
      </c>
      <c r="IP8" s="51" t="s">
        <v>48</v>
      </c>
      <c r="IQ8" s="51" t="s">
        <v>49</v>
      </c>
      <c r="IR8" s="51" t="s">
        <v>50</v>
      </c>
      <c r="IS8" s="51" t="s">
        <v>51</v>
      </c>
      <c r="IT8" s="54" t="s">
        <v>45</v>
      </c>
      <c r="IU8" s="663"/>
      <c r="IV8" s="53" t="s">
        <v>43</v>
      </c>
      <c r="IW8" s="51" t="s">
        <v>44</v>
      </c>
      <c r="IX8" s="54" t="s">
        <v>45</v>
      </c>
      <c r="IY8" s="28" t="s">
        <v>83</v>
      </c>
      <c r="IZ8" s="51" t="s">
        <v>47</v>
      </c>
      <c r="JA8" s="51" t="s">
        <v>48</v>
      </c>
      <c r="JB8" s="51" t="s">
        <v>49</v>
      </c>
      <c r="JC8" s="51" t="s">
        <v>50</v>
      </c>
      <c r="JD8" s="51" t="s">
        <v>51</v>
      </c>
      <c r="JE8" s="54" t="s">
        <v>45</v>
      </c>
      <c r="JF8" s="663"/>
      <c r="JG8" s="53" t="s">
        <v>43</v>
      </c>
      <c r="JH8" s="51" t="s">
        <v>44</v>
      </c>
      <c r="JI8" s="52" t="s">
        <v>45</v>
      </c>
      <c r="JJ8" s="28" t="s">
        <v>83</v>
      </c>
      <c r="JK8" s="51" t="s">
        <v>47</v>
      </c>
      <c r="JL8" s="51" t="s">
        <v>48</v>
      </c>
      <c r="JM8" s="51" t="s">
        <v>49</v>
      </c>
      <c r="JN8" s="51" t="s">
        <v>50</v>
      </c>
      <c r="JO8" s="51" t="s">
        <v>51</v>
      </c>
      <c r="JP8" s="54" t="s">
        <v>45</v>
      </c>
      <c r="JQ8" s="623"/>
      <c r="JR8" s="53" t="s">
        <v>43</v>
      </c>
      <c r="JS8" s="51" t="s">
        <v>44</v>
      </c>
      <c r="JT8" s="52" t="s">
        <v>45</v>
      </c>
      <c r="JU8" s="28" t="s">
        <v>83</v>
      </c>
      <c r="JV8" s="51" t="s">
        <v>47</v>
      </c>
      <c r="JW8" s="51" t="s">
        <v>48</v>
      </c>
      <c r="JX8" s="51" t="s">
        <v>49</v>
      </c>
      <c r="JY8" s="51" t="s">
        <v>50</v>
      </c>
      <c r="JZ8" s="51" t="s">
        <v>51</v>
      </c>
      <c r="KA8" s="54" t="s">
        <v>45</v>
      </c>
      <c r="KB8" s="623"/>
      <c r="KC8" s="53" t="s">
        <v>43</v>
      </c>
      <c r="KD8" s="51" t="s">
        <v>44</v>
      </c>
      <c r="KE8" s="52" t="s">
        <v>45</v>
      </c>
      <c r="KF8" s="28" t="s">
        <v>83</v>
      </c>
      <c r="KG8" s="51" t="s">
        <v>47</v>
      </c>
      <c r="KH8" s="51" t="s">
        <v>48</v>
      </c>
      <c r="KI8" s="51" t="s">
        <v>49</v>
      </c>
      <c r="KJ8" s="51" t="s">
        <v>50</v>
      </c>
      <c r="KK8" s="51" t="s">
        <v>51</v>
      </c>
      <c r="KL8" s="54" t="s">
        <v>45</v>
      </c>
      <c r="KM8" s="623"/>
      <c r="KN8" s="53" t="s">
        <v>43</v>
      </c>
      <c r="KO8" s="51" t="s">
        <v>44</v>
      </c>
      <c r="KP8" s="52" t="s">
        <v>45</v>
      </c>
      <c r="KQ8" s="37" t="s">
        <v>83</v>
      </c>
      <c r="KR8" s="51" t="s">
        <v>47</v>
      </c>
      <c r="KS8" s="51" t="s">
        <v>48</v>
      </c>
      <c r="KT8" s="51" t="s">
        <v>49</v>
      </c>
      <c r="KU8" s="51" t="s">
        <v>50</v>
      </c>
      <c r="KV8" s="51" t="s">
        <v>51</v>
      </c>
      <c r="KW8" s="54" t="s">
        <v>45</v>
      </c>
      <c r="KX8" s="623"/>
      <c r="KY8" s="53" t="s">
        <v>43</v>
      </c>
      <c r="KZ8" s="51" t="s">
        <v>44</v>
      </c>
      <c r="LA8" s="52" t="s">
        <v>45</v>
      </c>
      <c r="LB8" s="37" t="s">
        <v>83</v>
      </c>
      <c r="LC8" s="51" t="s">
        <v>47</v>
      </c>
      <c r="LD8" s="51" t="s">
        <v>48</v>
      </c>
      <c r="LE8" s="51" t="s">
        <v>49</v>
      </c>
      <c r="LF8" s="51" t="s">
        <v>50</v>
      </c>
      <c r="LG8" s="51" t="s">
        <v>51</v>
      </c>
      <c r="LH8" s="54" t="s">
        <v>45</v>
      </c>
      <c r="LI8" s="623"/>
      <c r="LJ8" s="53" t="s">
        <v>43</v>
      </c>
      <c r="LK8" s="51" t="s">
        <v>44</v>
      </c>
      <c r="LL8" s="52" t="s">
        <v>45</v>
      </c>
      <c r="LM8" s="37" t="s">
        <v>83</v>
      </c>
      <c r="LN8" s="51" t="s">
        <v>47</v>
      </c>
      <c r="LO8" s="51" t="s">
        <v>48</v>
      </c>
      <c r="LP8" s="51" t="s">
        <v>49</v>
      </c>
      <c r="LQ8" s="51" t="s">
        <v>50</v>
      </c>
      <c r="LR8" s="51" t="s">
        <v>51</v>
      </c>
      <c r="LS8" s="54" t="s">
        <v>45</v>
      </c>
      <c r="LT8" s="623"/>
      <c r="LU8" s="53" t="s">
        <v>43</v>
      </c>
      <c r="LV8" s="51" t="s">
        <v>44</v>
      </c>
      <c r="LW8" s="52" t="s">
        <v>45</v>
      </c>
      <c r="LX8" s="37" t="s">
        <v>83</v>
      </c>
      <c r="LY8" s="51" t="s">
        <v>47</v>
      </c>
      <c r="LZ8" s="51" t="s">
        <v>48</v>
      </c>
      <c r="MA8" s="51" t="s">
        <v>49</v>
      </c>
      <c r="MB8" s="51" t="s">
        <v>50</v>
      </c>
      <c r="MC8" s="51" t="s">
        <v>51</v>
      </c>
      <c r="MD8" s="54" t="s">
        <v>45</v>
      </c>
      <c r="ME8" s="623"/>
      <c r="MF8" s="53" t="s">
        <v>43</v>
      </c>
      <c r="MG8" s="51" t="s">
        <v>44</v>
      </c>
      <c r="MH8" s="52" t="s">
        <v>45</v>
      </c>
      <c r="MI8" s="37" t="s">
        <v>83</v>
      </c>
      <c r="MJ8" s="51" t="s">
        <v>47</v>
      </c>
      <c r="MK8" s="51" t="s">
        <v>48</v>
      </c>
      <c r="ML8" s="51" t="s">
        <v>49</v>
      </c>
      <c r="MM8" s="51" t="s">
        <v>50</v>
      </c>
      <c r="MN8" s="51" t="s">
        <v>51</v>
      </c>
      <c r="MO8" s="54" t="s">
        <v>45</v>
      </c>
      <c r="MP8" s="623"/>
      <c r="MQ8" s="53" t="s">
        <v>43</v>
      </c>
      <c r="MR8" s="51" t="s">
        <v>44</v>
      </c>
      <c r="MS8" s="52" t="s">
        <v>45</v>
      </c>
      <c r="MT8" s="37" t="s">
        <v>83</v>
      </c>
      <c r="MU8" s="51" t="s">
        <v>47</v>
      </c>
      <c r="MV8" s="51" t="s">
        <v>48</v>
      </c>
      <c r="MW8" s="51" t="s">
        <v>49</v>
      </c>
      <c r="MX8" s="51" t="s">
        <v>50</v>
      </c>
      <c r="MY8" s="51" t="s">
        <v>51</v>
      </c>
      <c r="MZ8" s="54" t="s">
        <v>45</v>
      </c>
      <c r="NA8" s="623"/>
      <c r="NB8" s="53" t="s">
        <v>43</v>
      </c>
      <c r="NC8" s="51" t="s">
        <v>44</v>
      </c>
      <c r="ND8" s="52" t="s">
        <v>45</v>
      </c>
      <c r="NE8" s="37" t="s">
        <v>83</v>
      </c>
      <c r="NF8" s="51" t="s">
        <v>47</v>
      </c>
      <c r="NG8" s="51" t="s">
        <v>48</v>
      </c>
      <c r="NH8" s="51" t="s">
        <v>49</v>
      </c>
      <c r="NI8" s="51" t="s">
        <v>50</v>
      </c>
      <c r="NJ8" s="51" t="s">
        <v>51</v>
      </c>
      <c r="NK8" s="54" t="s">
        <v>45</v>
      </c>
      <c r="NL8" s="623"/>
      <c r="NM8" s="53" t="s">
        <v>43</v>
      </c>
      <c r="NN8" s="51" t="s">
        <v>44</v>
      </c>
      <c r="NO8" s="52" t="s">
        <v>45</v>
      </c>
      <c r="NP8" s="37" t="s">
        <v>83</v>
      </c>
      <c r="NQ8" s="51" t="s">
        <v>47</v>
      </c>
      <c r="NR8" s="51" t="s">
        <v>48</v>
      </c>
      <c r="NS8" s="51" t="s">
        <v>49</v>
      </c>
      <c r="NT8" s="51" t="s">
        <v>50</v>
      </c>
      <c r="NU8" s="51" t="s">
        <v>51</v>
      </c>
      <c r="NV8" s="54" t="s">
        <v>45</v>
      </c>
      <c r="NW8" s="623"/>
      <c r="NX8" s="53" t="s">
        <v>43</v>
      </c>
      <c r="NY8" s="51" t="s">
        <v>44</v>
      </c>
      <c r="NZ8" s="52" t="s">
        <v>45</v>
      </c>
      <c r="OA8" s="37" t="s">
        <v>83</v>
      </c>
      <c r="OB8" s="51" t="s">
        <v>47</v>
      </c>
      <c r="OC8" s="51" t="s">
        <v>48</v>
      </c>
      <c r="OD8" s="51" t="s">
        <v>49</v>
      </c>
      <c r="OE8" s="51" t="s">
        <v>50</v>
      </c>
      <c r="OF8" s="51" t="s">
        <v>51</v>
      </c>
      <c r="OG8" s="54" t="s">
        <v>45</v>
      </c>
      <c r="OH8" s="623"/>
      <c r="OI8" s="53" t="s">
        <v>43</v>
      </c>
      <c r="OJ8" s="51" t="s">
        <v>44</v>
      </c>
      <c r="OK8" s="52" t="s">
        <v>45</v>
      </c>
      <c r="OL8" s="28" t="s">
        <v>83</v>
      </c>
      <c r="OM8" s="51" t="s">
        <v>47</v>
      </c>
      <c r="ON8" s="51" t="s">
        <v>48</v>
      </c>
      <c r="OO8" s="51" t="s">
        <v>49</v>
      </c>
      <c r="OP8" s="51" t="s">
        <v>50</v>
      </c>
      <c r="OQ8" s="51" t="s">
        <v>51</v>
      </c>
      <c r="OR8" s="54" t="s">
        <v>45</v>
      </c>
      <c r="OS8" s="623"/>
    </row>
    <row r="9" spans="1:409" s="442" customFormat="1" ht="21" customHeight="1" x14ac:dyDescent="0.2">
      <c r="A9" s="39"/>
      <c r="B9" s="466" t="s">
        <v>4</v>
      </c>
      <c r="C9" s="358">
        <v>27045310</v>
      </c>
      <c r="D9" s="359">
        <v>47290441</v>
      </c>
      <c r="E9" s="360">
        <v>74335751</v>
      </c>
      <c r="F9" s="361">
        <v>0</v>
      </c>
      <c r="G9" s="359">
        <v>300755996</v>
      </c>
      <c r="H9" s="359">
        <v>394586388</v>
      </c>
      <c r="I9" s="359">
        <v>335676362</v>
      </c>
      <c r="J9" s="359">
        <v>315782486</v>
      </c>
      <c r="K9" s="359">
        <v>204358789</v>
      </c>
      <c r="L9" s="362">
        <v>1551160021</v>
      </c>
      <c r="M9" s="363">
        <v>1625495772</v>
      </c>
      <c r="N9" s="358">
        <v>8529759</v>
      </c>
      <c r="O9" s="359">
        <v>16013147</v>
      </c>
      <c r="P9" s="364">
        <v>24542906</v>
      </c>
      <c r="Q9" s="358">
        <v>0</v>
      </c>
      <c r="R9" s="359">
        <v>98034458</v>
      </c>
      <c r="S9" s="359">
        <v>133126925</v>
      </c>
      <c r="T9" s="359">
        <v>112895833</v>
      </c>
      <c r="U9" s="359">
        <v>117745061</v>
      </c>
      <c r="V9" s="359">
        <v>104215793</v>
      </c>
      <c r="W9" s="364">
        <v>566018070</v>
      </c>
      <c r="X9" s="363">
        <v>590560976</v>
      </c>
      <c r="Y9" s="358">
        <v>0</v>
      </c>
      <c r="Z9" s="359">
        <v>0</v>
      </c>
      <c r="AA9" s="364">
        <v>0</v>
      </c>
      <c r="AB9" s="365">
        <v>0</v>
      </c>
      <c r="AC9" s="366">
        <v>40600024</v>
      </c>
      <c r="AD9" s="366">
        <v>54436885</v>
      </c>
      <c r="AE9" s="366">
        <v>53529482</v>
      </c>
      <c r="AF9" s="366">
        <v>60930729</v>
      </c>
      <c r="AG9" s="366">
        <v>58896053</v>
      </c>
      <c r="AH9" s="364">
        <v>268393173</v>
      </c>
      <c r="AI9" s="363">
        <v>268393173</v>
      </c>
      <c r="AJ9" s="367">
        <v>0</v>
      </c>
      <c r="AK9" s="366">
        <v>16439</v>
      </c>
      <c r="AL9" s="364">
        <v>16439</v>
      </c>
      <c r="AM9" s="365">
        <v>0</v>
      </c>
      <c r="AN9" s="366">
        <v>312729</v>
      </c>
      <c r="AO9" s="362">
        <v>1226213</v>
      </c>
      <c r="AP9" s="366">
        <v>3257238</v>
      </c>
      <c r="AQ9" s="366">
        <v>6775621</v>
      </c>
      <c r="AR9" s="366">
        <v>12025666</v>
      </c>
      <c r="AS9" s="364">
        <v>23597467</v>
      </c>
      <c r="AT9" s="363">
        <v>23613906</v>
      </c>
      <c r="AU9" s="367">
        <v>4589515</v>
      </c>
      <c r="AV9" s="366">
        <v>10641528</v>
      </c>
      <c r="AW9" s="364">
        <v>15231043</v>
      </c>
      <c r="AX9" s="365">
        <v>0</v>
      </c>
      <c r="AY9" s="366">
        <v>36455907</v>
      </c>
      <c r="AZ9" s="366">
        <v>52995714</v>
      </c>
      <c r="BA9" s="366">
        <v>34360087</v>
      </c>
      <c r="BB9" s="366">
        <v>30161517</v>
      </c>
      <c r="BC9" s="366">
        <v>20698286</v>
      </c>
      <c r="BD9" s="364">
        <v>174671511</v>
      </c>
      <c r="BE9" s="368">
        <v>189902554</v>
      </c>
      <c r="BF9" s="367">
        <v>535156</v>
      </c>
      <c r="BG9" s="362">
        <v>1814940</v>
      </c>
      <c r="BH9" s="369">
        <v>2350096</v>
      </c>
      <c r="BI9" s="365">
        <v>0</v>
      </c>
      <c r="BJ9" s="366">
        <v>2967516</v>
      </c>
      <c r="BK9" s="366">
        <v>3346039</v>
      </c>
      <c r="BL9" s="366">
        <v>3263018</v>
      </c>
      <c r="BM9" s="366">
        <v>2685437</v>
      </c>
      <c r="BN9" s="366">
        <v>1191012</v>
      </c>
      <c r="BO9" s="364">
        <v>13453022</v>
      </c>
      <c r="BP9" s="363">
        <v>15803118</v>
      </c>
      <c r="BQ9" s="367">
        <v>3405088</v>
      </c>
      <c r="BR9" s="366">
        <v>3540240</v>
      </c>
      <c r="BS9" s="364">
        <v>6945328</v>
      </c>
      <c r="BT9" s="365">
        <v>0</v>
      </c>
      <c r="BU9" s="366">
        <v>17698282</v>
      </c>
      <c r="BV9" s="366">
        <v>21122074</v>
      </c>
      <c r="BW9" s="366">
        <v>18486008</v>
      </c>
      <c r="BX9" s="366">
        <v>17191757</v>
      </c>
      <c r="BY9" s="366">
        <v>11404776</v>
      </c>
      <c r="BZ9" s="364">
        <v>85902897</v>
      </c>
      <c r="CA9" s="363">
        <v>92848225</v>
      </c>
      <c r="CB9" s="367">
        <v>3119129</v>
      </c>
      <c r="CC9" s="366">
        <v>7506877</v>
      </c>
      <c r="CD9" s="364">
        <v>10626006</v>
      </c>
      <c r="CE9" s="365">
        <v>0</v>
      </c>
      <c r="CF9" s="366">
        <v>89744377</v>
      </c>
      <c r="CG9" s="366">
        <v>114293015</v>
      </c>
      <c r="CH9" s="370">
        <v>81771192</v>
      </c>
      <c r="CI9" s="366">
        <v>49914369</v>
      </c>
      <c r="CJ9" s="366">
        <v>19636053</v>
      </c>
      <c r="CK9" s="364">
        <v>355359006</v>
      </c>
      <c r="CL9" s="363">
        <v>365985012</v>
      </c>
      <c r="CM9" s="358">
        <v>0</v>
      </c>
      <c r="CN9" s="359">
        <v>0</v>
      </c>
      <c r="CO9" s="364">
        <v>0</v>
      </c>
      <c r="CP9" s="365">
        <v>0</v>
      </c>
      <c r="CQ9" s="366">
        <v>72848482</v>
      </c>
      <c r="CR9" s="366">
        <v>84929030</v>
      </c>
      <c r="CS9" s="366">
        <v>57224173</v>
      </c>
      <c r="CT9" s="366">
        <v>33592751</v>
      </c>
      <c r="CU9" s="366">
        <v>15451331</v>
      </c>
      <c r="CV9" s="371">
        <v>264045767</v>
      </c>
      <c r="CW9" s="363">
        <v>264045767</v>
      </c>
      <c r="CX9" s="367">
        <v>3119129</v>
      </c>
      <c r="CY9" s="366">
        <v>7506877</v>
      </c>
      <c r="CZ9" s="364">
        <v>10626006</v>
      </c>
      <c r="DA9" s="365">
        <v>0</v>
      </c>
      <c r="DB9" s="366">
        <v>16895895</v>
      </c>
      <c r="DC9" s="366">
        <v>29363985</v>
      </c>
      <c r="DD9" s="366">
        <v>24547019</v>
      </c>
      <c r="DE9" s="366">
        <v>16321618</v>
      </c>
      <c r="DF9" s="366">
        <v>4184722</v>
      </c>
      <c r="DG9" s="364">
        <v>91313239</v>
      </c>
      <c r="DH9" s="363">
        <v>101939245</v>
      </c>
      <c r="DI9" s="367">
        <v>222850</v>
      </c>
      <c r="DJ9" s="366">
        <v>952926</v>
      </c>
      <c r="DK9" s="369">
        <v>1175776</v>
      </c>
      <c r="DL9" s="365">
        <v>0</v>
      </c>
      <c r="DM9" s="366">
        <v>9193067</v>
      </c>
      <c r="DN9" s="366">
        <v>19264462</v>
      </c>
      <c r="DO9" s="366">
        <v>29889017</v>
      </c>
      <c r="DP9" s="366">
        <v>28580601</v>
      </c>
      <c r="DQ9" s="366">
        <v>13589410</v>
      </c>
      <c r="DR9" s="372">
        <v>100516557</v>
      </c>
      <c r="DS9" s="363">
        <v>101692333</v>
      </c>
      <c r="DT9" s="367">
        <v>178678</v>
      </c>
      <c r="DU9" s="366">
        <v>869612</v>
      </c>
      <c r="DV9" s="364">
        <v>1048290</v>
      </c>
      <c r="DW9" s="365">
        <v>0</v>
      </c>
      <c r="DX9" s="366">
        <v>8487535</v>
      </c>
      <c r="DY9" s="366">
        <v>16242984</v>
      </c>
      <c r="DZ9" s="366">
        <v>25518458</v>
      </c>
      <c r="EA9" s="366">
        <v>23917401</v>
      </c>
      <c r="EB9" s="366">
        <v>11201715</v>
      </c>
      <c r="EC9" s="364">
        <v>85368093</v>
      </c>
      <c r="ED9" s="363">
        <v>86416383</v>
      </c>
      <c r="EE9" s="367">
        <v>44172</v>
      </c>
      <c r="EF9" s="362">
        <v>83314</v>
      </c>
      <c r="EG9" s="364">
        <v>127486</v>
      </c>
      <c r="EH9" s="368">
        <v>0</v>
      </c>
      <c r="EI9" s="366">
        <v>705532</v>
      </c>
      <c r="EJ9" s="366">
        <v>3021478</v>
      </c>
      <c r="EK9" s="366">
        <v>4370559</v>
      </c>
      <c r="EL9" s="366">
        <v>4663200</v>
      </c>
      <c r="EM9" s="370">
        <v>2387695</v>
      </c>
      <c r="EN9" s="362">
        <v>15148464</v>
      </c>
      <c r="EO9" s="363">
        <v>15275950</v>
      </c>
      <c r="EP9" s="367">
        <v>0</v>
      </c>
      <c r="EQ9" s="366">
        <v>0</v>
      </c>
      <c r="ER9" s="362">
        <v>0</v>
      </c>
      <c r="ES9" s="365">
        <v>0</v>
      </c>
      <c r="ET9" s="366">
        <v>0</v>
      </c>
      <c r="EU9" s="366">
        <v>0</v>
      </c>
      <c r="EV9" s="366">
        <v>0</v>
      </c>
      <c r="EW9" s="366">
        <v>0</v>
      </c>
      <c r="EX9" s="366">
        <v>0</v>
      </c>
      <c r="EY9" s="371">
        <v>0</v>
      </c>
      <c r="EZ9" s="363">
        <v>0</v>
      </c>
      <c r="FA9" s="367">
        <v>0</v>
      </c>
      <c r="FB9" s="366">
        <v>0</v>
      </c>
      <c r="FC9" s="362">
        <v>0</v>
      </c>
      <c r="FD9" s="373"/>
      <c r="FE9" s="366">
        <v>0</v>
      </c>
      <c r="FF9" s="366">
        <v>0</v>
      </c>
      <c r="FG9" s="366">
        <v>0</v>
      </c>
      <c r="FH9" s="366">
        <v>0</v>
      </c>
      <c r="FI9" s="366">
        <v>0</v>
      </c>
      <c r="FJ9" s="371">
        <v>0</v>
      </c>
      <c r="FK9" s="363">
        <v>0</v>
      </c>
      <c r="FL9" s="367">
        <v>5801405</v>
      </c>
      <c r="FM9" s="366">
        <v>10370224</v>
      </c>
      <c r="FN9" s="364">
        <v>16171629</v>
      </c>
      <c r="FO9" s="365">
        <v>0</v>
      </c>
      <c r="FP9" s="366">
        <v>15335856</v>
      </c>
      <c r="FQ9" s="366">
        <v>38072606</v>
      </c>
      <c r="FR9" s="366">
        <v>28919520</v>
      </c>
      <c r="FS9" s="366">
        <v>24236165</v>
      </c>
      <c r="FT9" s="366">
        <v>15783544</v>
      </c>
      <c r="FU9" s="364">
        <v>122347691</v>
      </c>
      <c r="FV9" s="363">
        <v>138519320</v>
      </c>
      <c r="FW9" s="367">
        <v>2741608</v>
      </c>
      <c r="FX9" s="366">
        <v>6883560</v>
      </c>
      <c r="FY9" s="362">
        <v>9625168</v>
      </c>
      <c r="FZ9" s="368">
        <v>0</v>
      </c>
      <c r="GA9" s="366">
        <v>10116228</v>
      </c>
      <c r="GB9" s="374">
        <v>34513969</v>
      </c>
      <c r="GC9" s="366">
        <v>25560000</v>
      </c>
      <c r="GD9" s="374">
        <v>22125768</v>
      </c>
      <c r="GE9" s="366">
        <v>14403422</v>
      </c>
      <c r="GF9" s="371">
        <v>106719387</v>
      </c>
      <c r="GG9" s="375">
        <v>116344555</v>
      </c>
      <c r="GH9" s="376">
        <v>361336</v>
      </c>
      <c r="GI9" s="366">
        <v>691548</v>
      </c>
      <c r="GJ9" s="374">
        <v>1052884</v>
      </c>
      <c r="GK9" s="361">
        <v>0</v>
      </c>
      <c r="GL9" s="366">
        <v>686692</v>
      </c>
      <c r="GM9" s="362">
        <v>1105154</v>
      </c>
      <c r="GN9" s="366">
        <v>778939</v>
      </c>
      <c r="GO9" s="362">
        <v>564308</v>
      </c>
      <c r="GP9" s="366">
        <v>460844</v>
      </c>
      <c r="GQ9" s="372">
        <v>3595937</v>
      </c>
      <c r="GR9" s="363">
        <v>4648821</v>
      </c>
      <c r="GS9" s="362">
        <v>2698461</v>
      </c>
      <c r="GT9" s="366">
        <v>2795116</v>
      </c>
      <c r="GU9" s="364">
        <v>5493577</v>
      </c>
      <c r="GV9" s="362">
        <v>0</v>
      </c>
      <c r="GW9" s="366">
        <v>4532936</v>
      </c>
      <c r="GX9" s="362">
        <v>2453483</v>
      </c>
      <c r="GY9" s="366">
        <v>2580581</v>
      </c>
      <c r="GZ9" s="362">
        <v>1546089</v>
      </c>
      <c r="HA9" s="366">
        <v>919278</v>
      </c>
      <c r="HB9" s="362">
        <v>12032367</v>
      </c>
      <c r="HC9" s="363">
        <v>17525944</v>
      </c>
      <c r="HD9" s="362">
        <v>9372167</v>
      </c>
      <c r="HE9" s="366">
        <v>12447267</v>
      </c>
      <c r="HF9" s="362">
        <v>21819434</v>
      </c>
      <c r="HG9" s="368">
        <v>0</v>
      </c>
      <c r="HH9" s="366">
        <v>88448238</v>
      </c>
      <c r="HI9" s="374">
        <v>89829380</v>
      </c>
      <c r="HJ9" s="366">
        <v>82200800</v>
      </c>
      <c r="HK9" s="374">
        <v>95306290</v>
      </c>
      <c r="HL9" s="366">
        <v>51133989</v>
      </c>
      <c r="HM9" s="371">
        <v>406918697</v>
      </c>
      <c r="HN9" s="362">
        <v>428738131</v>
      </c>
      <c r="HO9" s="437"/>
      <c r="HP9" s="438"/>
      <c r="HQ9" s="439"/>
      <c r="HR9" s="440"/>
      <c r="HS9" s="438"/>
      <c r="HT9" s="440"/>
      <c r="HU9" s="438"/>
      <c r="HV9" s="440"/>
      <c r="HW9" s="438"/>
      <c r="HX9" s="440"/>
      <c r="HY9" s="441"/>
      <c r="HZ9" s="377">
        <v>614312</v>
      </c>
      <c r="IA9" s="378">
        <v>710688</v>
      </c>
      <c r="IB9" s="379">
        <v>1325000</v>
      </c>
      <c r="IC9" s="380">
        <v>0</v>
      </c>
      <c r="ID9" s="378">
        <v>77003494</v>
      </c>
      <c r="IE9" s="381">
        <v>106241825</v>
      </c>
      <c r="IF9" s="382">
        <v>112033155</v>
      </c>
      <c r="IG9" s="378">
        <v>77593894</v>
      </c>
      <c r="IH9" s="382">
        <v>51585712</v>
      </c>
      <c r="II9" s="383">
        <v>424458080</v>
      </c>
      <c r="IJ9" s="384">
        <v>425783080</v>
      </c>
      <c r="IK9" s="385">
        <v>0</v>
      </c>
      <c r="IL9" s="386">
        <v>0</v>
      </c>
      <c r="IM9" s="387">
        <v>0</v>
      </c>
      <c r="IN9" s="388"/>
      <c r="IO9" s="389">
        <v>1266281</v>
      </c>
      <c r="IP9" s="389">
        <v>2589887</v>
      </c>
      <c r="IQ9" s="389">
        <v>4067449</v>
      </c>
      <c r="IR9" s="389">
        <v>5091840</v>
      </c>
      <c r="IS9" s="389">
        <v>2935787</v>
      </c>
      <c r="IT9" s="390">
        <v>15951244</v>
      </c>
      <c r="IU9" s="391">
        <v>15951244</v>
      </c>
      <c r="IV9" s="392">
        <v>0</v>
      </c>
      <c r="IW9" s="389">
        <v>0</v>
      </c>
      <c r="IX9" s="393">
        <v>0</v>
      </c>
      <c r="IY9" s="394"/>
      <c r="IZ9" s="389">
        <v>161446</v>
      </c>
      <c r="JA9" s="389">
        <v>572094</v>
      </c>
      <c r="JB9" s="389">
        <v>681251</v>
      </c>
      <c r="JC9" s="389">
        <v>962671</v>
      </c>
      <c r="JD9" s="389">
        <v>654799</v>
      </c>
      <c r="JE9" s="393">
        <v>3032261</v>
      </c>
      <c r="JF9" s="395">
        <v>3032261</v>
      </c>
      <c r="JG9" s="392">
        <v>0</v>
      </c>
      <c r="JH9" s="389">
        <v>0</v>
      </c>
      <c r="JI9" s="390">
        <v>0</v>
      </c>
      <c r="JJ9" s="396">
        <v>0</v>
      </c>
      <c r="JK9" s="389">
        <v>35178348</v>
      </c>
      <c r="JL9" s="389">
        <v>40629244</v>
      </c>
      <c r="JM9" s="389">
        <v>28107161</v>
      </c>
      <c r="JN9" s="389">
        <v>14468703</v>
      </c>
      <c r="JO9" s="389">
        <v>6906646</v>
      </c>
      <c r="JP9" s="393">
        <v>125290102</v>
      </c>
      <c r="JQ9" s="391">
        <v>125290102</v>
      </c>
      <c r="JR9" s="392">
        <v>0</v>
      </c>
      <c r="JS9" s="389">
        <v>0</v>
      </c>
      <c r="JT9" s="390">
        <v>0</v>
      </c>
      <c r="JU9" s="396">
        <v>0</v>
      </c>
      <c r="JV9" s="389">
        <v>5828814</v>
      </c>
      <c r="JW9" s="389">
        <v>6818901</v>
      </c>
      <c r="JX9" s="389">
        <v>9697254</v>
      </c>
      <c r="JY9" s="389">
        <v>5258495</v>
      </c>
      <c r="JZ9" s="389">
        <v>2861138</v>
      </c>
      <c r="KA9" s="393">
        <v>30464602</v>
      </c>
      <c r="KB9" s="391">
        <v>30464602</v>
      </c>
      <c r="KC9" s="397">
        <v>614312</v>
      </c>
      <c r="KD9" s="398">
        <v>710688</v>
      </c>
      <c r="KE9" s="393">
        <v>1325000</v>
      </c>
      <c r="KF9" s="396">
        <v>0</v>
      </c>
      <c r="KG9" s="389">
        <v>9612535</v>
      </c>
      <c r="KH9" s="389">
        <v>14380291</v>
      </c>
      <c r="KI9" s="389">
        <v>18660153</v>
      </c>
      <c r="KJ9" s="389">
        <v>9966278</v>
      </c>
      <c r="KK9" s="389">
        <v>7977178</v>
      </c>
      <c r="KL9" s="393">
        <v>60596435</v>
      </c>
      <c r="KM9" s="399">
        <v>61921435</v>
      </c>
      <c r="KN9" s="385">
        <v>0</v>
      </c>
      <c r="KO9" s="386">
        <v>0</v>
      </c>
      <c r="KP9" s="387">
        <v>0</v>
      </c>
      <c r="KQ9" s="388"/>
      <c r="KR9" s="389">
        <v>21465443</v>
      </c>
      <c r="KS9" s="389">
        <v>36152475</v>
      </c>
      <c r="KT9" s="389">
        <v>39533992</v>
      </c>
      <c r="KU9" s="389">
        <v>26959025</v>
      </c>
      <c r="KV9" s="389">
        <v>15947548</v>
      </c>
      <c r="KW9" s="393">
        <v>140058483</v>
      </c>
      <c r="KX9" s="391">
        <v>140058483</v>
      </c>
      <c r="KY9" s="392">
        <v>0</v>
      </c>
      <c r="KZ9" s="389">
        <v>0</v>
      </c>
      <c r="LA9" s="393">
        <v>0</v>
      </c>
      <c r="LB9" s="400"/>
      <c r="LC9" s="389">
        <v>571847</v>
      </c>
      <c r="LD9" s="389">
        <v>895174</v>
      </c>
      <c r="LE9" s="389">
        <v>956583</v>
      </c>
      <c r="LF9" s="389">
        <v>650640</v>
      </c>
      <c r="LG9" s="389">
        <v>254350</v>
      </c>
      <c r="LH9" s="393">
        <v>3328594</v>
      </c>
      <c r="LI9" s="395">
        <v>3328594</v>
      </c>
      <c r="LJ9" s="392">
        <v>0</v>
      </c>
      <c r="LK9" s="389">
        <v>0</v>
      </c>
      <c r="LL9" s="393">
        <v>0</v>
      </c>
      <c r="LM9" s="400"/>
      <c r="LN9" s="389">
        <v>0</v>
      </c>
      <c r="LO9" s="389">
        <v>638408</v>
      </c>
      <c r="LP9" s="389">
        <v>5834433</v>
      </c>
      <c r="LQ9" s="389">
        <v>6664424</v>
      </c>
      <c r="LR9" s="389">
        <v>3452312</v>
      </c>
      <c r="LS9" s="393">
        <v>16589577</v>
      </c>
      <c r="LT9" s="391">
        <v>16589577</v>
      </c>
      <c r="LU9" s="392">
        <v>0</v>
      </c>
      <c r="LV9" s="389">
        <v>0</v>
      </c>
      <c r="LW9" s="393">
        <v>0</v>
      </c>
      <c r="LX9" s="400"/>
      <c r="LY9" s="389">
        <v>2918780</v>
      </c>
      <c r="LZ9" s="389">
        <v>3565351</v>
      </c>
      <c r="MA9" s="389">
        <v>4494879</v>
      </c>
      <c r="MB9" s="389">
        <v>7571818</v>
      </c>
      <c r="MC9" s="389">
        <v>10595954</v>
      </c>
      <c r="MD9" s="393">
        <v>29146782</v>
      </c>
      <c r="ME9" s="395">
        <v>29146782</v>
      </c>
      <c r="MF9" s="392">
        <v>0</v>
      </c>
      <c r="MG9" s="389">
        <v>0</v>
      </c>
      <c r="MH9" s="393">
        <v>0</v>
      </c>
      <c r="MI9" s="400"/>
      <c r="MJ9" s="389">
        <v>21807587</v>
      </c>
      <c r="MK9" s="389">
        <v>61781853</v>
      </c>
      <c r="ML9" s="389">
        <v>176724452</v>
      </c>
      <c r="MM9" s="389">
        <v>265018256</v>
      </c>
      <c r="MN9" s="389">
        <v>140865362</v>
      </c>
      <c r="MO9" s="393">
        <v>666197510</v>
      </c>
      <c r="MP9" s="399">
        <v>666197510</v>
      </c>
      <c r="MQ9" s="392">
        <v>0</v>
      </c>
      <c r="MR9" s="389">
        <v>0</v>
      </c>
      <c r="MS9" s="393">
        <v>0</v>
      </c>
      <c r="MT9" s="400"/>
      <c r="MU9" s="389">
        <v>2732112</v>
      </c>
      <c r="MV9" s="389">
        <v>14484941</v>
      </c>
      <c r="MW9" s="389">
        <v>105986146</v>
      </c>
      <c r="MX9" s="389">
        <v>175065374</v>
      </c>
      <c r="MY9" s="389">
        <v>86353865</v>
      </c>
      <c r="MZ9" s="393">
        <v>384622438</v>
      </c>
      <c r="NA9" s="399">
        <v>384622438</v>
      </c>
      <c r="NB9" s="392">
        <v>0</v>
      </c>
      <c r="NC9" s="389">
        <v>0</v>
      </c>
      <c r="ND9" s="393">
        <v>0</v>
      </c>
      <c r="NE9" s="400"/>
      <c r="NF9" s="389">
        <v>19075475</v>
      </c>
      <c r="NG9" s="389">
        <v>46836768</v>
      </c>
      <c r="NH9" s="389">
        <v>70108407</v>
      </c>
      <c r="NI9" s="389">
        <v>84752665</v>
      </c>
      <c r="NJ9" s="389">
        <v>45684469</v>
      </c>
      <c r="NK9" s="393">
        <v>266457784</v>
      </c>
      <c r="NL9" s="391">
        <v>266457784</v>
      </c>
      <c r="NM9" s="392">
        <v>0</v>
      </c>
      <c r="NN9" s="389">
        <v>0</v>
      </c>
      <c r="NO9" s="393">
        <v>0</v>
      </c>
      <c r="NP9" s="400"/>
      <c r="NQ9" s="389">
        <v>0</v>
      </c>
      <c r="NR9" s="389">
        <v>0</v>
      </c>
      <c r="NS9" s="389">
        <v>0</v>
      </c>
      <c r="NT9" s="389">
        <v>1641802</v>
      </c>
      <c r="NU9" s="389">
        <v>1274334</v>
      </c>
      <c r="NV9" s="393">
        <v>2916136</v>
      </c>
      <c r="NW9" s="395">
        <v>2916136</v>
      </c>
      <c r="NX9" s="392">
        <v>0</v>
      </c>
      <c r="NY9" s="389">
        <v>0</v>
      </c>
      <c r="NZ9" s="393">
        <v>0</v>
      </c>
      <c r="OA9" s="400"/>
      <c r="OB9" s="389">
        <v>0</v>
      </c>
      <c r="OC9" s="389">
        <v>460144</v>
      </c>
      <c r="OD9" s="389">
        <v>629899</v>
      </c>
      <c r="OE9" s="389">
        <v>3558415</v>
      </c>
      <c r="OF9" s="389">
        <v>7552694</v>
      </c>
      <c r="OG9" s="393">
        <v>12201152</v>
      </c>
      <c r="OH9" s="395">
        <v>12201152</v>
      </c>
      <c r="OI9" s="392">
        <v>27659622</v>
      </c>
      <c r="OJ9" s="389">
        <v>48001129</v>
      </c>
      <c r="OK9" s="390">
        <v>75660751</v>
      </c>
      <c r="OL9" s="396">
        <v>0</v>
      </c>
      <c r="OM9" s="389">
        <v>399567077</v>
      </c>
      <c r="ON9" s="389">
        <v>562610066</v>
      </c>
      <c r="OO9" s="389">
        <v>624433969</v>
      </c>
      <c r="OP9" s="389">
        <v>658394636</v>
      </c>
      <c r="OQ9" s="389">
        <v>396809863</v>
      </c>
      <c r="OR9" s="393">
        <v>2641815611</v>
      </c>
      <c r="OS9" s="399">
        <v>2717476362</v>
      </c>
    </row>
    <row r="10" spans="1:409" s="442" customFormat="1" ht="21" customHeight="1" x14ac:dyDescent="0.2">
      <c r="A10" s="39"/>
      <c r="B10" s="467" t="s">
        <v>5</v>
      </c>
      <c r="C10" s="402">
        <v>12149527</v>
      </c>
      <c r="D10" s="403">
        <v>26324830</v>
      </c>
      <c r="E10" s="404">
        <v>38474357</v>
      </c>
      <c r="F10" s="405">
        <v>0</v>
      </c>
      <c r="G10" s="403">
        <v>113287885</v>
      </c>
      <c r="H10" s="403">
        <v>180809571</v>
      </c>
      <c r="I10" s="403">
        <v>151237440</v>
      </c>
      <c r="J10" s="403">
        <v>137352829</v>
      </c>
      <c r="K10" s="403">
        <v>91895991</v>
      </c>
      <c r="L10" s="405">
        <v>674583716</v>
      </c>
      <c r="M10" s="406">
        <v>713058073</v>
      </c>
      <c r="N10" s="402">
        <v>4024679</v>
      </c>
      <c r="O10" s="403">
        <v>9371972</v>
      </c>
      <c r="P10" s="404">
        <v>13396651</v>
      </c>
      <c r="Q10" s="402">
        <v>0</v>
      </c>
      <c r="R10" s="403">
        <v>39376621</v>
      </c>
      <c r="S10" s="403">
        <v>65749575</v>
      </c>
      <c r="T10" s="403">
        <v>53657201</v>
      </c>
      <c r="U10" s="403">
        <v>51884192</v>
      </c>
      <c r="V10" s="403">
        <v>45425746</v>
      </c>
      <c r="W10" s="404">
        <v>256093335</v>
      </c>
      <c r="X10" s="406">
        <v>269489986</v>
      </c>
      <c r="Y10" s="402">
        <v>0</v>
      </c>
      <c r="Z10" s="403">
        <v>0</v>
      </c>
      <c r="AA10" s="404">
        <v>0</v>
      </c>
      <c r="AB10" s="402">
        <v>0</v>
      </c>
      <c r="AC10" s="403">
        <v>16381544</v>
      </c>
      <c r="AD10" s="403">
        <v>25743210</v>
      </c>
      <c r="AE10" s="403">
        <v>24557494</v>
      </c>
      <c r="AF10" s="403">
        <v>24509677</v>
      </c>
      <c r="AG10" s="403">
        <v>24827745</v>
      </c>
      <c r="AH10" s="404">
        <v>116019670</v>
      </c>
      <c r="AI10" s="406">
        <v>116019670</v>
      </c>
      <c r="AJ10" s="402">
        <v>0</v>
      </c>
      <c r="AK10" s="403">
        <v>16439</v>
      </c>
      <c r="AL10" s="404">
        <v>16439</v>
      </c>
      <c r="AM10" s="402">
        <v>0</v>
      </c>
      <c r="AN10" s="403">
        <v>28162</v>
      </c>
      <c r="AO10" s="403">
        <v>352360</v>
      </c>
      <c r="AP10" s="403">
        <v>1655582</v>
      </c>
      <c r="AQ10" s="403">
        <v>3251065</v>
      </c>
      <c r="AR10" s="403">
        <v>6187419</v>
      </c>
      <c r="AS10" s="404">
        <v>11474588</v>
      </c>
      <c r="AT10" s="406">
        <v>11491027</v>
      </c>
      <c r="AU10" s="402">
        <v>2382888</v>
      </c>
      <c r="AV10" s="403">
        <v>6362121</v>
      </c>
      <c r="AW10" s="404">
        <v>8745009</v>
      </c>
      <c r="AX10" s="402">
        <v>0</v>
      </c>
      <c r="AY10" s="403">
        <v>15255128</v>
      </c>
      <c r="AZ10" s="403">
        <v>28908043</v>
      </c>
      <c r="BA10" s="403">
        <v>17847955</v>
      </c>
      <c r="BB10" s="403">
        <v>15415827</v>
      </c>
      <c r="BC10" s="403">
        <v>9109861</v>
      </c>
      <c r="BD10" s="404">
        <v>86536814</v>
      </c>
      <c r="BE10" s="406">
        <v>95281823</v>
      </c>
      <c r="BF10" s="402">
        <v>125751</v>
      </c>
      <c r="BG10" s="403">
        <v>831748</v>
      </c>
      <c r="BH10" s="407">
        <v>957499</v>
      </c>
      <c r="BI10" s="408">
        <v>0</v>
      </c>
      <c r="BJ10" s="403">
        <v>862339</v>
      </c>
      <c r="BK10" s="403">
        <v>1197124</v>
      </c>
      <c r="BL10" s="403">
        <v>1351082</v>
      </c>
      <c r="BM10" s="403">
        <v>1058527</v>
      </c>
      <c r="BN10" s="403">
        <v>421081</v>
      </c>
      <c r="BO10" s="404">
        <v>4890153</v>
      </c>
      <c r="BP10" s="406">
        <v>5847652</v>
      </c>
      <c r="BQ10" s="402">
        <v>1516040</v>
      </c>
      <c r="BR10" s="403">
        <v>2161664</v>
      </c>
      <c r="BS10" s="404">
        <v>3677704</v>
      </c>
      <c r="BT10" s="402">
        <v>0</v>
      </c>
      <c r="BU10" s="403">
        <v>6849448</v>
      </c>
      <c r="BV10" s="403">
        <v>9548838</v>
      </c>
      <c r="BW10" s="403">
        <v>8245088</v>
      </c>
      <c r="BX10" s="403">
        <v>7649096</v>
      </c>
      <c r="BY10" s="403">
        <v>4879640</v>
      </c>
      <c r="BZ10" s="404">
        <v>37172110</v>
      </c>
      <c r="CA10" s="406">
        <v>40849814</v>
      </c>
      <c r="CB10" s="402">
        <v>1575128</v>
      </c>
      <c r="CC10" s="403">
        <v>3814741</v>
      </c>
      <c r="CD10" s="404">
        <v>5389869</v>
      </c>
      <c r="CE10" s="402">
        <v>0</v>
      </c>
      <c r="CF10" s="403">
        <v>32020308</v>
      </c>
      <c r="CG10" s="403">
        <v>49092594</v>
      </c>
      <c r="CH10" s="403">
        <v>34713835</v>
      </c>
      <c r="CI10" s="403">
        <v>21336898</v>
      </c>
      <c r="CJ10" s="403">
        <v>9037289</v>
      </c>
      <c r="CK10" s="404">
        <v>146200924</v>
      </c>
      <c r="CL10" s="406">
        <v>151590793</v>
      </c>
      <c r="CM10" s="402">
        <v>0</v>
      </c>
      <c r="CN10" s="403">
        <v>0</v>
      </c>
      <c r="CO10" s="404">
        <v>0</v>
      </c>
      <c r="CP10" s="408">
        <v>0</v>
      </c>
      <c r="CQ10" s="403">
        <v>25954269</v>
      </c>
      <c r="CR10" s="403">
        <v>35321394</v>
      </c>
      <c r="CS10" s="403">
        <v>22856611</v>
      </c>
      <c r="CT10" s="403">
        <v>12759390</v>
      </c>
      <c r="CU10" s="403">
        <v>7418385</v>
      </c>
      <c r="CV10" s="404">
        <v>104310049</v>
      </c>
      <c r="CW10" s="406">
        <v>104310049</v>
      </c>
      <c r="CX10" s="402">
        <v>1575128</v>
      </c>
      <c r="CY10" s="403">
        <v>3814741</v>
      </c>
      <c r="CZ10" s="404">
        <v>5389869</v>
      </c>
      <c r="DA10" s="402">
        <v>0</v>
      </c>
      <c r="DB10" s="403">
        <v>6066039</v>
      </c>
      <c r="DC10" s="403">
        <v>13771200</v>
      </c>
      <c r="DD10" s="403">
        <v>11857224</v>
      </c>
      <c r="DE10" s="403">
        <v>8577508</v>
      </c>
      <c r="DF10" s="403">
        <v>1618904</v>
      </c>
      <c r="DG10" s="404">
        <v>41890875</v>
      </c>
      <c r="DH10" s="406">
        <v>47280744</v>
      </c>
      <c r="DI10" s="402">
        <v>62893</v>
      </c>
      <c r="DJ10" s="403">
        <v>483709</v>
      </c>
      <c r="DK10" s="407">
        <v>546602</v>
      </c>
      <c r="DL10" s="408">
        <v>0</v>
      </c>
      <c r="DM10" s="403">
        <v>3532216</v>
      </c>
      <c r="DN10" s="403">
        <v>7379690</v>
      </c>
      <c r="DO10" s="403">
        <v>13186788</v>
      </c>
      <c r="DP10" s="403">
        <v>11077507</v>
      </c>
      <c r="DQ10" s="403">
        <v>6646483</v>
      </c>
      <c r="DR10" s="404">
        <v>41822684</v>
      </c>
      <c r="DS10" s="406">
        <v>42369286</v>
      </c>
      <c r="DT10" s="402">
        <v>62893</v>
      </c>
      <c r="DU10" s="403">
        <v>400395</v>
      </c>
      <c r="DV10" s="404">
        <v>463288</v>
      </c>
      <c r="DW10" s="402">
        <v>0</v>
      </c>
      <c r="DX10" s="403">
        <v>3140924</v>
      </c>
      <c r="DY10" s="403">
        <v>5912520</v>
      </c>
      <c r="DZ10" s="403">
        <v>9974883</v>
      </c>
      <c r="EA10" s="403">
        <v>8954273</v>
      </c>
      <c r="EB10" s="403">
        <v>4815830</v>
      </c>
      <c r="EC10" s="404">
        <v>32798430</v>
      </c>
      <c r="ED10" s="406">
        <v>33261718</v>
      </c>
      <c r="EE10" s="402">
        <v>0</v>
      </c>
      <c r="EF10" s="407">
        <v>83314</v>
      </c>
      <c r="EG10" s="404">
        <v>83314</v>
      </c>
      <c r="EH10" s="402">
        <v>0</v>
      </c>
      <c r="EI10" s="403">
        <v>391292</v>
      </c>
      <c r="EJ10" s="403">
        <v>1467170</v>
      </c>
      <c r="EK10" s="403">
        <v>3211905</v>
      </c>
      <c r="EL10" s="403">
        <v>2123234</v>
      </c>
      <c r="EM10" s="403">
        <v>1830653</v>
      </c>
      <c r="EN10" s="407">
        <v>9024254</v>
      </c>
      <c r="EO10" s="406">
        <v>9107568</v>
      </c>
      <c r="EP10" s="402">
        <v>0</v>
      </c>
      <c r="EQ10" s="403">
        <v>0</v>
      </c>
      <c r="ER10" s="407">
        <v>0</v>
      </c>
      <c r="ES10" s="408">
        <v>0</v>
      </c>
      <c r="ET10" s="403">
        <v>0</v>
      </c>
      <c r="EU10" s="403">
        <v>0</v>
      </c>
      <c r="EV10" s="403">
        <v>0</v>
      </c>
      <c r="EW10" s="403">
        <v>0</v>
      </c>
      <c r="EX10" s="403">
        <v>0</v>
      </c>
      <c r="EY10" s="404">
        <v>0</v>
      </c>
      <c r="EZ10" s="406">
        <v>0</v>
      </c>
      <c r="FA10" s="402">
        <v>0</v>
      </c>
      <c r="FB10" s="403">
        <v>0</v>
      </c>
      <c r="FC10" s="407">
        <v>0</v>
      </c>
      <c r="FD10" s="409"/>
      <c r="FE10" s="403">
        <v>0</v>
      </c>
      <c r="FF10" s="403">
        <v>0</v>
      </c>
      <c r="FG10" s="403">
        <v>0</v>
      </c>
      <c r="FH10" s="403">
        <v>0</v>
      </c>
      <c r="FI10" s="403">
        <v>0</v>
      </c>
      <c r="FJ10" s="404">
        <v>0</v>
      </c>
      <c r="FK10" s="406">
        <v>0</v>
      </c>
      <c r="FL10" s="402">
        <v>2489133</v>
      </c>
      <c r="FM10" s="403">
        <v>5723163</v>
      </c>
      <c r="FN10" s="404">
        <v>8212296</v>
      </c>
      <c r="FO10" s="402">
        <v>0</v>
      </c>
      <c r="FP10" s="403">
        <v>4921124</v>
      </c>
      <c r="FQ10" s="403">
        <v>16936671</v>
      </c>
      <c r="FR10" s="403">
        <v>12322471</v>
      </c>
      <c r="FS10" s="403">
        <v>9747611</v>
      </c>
      <c r="FT10" s="403">
        <v>6554424</v>
      </c>
      <c r="FU10" s="404">
        <v>50482301</v>
      </c>
      <c r="FV10" s="406">
        <v>58694597</v>
      </c>
      <c r="FW10" s="410">
        <v>871352</v>
      </c>
      <c r="FX10" s="403">
        <v>3188128</v>
      </c>
      <c r="FY10" s="407">
        <v>4059480</v>
      </c>
      <c r="FZ10" s="408">
        <v>0</v>
      </c>
      <c r="GA10" s="403">
        <v>3137740</v>
      </c>
      <c r="GB10" s="403">
        <v>15284104</v>
      </c>
      <c r="GC10" s="403">
        <v>10882184</v>
      </c>
      <c r="GD10" s="403">
        <v>8895528</v>
      </c>
      <c r="GE10" s="403">
        <v>5722342</v>
      </c>
      <c r="GF10" s="404">
        <v>43921898</v>
      </c>
      <c r="GG10" s="411">
        <v>47981378</v>
      </c>
      <c r="GH10" s="410">
        <v>192760</v>
      </c>
      <c r="GI10" s="403">
        <v>377559</v>
      </c>
      <c r="GJ10" s="407">
        <v>570319</v>
      </c>
      <c r="GK10" s="408">
        <v>0</v>
      </c>
      <c r="GL10" s="403">
        <v>118552</v>
      </c>
      <c r="GM10" s="403">
        <v>518644</v>
      </c>
      <c r="GN10" s="403">
        <v>326479</v>
      </c>
      <c r="GO10" s="403">
        <v>369923</v>
      </c>
      <c r="GP10" s="403">
        <v>163044</v>
      </c>
      <c r="GQ10" s="404">
        <v>1496642</v>
      </c>
      <c r="GR10" s="406">
        <v>2066961</v>
      </c>
      <c r="GS10" s="402">
        <v>1425021</v>
      </c>
      <c r="GT10" s="403">
        <v>2157476</v>
      </c>
      <c r="GU10" s="404">
        <v>3582497</v>
      </c>
      <c r="GV10" s="402">
        <v>0</v>
      </c>
      <c r="GW10" s="403">
        <v>1664832</v>
      </c>
      <c r="GX10" s="403">
        <v>1133923</v>
      </c>
      <c r="GY10" s="403">
        <v>1113808</v>
      </c>
      <c r="GZ10" s="403">
        <v>482160</v>
      </c>
      <c r="HA10" s="403">
        <v>669038</v>
      </c>
      <c r="HB10" s="407">
        <v>5063761</v>
      </c>
      <c r="HC10" s="406">
        <v>8646258</v>
      </c>
      <c r="HD10" s="402">
        <v>3997694</v>
      </c>
      <c r="HE10" s="403">
        <v>6931245</v>
      </c>
      <c r="HF10" s="407">
        <v>10928939</v>
      </c>
      <c r="HG10" s="408">
        <v>0</v>
      </c>
      <c r="HH10" s="403">
        <v>33437616</v>
      </c>
      <c r="HI10" s="403">
        <v>41651041</v>
      </c>
      <c r="HJ10" s="403">
        <v>37357145</v>
      </c>
      <c r="HK10" s="403">
        <v>43306621</v>
      </c>
      <c r="HL10" s="403">
        <v>24232049</v>
      </c>
      <c r="HM10" s="404">
        <v>179984472</v>
      </c>
      <c r="HN10" s="405">
        <v>190913411</v>
      </c>
      <c r="HO10" s="443"/>
      <c r="HP10" s="444"/>
      <c r="HQ10" s="445"/>
      <c r="HR10" s="446"/>
      <c r="HS10" s="444"/>
      <c r="HT10" s="444"/>
      <c r="HU10" s="444"/>
      <c r="HV10" s="444"/>
      <c r="HW10" s="444"/>
      <c r="HX10" s="447"/>
      <c r="HY10" s="448"/>
      <c r="HZ10" s="412">
        <v>285721</v>
      </c>
      <c r="IA10" s="413">
        <v>247776</v>
      </c>
      <c r="IB10" s="414">
        <v>533497</v>
      </c>
      <c r="IC10" s="415">
        <v>0</v>
      </c>
      <c r="ID10" s="416">
        <v>30591967</v>
      </c>
      <c r="IE10" s="417">
        <v>47134092</v>
      </c>
      <c r="IF10" s="418">
        <v>44750649</v>
      </c>
      <c r="IG10" s="416">
        <v>34209948</v>
      </c>
      <c r="IH10" s="418">
        <v>23595475</v>
      </c>
      <c r="II10" s="419">
        <v>180282131</v>
      </c>
      <c r="IJ10" s="420">
        <v>180815628</v>
      </c>
      <c r="IK10" s="421">
        <v>0</v>
      </c>
      <c r="IL10" s="422">
        <v>0</v>
      </c>
      <c r="IM10" s="423">
        <v>0</v>
      </c>
      <c r="IN10" s="424"/>
      <c r="IO10" s="425">
        <v>322699</v>
      </c>
      <c r="IP10" s="425">
        <v>1715521</v>
      </c>
      <c r="IQ10" s="425">
        <v>1668828</v>
      </c>
      <c r="IR10" s="425">
        <v>3411188</v>
      </c>
      <c r="IS10" s="425">
        <v>634238</v>
      </c>
      <c r="IT10" s="426">
        <v>7752474</v>
      </c>
      <c r="IU10" s="427">
        <v>7752474</v>
      </c>
      <c r="IV10" s="428">
        <v>0</v>
      </c>
      <c r="IW10" s="425">
        <v>0</v>
      </c>
      <c r="IX10" s="429">
        <v>0</v>
      </c>
      <c r="IY10" s="430"/>
      <c r="IZ10" s="425">
        <v>108348</v>
      </c>
      <c r="JA10" s="425">
        <v>473655</v>
      </c>
      <c r="JB10" s="425">
        <v>383462</v>
      </c>
      <c r="JC10" s="425">
        <v>927373</v>
      </c>
      <c r="JD10" s="425">
        <v>524422</v>
      </c>
      <c r="JE10" s="429">
        <v>2417260</v>
      </c>
      <c r="JF10" s="431">
        <v>2417260</v>
      </c>
      <c r="JG10" s="428">
        <v>0</v>
      </c>
      <c r="JH10" s="425">
        <v>0</v>
      </c>
      <c r="JI10" s="426">
        <v>0</v>
      </c>
      <c r="JJ10" s="432">
        <v>0</v>
      </c>
      <c r="JK10" s="425">
        <v>14099389</v>
      </c>
      <c r="JL10" s="425">
        <v>19956371</v>
      </c>
      <c r="JM10" s="425">
        <v>13895324</v>
      </c>
      <c r="JN10" s="425">
        <v>7664670</v>
      </c>
      <c r="JO10" s="425">
        <v>3275220</v>
      </c>
      <c r="JP10" s="429">
        <v>58890974</v>
      </c>
      <c r="JQ10" s="427">
        <v>58890974</v>
      </c>
      <c r="JR10" s="428">
        <v>0</v>
      </c>
      <c r="JS10" s="425">
        <v>0</v>
      </c>
      <c r="JT10" s="426">
        <v>0</v>
      </c>
      <c r="JU10" s="432">
        <v>0</v>
      </c>
      <c r="JV10" s="425">
        <v>3104393</v>
      </c>
      <c r="JW10" s="425">
        <v>3438598</v>
      </c>
      <c r="JX10" s="425">
        <v>5127880</v>
      </c>
      <c r="JY10" s="425">
        <v>3044329</v>
      </c>
      <c r="JZ10" s="425">
        <v>1467771</v>
      </c>
      <c r="KA10" s="429">
        <v>16182971</v>
      </c>
      <c r="KB10" s="427">
        <v>16182971</v>
      </c>
      <c r="KC10" s="433">
        <v>285721</v>
      </c>
      <c r="KD10" s="434">
        <v>247776</v>
      </c>
      <c r="KE10" s="429">
        <v>533497</v>
      </c>
      <c r="KF10" s="432">
        <v>0</v>
      </c>
      <c r="KG10" s="425">
        <v>3926184</v>
      </c>
      <c r="KH10" s="425">
        <v>6222024</v>
      </c>
      <c r="KI10" s="425">
        <v>8471717</v>
      </c>
      <c r="KJ10" s="425">
        <v>4198560</v>
      </c>
      <c r="KK10" s="425">
        <v>4597046</v>
      </c>
      <c r="KL10" s="429">
        <v>27415531</v>
      </c>
      <c r="KM10" s="435">
        <v>27949028</v>
      </c>
      <c r="KN10" s="421">
        <v>0</v>
      </c>
      <c r="KO10" s="422">
        <v>0</v>
      </c>
      <c r="KP10" s="423">
        <v>0</v>
      </c>
      <c r="KQ10" s="424"/>
      <c r="KR10" s="425">
        <v>8252908</v>
      </c>
      <c r="KS10" s="425">
        <v>14246470</v>
      </c>
      <c r="KT10" s="425">
        <v>12849430</v>
      </c>
      <c r="KU10" s="425">
        <v>11231679</v>
      </c>
      <c r="KV10" s="425">
        <v>7338568</v>
      </c>
      <c r="KW10" s="429">
        <v>53919055</v>
      </c>
      <c r="KX10" s="427">
        <v>53919055</v>
      </c>
      <c r="KY10" s="428">
        <v>0</v>
      </c>
      <c r="KZ10" s="425">
        <v>0</v>
      </c>
      <c r="LA10" s="429">
        <v>0</v>
      </c>
      <c r="LB10" s="436"/>
      <c r="LC10" s="425">
        <v>0</v>
      </c>
      <c r="LD10" s="425">
        <v>0</v>
      </c>
      <c r="LE10" s="425">
        <v>0</v>
      </c>
      <c r="LF10" s="425">
        <v>0</v>
      </c>
      <c r="LG10" s="425">
        <v>0</v>
      </c>
      <c r="LH10" s="429">
        <v>0</v>
      </c>
      <c r="LI10" s="431">
        <v>0</v>
      </c>
      <c r="LJ10" s="428">
        <v>0</v>
      </c>
      <c r="LK10" s="425">
        <v>0</v>
      </c>
      <c r="LL10" s="429">
        <v>0</v>
      </c>
      <c r="LM10" s="436"/>
      <c r="LN10" s="425">
        <v>0</v>
      </c>
      <c r="LO10" s="425">
        <v>255376</v>
      </c>
      <c r="LP10" s="425">
        <v>1055985</v>
      </c>
      <c r="LQ10" s="425">
        <v>866251</v>
      </c>
      <c r="LR10" s="425">
        <v>1214273</v>
      </c>
      <c r="LS10" s="429">
        <v>3391885</v>
      </c>
      <c r="LT10" s="427">
        <v>3391885</v>
      </c>
      <c r="LU10" s="428">
        <v>0</v>
      </c>
      <c r="LV10" s="425">
        <v>0</v>
      </c>
      <c r="LW10" s="429">
        <v>0</v>
      </c>
      <c r="LX10" s="436"/>
      <c r="LY10" s="425">
        <v>778046</v>
      </c>
      <c r="LZ10" s="425">
        <v>826077</v>
      </c>
      <c r="MA10" s="425">
        <v>1298023</v>
      </c>
      <c r="MB10" s="425">
        <v>2865898</v>
      </c>
      <c r="MC10" s="425">
        <v>4543937</v>
      </c>
      <c r="MD10" s="429">
        <v>10311981</v>
      </c>
      <c r="ME10" s="431">
        <v>10311981</v>
      </c>
      <c r="MF10" s="428">
        <v>0</v>
      </c>
      <c r="MG10" s="425">
        <v>0</v>
      </c>
      <c r="MH10" s="429">
        <v>0</v>
      </c>
      <c r="MI10" s="436"/>
      <c r="MJ10" s="425">
        <v>10934964</v>
      </c>
      <c r="MK10" s="425">
        <v>40763447</v>
      </c>
      <c r="ML10" s="425">
        <v>91141941</v>
      </c>
      <c r="MM10" s="425">
        <v>122963377</v>
      </c>
      <c r="MN10" s="425">
        <v>64963564</v>
      </c>
      <c r="MO10" s="429">
        <v>330767293</v>
      </c>
      <c r="MP10" s="435">
        <v>330767293</v>
      </c>
      <c r="MQ10" s="428">
        <v>0</v>
      </c>
      <c r="MR10" s="425">
        <v>0</v>
      </c>
      <c r="MS10" s="429">
        <v>0</v>
      </c>
      <c r="MT10" s="436"/>
      <c r="MU10" s="425">
        <v>1907492</v>
      </c>
      <c r="MV10" s="425">
        <v>11450869</v>
      </c>
      <c r="MW10" s="425">
        <v>54793052</v>
      </c>
      <c r="MX10" s="425">
        <v>75055742</v>
      </c>
      <c r="MY10" s="425">
        <v>38781096</v>
      </c>
      <c r="MZ10" s="429">
        <v>181988251</v>
      </c>
      <c r="NA10" s="435">
        <v>181988251</v>
      </c>
      <c r="NB10" s="428">
        <v>0</v>
      </c>
      <c r="NC10" s="425">
        <v>0</v>
      </c>
      <c r="ND10" s="429">
        <v>0</v>
      </c>
      <c r="NE10" s="436"/>
      <c r="NF10" s="425">
        <v>9027472</v>
      </c>
      <c r="NG10" s="425">
        <v>29067834</v>
      </c>
      <c r="NH10" s="425">
        <v>36036498</v>
      </c>
      <c r="NI10" s="425">
        <v>45249130</v>
      </c>
      <c r="NJ10" s="425">
        <v>22940261</v>
      </c>
      <c r="NK10" s="429">
        <v>142321195</v>
      </c>
      <c r="NL10" s="427">
        <v>142321195</v>
      </c>
      <c r="NM10" s="428">
        <v>0</v>
      </c>
      <c r="NN10" s="425">
        <v>0</v>
      </c>
      <c r="NO10" s="429">
        <v>0</v>
      </c>
      <c r="NP10" s="436"/>
      <c r="NQ10" s="425">
        <v>0</v>
      </c>
      <c r="NR10" s="425">
        <v>0</v>
      </c>
      <c r="NS10" s="425">
        <v>0</v>
      </c>
      <c r="NT10" s="425">
        <v>1338084</v>
      </c>
      <c r="NU10" s="425">
        <v>669138</v>
      </c>
      <c r="NV10" s="429">
        <v>2007222</v>
      </c>
      <c r="NW10" s="431">
        <v>2007222</v>
      </c>
      <c r="NX10" s="428">
        <v>0</v>
      </c>
      <c r="NY10" s="425">
        <v>0</v>
      </c>
      <c r="NZ10" s="429">
        <v>0</v>
      </c>
      <c r="OA10" s="436"/>
      <c r="OB10" s="425">
        <v>0</v>
      </c>
      <c r="OC10" s="425">
        <v>244744</v>
      </c>
      <c r="OD10" s="425">
        <v>312391</v>
      </c>
      <c r="OE10" s="425">
        <v>1320421</v>
      </c>
      <c r="OF10" s="425">
        <v>2573069</v>
      </c>
      <c r="OG10" s="429">
        <v>4450625</v>
      </c>
      <c r="OH10" s="431">
        <v>4450625</v>
      </c>
      <c r="OI10" s="428">
        <v>12435248</v>
      </c>
      <c r="OJ10" s="425">
        <v>26572606</v>
      </c>
      <c r="OK10" s="426">
        <v>39007854</v>
      </c>
      <c r="OL10" s="432">
        <v>0</v>
      </c>
      <c r="OM10" s="425">
        <v>154814816</v>
      </c>
      <c r="ON10" s="425">
        <v>268707110</v>
      </c>
      <c r="OO10" s="425">
        <v>287130030</v>
      </c>
      <c r="OP10" s="425">
        <v>294526154</v>
      </c>
      <c r="OQ10" s="425">
        <v>180455030</v>
      </c>
      <c r="OR10" s="429">
        <v>1185633140</v>
      </c>
      <c r="OS10" s="435">
        <v>1224640994</v>
      </c>
    </row>
    <row r="11" spans="1:409" ht="21" customHeight="1" x14ac:dyDescent="0.2">
      <c r="B11" s="468" t="s">
        <v>6</v>
      </c>
      <c r="C11" s="100">
        <v>3514529</v>
      </c>
      <c r="D11" s="104">
        <v>4203617</v>
      </c>
      <c r="E11" s="103">
        <v>7718146</v>
      </c>
      <c r="F11" s="99">
        <v>0</v>
      </c>
      <c r="G11" s="104">
        <v>46129601</v>
      </c>
      <c r="H11" s="104">
        <v>48756196</v>
      </c>
      <c r="I11" s="104">
        <v>35739959</v>
      </c>
      <c r="J11" s="104">
        <v>37653553</v>
      </c>
      <c r="K11" s="104">
        <v>27369540</v>
      </c>
      <c r="L11" s="99">
        <v>195648849</v>
      </c>
      <c r="M11" s="106">
        <v>203366995</v>
      </c>
      <c r="N11" s="100">
        <v>880446</v>
      </c>
      <c r="O11" s="104">
        <v>1787681</v>
      </c>
      <c r="P11" s="103">
        <v>2668127</v>
      </c>
      <c r="Q11" s="100">
        <v>0</v>
      </c>
      <c r="R11" s="104">
        <v>15352794</v>
      </c>
      <c r="S11" s="104">
        <v>16766377</v>
      </c>
      <c r="T11" s="104">
        <v>10960623</v>
      </c>
      <c r="U11" s="104">
        <v>13206786</v>
      </c>
      <c r="V11" s="104">
        <v>13813501</v>
      </c>
      <c r="W11" s="103">
        <v>70100081</v>
      </c>
      <c r="X11" s="106">
        <v>72768208</v>
      </c>
      <c r="Y11" s="100">
        <v>0</v>
      </c>
      <c r="Z11" s="104">
        <v>0</v>
      </c>
      <c r="AA11" s="103">
        <v>0</v>
      </c>
      <c r="AB11" s="100">
        <v>0</v>
      </c>
      <c r="AC11" s="104">
        <v>6144283</v>
      </c>
      <c r="AD11" s="104">
        <v>6024358</v>
      </c>
      <c r="AE11" s="104">
        <v>4616786</v>
      </c>
      <c r="AF11" s="104">
        <v>6432577</v>
      </c>
      <c r="AG11" s="104">
        <v>7311952</v>
      </c>
      <c r="AH11" s="103">
        <v>30529956</v>
      </c>
      <c r="AI11" s="106">
        <v>30529956</v>
      </c>
      <c r="AJ11" s="100">
        <v>0</v>
      </c>
      <c r="AK11" s="104">
        <v>0</v>
      </c>
      <c r="AL11" s="103">
        <v>0</v>
      </c>
      <c r="AM11" s="100">
        <v>0</v>
      </c>
      <c r="AN11" s="104">
        <v>97206</v>
      </c>
      <c r="AO11" s="104">
        <v>137202</v>
      </c>
      <c r="AP11" s="104">
        <v>245927</v>
      </c>
      <c r="AQ11" s="104">
        <v>266541</v>
      </c>
      <c r="AR11" s="104">
        <v>1576689</v>
      </c>
      <c r="AS11" s="103">
        <v>2323565</v>
      </c>
      <c r="AT11" s="106">
        <v>2323565</v>
      </c>
      <c r="AU11" s="100">
        <v>284414</v>
      </c>
      <c r="AV11" s="104">
        <v>1163623</v>
      </c>
      <c r="AW11" s="103">
        <v>1448037</v>
      </c>
      <c r="AX11" s="100">
        <v>0</v>
      </c>
      <c r="AY11" s="104">
        <v>5341906</v>
      </c>
      <c r="AZ11" s="104">
        <v>7257951</v>
      </c>
      <c r="BA11" s="104">
        <v>3229613</v>
      </c>
      <c r="BB11" s="104">
        <v>3522031</v>
      </c>
      <c r="BC11" s="104">
        <v>2932896</v>
      </c>
      <c r="BD11" s="103">
        <v>22284397</v>
      </c>
      <c r="BE11" s="106">
        <v>23732434</v>
      </c>
      <c r="BF11" s="100">
        <v>52056</v>
      </c>
      <c r="BG11" s="104">
        <v>185442</v>
      </c>
      <c r="BH11" s="102">
        <v>237498</v>
      </c>
      <c r="BI11" s="101">
        <v>0</v>
      </c>
      <c r="BJ11" s="104">
        <v>628815</v>
      </c>
      <c r="BK11" s="104">
        <v>430514</v>
      </c>
      <c r="BL11" s="104">
        <v>465769</v>
      </c>
      <c r="BM11" s="104">
        <v>391984</v>
      </c>
      <c r="BN11" s="104">
        <v>180684</v>
      </c>
      <c r="BO11" s="103">
        <v>2097766</v>
      </c>
      <c r="BP11" s="106">
        <v>2335264</v>
      </c>
      <c r="BQ11" s="100">
        <v>543976</v>
      </c>
      <c r="BR11" s="104">
        <v>438616</v>
      </c>
      <c r="BS11" s="103">
        <v>982592</v>
      </c>
      <c r="BT11" s="100">
        <v>0</v>
      </c>
      <c r="BU11" s="104">
        <v>3140584</v>
      </c>
      <c r="BV11" s="104">
        <v>2916352</v>
      </c>
      <c r="BW11" s="104">
        <v>2402528</v>
      </c>
      <c r="BX11" s="104">
        <v>2593653</v>
      </c>
      <c r="BY11" s="104">
        <v>1811280</v>
      </c>
      <c r="BZ11" s="103">
        <v>12864397</v>
      </c>
      <c r="CA11" s="106">
        <v>13846989</v>
      </c>
      <c r="CB11" s="100">
        <v>234443</v>
      </c>
      <c r="CC11" s="104">
        <v>436472</v>
      </c>
      <c r="CD11" s="103">
        <v>670915</v>
      </c>
      <c r="CE11" s="100">
        <v>0</v>
      </c>
      <c r="CF11" s="104">
        <v>11854380</v>
      </c>
      <c r="CG11" s="104">
        <v>14916781</v>
      </c>
      <c r="CH11" s="104">
        <v>8631175</v>
      </c>
      <c r="CI11" s="104">
        <v>6130234</v>
      </c>
      <c r="CJ11" s="104">
        <v>3336471</v>
      </c>
      <c r="CK11" s="103">
        <v>44869041</v>
      </c>
      <c r="CL11" s="106">
        <v>45539956</v>
      </c>
      <c r="CM11" s="100">
        <v>0</v>
      </c>
      <c r="CN11" s="104">
        <v>0</v>
      </c>
      <c r="CO11" s="103">
        <v>0</v>
      </c>
      <c r="CP11" s="101">
        <v>0</v>
      </c>
      <c r="CQ11" s="104">
        <v>9907676</v>
      </c>
      <c r="CR11" s="104">
        <v>11328406</v>
      </c>
      <c r="CS11" s="104">
        <v>5589636</v>
      </c>
      <c r="CT11" s="104">
        <v>4234157</v>
      </c>
      <c r="CU11" s="104">
        <v>2337887</v>
      </c>
      <c r="CV11" s="103">
        <v>33397762</v>
      </c>
      <c r="CW11" s="106">
        <v>33397762</v>
      </c>
      <c r="CX11" s="100">
        <v>234443</v>
      </c>
      <c r="CY11" s="104">
        <v>436472</v>
      </c>
      <c r="CZ11" s="103">
        <v>670915</v>
      </c>
      <c r="DA11" s="100">
        <v>0</v>
      </c>
      <c r="DB11" s="104">
        <v>1946704</v>
      </c>
      <c r="DC11" s="104">
        <v>3588375</v>
      </c>
      <c r="DD11" s="104">
        <v>3041539</v>
      </c>
      <c r="DE11" s="104">
        <v>1896077</v>
      </c>
      <c r="DF11" s="104">
        <v>998584</v>
      </c>
      <c r="DG11" s="103">
        <v>11471279</v>
      </c>
      <c r="DH11" s="106">
        <v>12142194</v>
      </c>
      <c r="DI11" s="100">
        <v>0</v>
      </c>
      <c r="DJ11" s="104">
        <v>64442</v>
      </c>
      <c r="DK11" s="102">
        <v>64442</v>
      </c>
      <c r="DL11" s="101">
        <v>0</v>
      </c>
      <c r="DM11" s="104">
        <v>1034897</v>
      </c>
      <c r="DN11" s="104">
        <v>2201179</v>
      </c>
      <c r="DO11" s="104">
        <v>2239432</v>
      </c>
      <c r="DP11" s="104">
        <v>2643683</v>
      </c>
      <c r="DQ11" s="104">
        <v>1374502</v>
      </c>
      <c r="DR11" s="103">
        <v>9493693</v>
      </c>
      <c r="DS11" s="106">
        <v>9558135</v>
      </c>
      <c r="DT11" s="100">
        <v>0</v>
      </c>
      <c r="DU11" s="104">
        <v>64442</v>
      </c>
      <c r="DV11" s="103">
        <v>64442</v>
      </c>
      <c r="DW11" s="100">
        <v>0</v>
      </c>
      <c r="DX11" s="104">
        <v>1000697</v>
      </c>
      <c r="DY11" s="104">
        <v>1591215</v>
      </c>
      <c r="DZ11" s="104">
        <v>1999614</v>
      </c>
      <c r="EA11" s="104">
        <v>1838935</v>
      </c>
      <c r="EB11" s="104">
        <v>1189484</v>
      </c>
      <c r="EC11" s="103">
        <v>7619945</v>
      </c>
      <c r="ED11" s="106">
        <v>7684387</v>
      </c>
      <c r="EE11" s="100">
        <v>0</v>
      </c>
      <c r="EF11" s="102">
        <v>0</v>
      </c>
      <c r="EG11" s="103">
        <v>0</v>
      </c>
      <c r="EH11" s="100">
        <v>0</v>
      </c>
      <c r="EI11" s="104">
        <v>34200</v>
      </c>
      <c r="EJ11" s="104">
        <v>609964</v>
      </c>
      <c r="EK11" s="104">
        <v>239818</v>
      </c>
      <c r="EL11" s="104">
        <v>804748</v>
      </c>
      <c r="EM11" s="104">
        <v>185018</v>
      </c>
      <c r="EN11" s="102">
        <v>1873748</v>
      </c>
      <c r="EO11" s="106">
        <v>1873748</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2"/>
      <c r="FE11" s="104">
        <v>0</v>
      </c>
      <c r="FF11" s="104">
        <v>0</v>
      </c>
      <c r="FG11" s="104">
        <v>0</v>
      </c>
      <c r="FH11" s="104">
        <v>0</v>
      </c>
      <c r="FI11" s="104">
        <v>0</v>
      </c>
      <c r="FJ11" s="103">
        <v>0</v>
      </c>
      <c r="FK11" s="106">
        <v>0</v>
      </c>
      <c r="FL11" s="100">
        <v>854128</v>
      </c>
      <c r="FM11" s="104">
        <v>883128</v>
      </c>
      <c r="FN11" s="103">
        <v>1737256</v>
      </c>
      <c r="FO11" s="100">
        <v>0</v>
      </c>
      <c r="FP11" s="104">
        <v>2173040</v>
      </c>
      <c r="FQ11" s="104">
        <v>4668690</v>
      </c>
      <c r="FR11" s="104">
        <v>3378864</v>
      </c>
      <c r="FS11" s="104">
        <v>3144408</v>
      </c>
      <c r="FT11" s="104">
        <v>1903576</v>
      </c>
      <c r="FU11" s="103">
        <v>15268578</v>
      </c>
      <c r="FV11" s="106">
        <v>17005834</v>
      </c>
      <c r="FW11" s="105">
        <v>439728</v>
      </c>
      <c r="FX11" s="104">
        <v>683080</v>
      </c>
      <c r="FY11" s="102">
        <v>1122808</v>
      </c>
      <c r="FZ11" s="101">
        <v>0</v>
      </c>
      <c r="GA11" s="104">
        <v>1521568</v>
      </c>
      <c r="GB11" s="104">
        <v>4200626</v>
      </c>
      <c r="GC11" s="104">
        <v>2911392</v>
      </c>
      <c r="GD11" s="104">
        <v>2845456</v>
      </c>
      <c r="GE11" s="104">
        <v>1903576</v>
      </c>
      <c r="GF11" s="103">
        <v>13382618</v>
      </c>
      <c r="GG11" s="294">
        <v>14505426</v>
      </c>
      <c r="GH11" s="105">
        <v>0</v>
      </c>
      <c r="GI11" s="104">
        <v>73128</v>
      </c>
      <c r="GJ11" s="102">
        <v>73128</v>
      </c>
      <c r="GK11" s="101">
        <v>0</v>
      </c>
      <c r="GL11" s="104">
        <v>188992</v>
      </c>
      <c r="GM11" s="104">
        <v>153664</v>
      </c>
      <c r="GN11" s="104">
        <v>209312</v>
      </c>
      <c r="GO11" s="104">
        <v>22176</v>
      </c>
      <c r="GP11" s="104">
        <v>0</v>
      </c>
      <c r="GQ11" s="103">
        <v>574144</v>
      </c>
      <c r="GR11" s="106">
        <v>647272</v>
      </c>
      <c r="GS11" s="100">
        <v>414400</v>
      </c>
      <c r="GT11" s="104">
        <v>126920</v>
      </c>
      <c r="GU11" s="103">
        <v>541320</v>
      </c>
      <c r="GV11" s="100">
        <v>0</v>
      </c>
      <c r="GW11" s="104">
        <v>462480</v>
      </c>
      <c r="GX11" s="104">
        <v>314400</v>
      </c>
      <c r="GY11" s="104">
        <v>258160</v>
      </c>
      <c r="GZ11" s="104">
        <v>276776</v>
      </c>
      <c r="HA11" s="104">
        <v>0</v>
      </c>
      <c r="HB11" s="102">
        <v>1311816</v>
      </c>
      <c r="HC11" s="106">
        <v>1853136</v>
      </c>
      <c r="HD11" s="100">
        <v>1545512</v>
      </c>
      <c r="HE11" s="104">
        <v>1031894</v>
      </c>
      <c r="HF11" s="102">
        <v>2577406</v>
      </c>
      <c r="HG11" s="101">
        <v>0</v>
      </c>
      <c r="HH11" s="104">
        <v>15714490</v>
      </c>
      <c r="HI11" s="104">
        <v>10203169</v>
      </c>
      <c r="HJ11" s="104">
        <v>10529865</v>
      </c>
      <c r="HK11" s="104">
        <v>12528442</v>
      </c>
      <c r="HL11" s="104">
        <v>6941490</v>
      </c>
      <c r="HM11" s="103">
        <v>55917456</v>
      </c>
      <c r="HN11" s="99">
        <v>58494862</v>
      </c>
      <c r="HO11" s="304"/>
      <c r="HP11" s="305"/>
      <c r="HQ11" s="306"/>
      <c r="HR11" s="307"/>
      <c r="HS11" s="305"/>
      <c r="HT11" s="305"/>
      <c r="HU11" s="305"/>
      <c r="HV11" s="305"/>
      <c r="HW11" s="305"/>
      <c r="HX11" s="308"/>
      <c r="HY11" s="309"/>
      <c r="HZ11" s="118">
        <v>179778</v>
      </c>
      <c r="IA11" s="119">
        <v>78640</v>
      </c>
      <c r="IB11" s="120">
        <v>258418</v>
      </c>
      <c r="IC11" s="133">
        <v>0</v>
      </c>
      <c r="ID11" s="119">
        <v>13750737</v>
      </c>
      <c r="IE11" s="134">
        <v>14977425</v>
      </c>
      <c r="IF11" s="120">
        <v>13014719</v>
      </c>
      <c r="IG11" s="119">
        <v>14923419</v>
      </c>
      <c r="IH11" s="120">
        <v>6642326</v>
      </c>
      <c r="II11" s="135">
        <v>63308626</v>
      </c>
      <c r="IJ11" s="126">
        <v>63567044</v>
      </c>
      <c r="IK11" s="219">
        <v>0</v>
      </c>
      <c r="IL11" s="223">
        <v>0</v>
      </c>
      <c r="IM11" s="224">
        <v>0</v>
      </c>
      <c r="IN11" s="127"/>
      <c r="IO11" s="109">
        <v>238909</v>
      </c>
      <c r="IP11" s="109">
        <v>123244</v>
      </c>
      <c r="IQ11" s="109">
        <v>1073074</v>
      </c>
      <c r="IR11" s="109">
        <v>1247196</v>
      </c>
      <c r="IS11" s="109">
        <v>803414</v>
      </c>
      <c r="IT11" s="128">
        <v>3485837</v>
      </c>
      <c r="IU11" s="296">
        <v>3485837</v>
      </c>
      <c r="IV11" s="129">
        <v>0</v>
      </c>
      <c r="IW11" s="109">
        <v>0</v>
      </c>
      <c r="IX11" s="110">
        <v>0</v>
      </c>
      <c r="IY11" s="131"/>
      <c r="IZ11" s="109">
        <v>53098</v>
      </c>
      <c r="JA11" s="109">
        <v>98439</v>
      </c>
      <c r="JB11" s="109">
        <v>264749</v>
      </c>
      <c r="JC11" s="109">
        <v>35298</v>
      </c>
      <c r="JD11" s="109">
        <v>130377</v>
      </c>
      <c r="JE11" s="110">
        <v>581961</v>
      </c>
      <c r="JF11" s="111">
        <v>581961</v>
      </c>
      <c r="JG11" s="129">
        <v>0</v>
      </c>
      <c r="JH11" s="109">
        <v>0</v>
      </c>
      <c r="JI11" s="128">
        <v>0</v>
      </c>
      <c r="JJ11" s="108">
        <v>0</v>
      </c>
      <c r="JK11" s="109">
        <v>4085356</v>
      </c>
      <c r="JL11" s="109">
        <v>3590242</v>
      </c>
      <c r="JM11" s="109">
        <v>1881155</v>
      </c>
      <c r="JN11" s="109">
        <v>1992413</v>
      </c>
      <c r="JO11" s="109">
        <v>934745</v>
      </c>
      <c r="JP11" s="110">
        <v>12483911</v>
      </c>
      <c r="JQ11" s="296">
        <v>12483911</v>
      </c>
      <c r="JR11" s="129">
        <v>0</v>
      </c>
      <c r="JS11" s="109">
        <v>0</v>
      </c>
      <c r="JT11" s="128">
        <v>0</v>
      </c>
      <c r="JU11" s="108">
        <v>0</v>
      </c>
      <c r="JV11" s="109">
        <v>1447247</v>
      </c>
      <c r="JW11" s="109">
        <v>1220985</v>
      </c>
      <c r="JX11" s="109">
        <v>1557468</v>
      </c>
      <c r="JY11" s="109">
        <v>825821</v>
      </c>
      <c r="JZ11" s="109">
        <v>794001</v>
      </c>
      <c r="KA11" s="110">
        <v>5845522</v>
      </c>
      <c r="KB11" s="296">
        <v>5845522</v>
      </c>
      <c r="KC11" s="221">
        <v>179778</v>
      </c>
      <c r="KD11" s="217">
        <v>78640</v>
      </c>
      <c r="KE11" s="110">
        <v>258418</v>
      </c>
      <c r="KF11" s="108">
        <v>0</v>
      </c>
      <c r="KG11" s="109">
        <v>1852432</v>
      </c>
      <c r="KH11" s="109">
        <v>1798276</v>
      </c>
      <c r="KI11" s="109">
        <v>966331</v>
      </c>
      <c r="KJ11" s="109">
        <v>1797603</v>
      </c>
      <c r="KK11" s="109">
        <v>555898</v>
      </c>
      <c r="KL11" s="110">
        <v>6970540</v>
      </c>
      <c r="KM11" s="130">
        <v>7228958</v>
      </c>
      <c r="KN11" s="219">
        <v>0</v>
      </c>
      <c r="KO11" s="223">
        <v>0</v>
      </c>
      <c r="KP11" s="224">
        <v>0</v>
      </c>
      <c r="KQ11" s="127"/>
      <c r="KR11" s="109">
        <v>4963929</v>
      </c>
      <c r="KS11" s="109">
        <v>7371464</v>
      </c>
      <c r="KT11" s="109">
        <v>6206058</v>
      </c>
      <c r="KU11" s="109">
        <v>4951012</v>
      </c>
      <c r="KV11" s="109">
        <v>1549713</v>
      </c>
      <c r="KW11" s="110">
        <v>25042176</v>
      </c>
      <c r="KX11" s="296">
        <v>25042176</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0</v>
      </c>
      <c r="LO11" s="109">
        <v>0</v>
      </c>
      <c r="LP11" s="109">
        <v>792205</v>
      </c>
      <c r="LQ11" s="109">
        <v>2530111</v>
      </c>
      <c r="LR11" s="109">
        <v>593707</v>
      </c>
      <c r="LS11" s="110">
        <v>3916023</v>
      </c>
      <c r="LT11" s="296">
        <v>3916023</v>
      </c>
      <c r="LU11" s="129">
        <v>0</v>
      </c>
      <c r="LV11" s="109">
        <v>0</v>
      </c>
      <c r="LW11" s="110">
        <v>0</v>
      </c>
      <c r="LX11" s="132"/>
      <c r="LY11" s="109">
        <v>1109766</v>
      </c>
      <c r="LZ11" s="109">
        <v>774775</v>
      </c>
      <c r="MA11" s="109">
        <v>273679</v>
      </c>
      <c r="MB11" s="109">
        <v>1543965</v>
      </c>
      <c r="MC11" s="109">
        <v>1280471</v>
      </c>
      <c r="MD11" s="110">
        <v>4982656</v>
      </c>
      <c r="ME11" s="111">
        <v>4982656</v>
      </c>
      <c r="MF11" s="129">
        <v>0</v>
      </c>
      <c r="MG11" s="109">
        <v>0</v>
      </c>
      <c r="MH11" s="110">
        <v>0</v>
      </c>
      <c r="MI11" s="132"/>
      <c r="MJ11" s="109">
        <v>2135880</v>
      </c>
      <c r="MK11" s="109">
        <v>4223044</v>
      </c>
      <c r="ML11" s="109">
        <v>19787186</v>
      </c>
      <c r="MM11" s="109">
        <v>26879845</v>
      </c>
      <c r="MN11" s="109">
        <v>17785084</v>
      </c>
      <c r="MO11" s="110">
        <v>70811039</v>
      </c>
      <c r="MP11" s="130">
        <v>70811039</v>
      </c>
      <c r="MQ11" s="129">
        <v>0</v>
      </c>
      <c r="MR11" s="109">
        <v>0</v>
      </c>
      <c r="MS11" s="110">
        <v>0</v>
      </c>
      <c r="MT11" s="132"/>
      <c r="MU11" s="109">
        <v>405360</v>
      </c>
      <c r="MV11" s="109">
        <v>1067588</v>
      </c>
      <c r="MW11" s="109">
        <v>11461948</v>
      </c>
      <c r="MX11" s="109">
        <v>18750562</v>
      </c>
      <c r="MY11" s="109">
        <v>10521210</v>
      </c>
      <c r="MZ11" s="110">
        <v>42206668</v>
      </c>
      <c r="NA11" s="130">
        <v>42206668</v>
      </c>
      <c r="NB11" s="129">
        <v>0</v>
      </c>
      <c r="NC11" s="109">
        <v>0</v>
      </c>
      <c r="ND11" s="110">
        <v>0</v>
      </c>
      <c r="NE11" s="132"/>
      <c r="NF11" s="109">
        <v>1730520</v>
      </c>
      <c r="NG11" s="109">
        <v>3155456</v>
      </c>
      <c r="NH11" s="109">
        <v>8325238</v>
      </c>
      <c r="NI11" s="109">
        <v>7468084</v>
      </c>
      <c r="NJ11" s="109">
        <v>6207369</v>
      </c>
      <c r="NK11" s="110">
        <v>26886667</v>
      </c>
      <c r="NL11" s="296">
        <v>26886667</v>
      </c>
      <c r="NM11" s="129">
        <v>0</v>
      </c>
      <c r="NN11" s="109">
        <v>0</v>
      </c>
      <c r="NO11" s="110">
        <v>0</v>
      </c>
      <c r="NP11" s="132"/>
      <c r="NQ11" s="109">
        <v>0</v>
      </c>
      <c r="NR11" s="109">
        <v>0</v>
      </c>
      <c r="NS11" s="109">
        <v>0</v>
      </c>
      <c r="NT11" s="109">
        <v>303718</v>
      </c>
      <c r="NU11" s="109">
        <v>304077</v>
      </c>
      <c r="NV11" s="110">
        <v>607795</v>
      </c>
      <c r="NW11" s="111">
        <v>607795</v>
      </c>
      <c r="NX11" s="129">
        <v>0</v>
      </c>
      <c r="NY11" s="109">
        <v>0</v>
      </c>
      <c r="NZ11" s="110">
        <v>0</v>
      </c>
      <c r="OA11" s="132"/>
      <c r="OB11" s="109">
        <v>0</v>
      </c>
      <c r="OC11" s="109">
        <v>0</v>
      </c>
      <c r="OD11" s="109">
        <v>0</v>
      </c>
      <c r="OE11" s="109">
        <v>357481</v>
      </c>
      <c r="OF11" s="109">
        <v>752428</v>
      </c>
      <c r="OG11" s="110">
        <v>1109909</v>
      </c>
      <c r="OH11" s="111">
        <v>1109909</v>
      </c>
      <c r="OI11" s="129">
        <v>3694307</v>
      </c>
      <c r="OJ11" s="109">
        <v>4282257</v>
      </c>
      <c r="OK11" s="128">
        <v>7976564</v>
      </c>
      <c r="OL11" s="108">
        <v>0</v>
      </c>
      <c r="OM11" s="109">
        <v>62016218</v>
      </c>
      <c r="ON11" s="109">
        <v>67956665</v>
      </c>
      <c r="OO11" s="109">
        <v>68541864</v>
      </c>
      <c r="OP11" s="109">
        <v>79456817</v>
      </c>
      <c r="OQ11" s="109">
        <v>51796950</v>
      </c>
      <c r="OR11" s="110">
        <v>329768514</v>
      </c>
      <c r="OS11" s="130">
        <v>337745078</v>
      </c>
    </row>
    <row r="12" spans="1:409" ht="21" customHeight="1" x14ac:dyDescent="0.2">
      <c r="B12" s="468" t="s">
        <v>14</v>
      </c>
      <c r="C12" s="100">
        <v>1458560</v>
      </c>
      <c r="D12" s="104">
        <v>3634125</v>
      </c>
      <c r="E12" s="103">
        <v>5092685</v>
      </c>
      <c r="F12" s="99">
        <v>0</v>
      </c>
      <c r="G12" s="104">
        <v>17348779</v>
      </c>
      <c r="H12" s="104">
        <v>27023477</v>
      </c>
      <c r="I12" s="104">
        <v>27364653</v>
      </c>
      <c r="J12" s="104">
        <v>22323062</v>
      </c>
      <c r="K12" s="104">
        <v>13507092</v>
      </c>
      <c r="L12" s="102">
        <v>107567063</v>
      </c>
      <c r="M12" s="106">
        <v>112659748</v>
      </c>
      <c r="N12" s="100">
        <v>455078</v>
      </c>
      <c r="O12" s="104">
        <v>999320</v>
      </c>
      <c r="P12" s="103">
        <v>1454398</v>
      </c>
      <c r="Q12" s="100">
        <v>0</v>
      </c>
      <c r="R12" s="104">
        <v>5076849</v>
      </c>
      <c r="S12" s="104">
        <v>9236775</v>
      </c>
      <c r="T12" s="104">
        <v>9211171</v>
      </c>
      <c r="U12" s="104">
        <v>9058314</v>
      </c>
      <c r="V12" s="104">
        <v>7184649</v>
      </c>
      <c r="W12" s="103">
        <v>39767758</v>
      </c>
      <c r="X12" s="106">
        <v>41222156</v>
      </c>
      <c r="Y12" s="100">
        <v>0</v>
      </c>
      <c r="Z12" s="104">
        <v>0</v>
      </c>
      <c r="AA12" s="103">
        <v>0</v>
      </c>
      <c r="AB12" s="100">
        <v>0</v>
      </c>
      <c r="AC12" s="104">
        <v>1966333</v>
      </c>
      <c r="AD12" s="104">
        <v>4460634</v>
      </c>
      <c r="AE12" s="104">
        <v>4393865</v>
      </c>
      <c r="AF12" s="104">
        <v>5576558</v>
      </c>
      <c r="AG12" s="104">
        <v>4181006</v>
      </c>
      <c r="AH12" s="103">
        <v>20578396</v>
      </c>
      <c r="AI12" s="106">
        <v>20578396</v>
      </c>
      <c r="AJ12" s="100">
        <v>0</v>
      </c>
      <c r="AK12" s="104">
        <v>0</v>
      </c>
      <c r="AL12" s="103">
        <v>0</v>
      </c>
      <c r="AM12" s="100">
        <v>0</v>
      </c>
      <c r="AN12" s="104">
        <v>0</v>
      </c>
      <c r="AO12" s="104">
        <v>96639</v>
      </c>
      <c r="AP12" s="104">
        <v>303714</v>
      </c>
      <c r="AQ12" s="104">
        <v>322211</v>
      </c>
      <c r="AR12" s="104">
        <v>440825</v>
      </c>
      <c r="AS12" s="103">
        <v>1163389</v>
      </c>
      <c r="AT12" s="106">
        <v>1163389</v>
      </c>
      <c r="AU12" s="100">
        <v>193710</v>
      </c>
      <c r="AV12" s="104">
        <v>686601</v>
      </c>
      <c r="AW12" s="103">
        <v>880311</v>
      </c>
      <c r="AX12" s="100">
        <v>0</v>
      </c>
      <c r="AY12" s="104">
        <v>2026332</v>
      </c>
      <c r="AZ12" s="104">
        <v>3152232</v>
      </c>
      <c r="BA12" s="104">
        <v>2941945</v>
      </c>
      <c r="BB12" s="104">
        <v>1677652</v>
      </c>
      <c r="BC12" s="104">
        <v>1714854</v>
      </c>
      <c r="BD12" s="103">
        <v>11513015</v>
      </c>
      <c r="BE12" s="106">
        <v>12393326</v>
      </c>
      <c r="BF12" s="100">
        <v>0</v>
      </c>
      <c r="BG12" s="104">
        <v>83743</v>
      </c>
      <c r="BH12" s="102">
        <v>83743</v>
      </c>
      <c r="BI12" s="101">
        <v>0</v>
      </c>
      <c r="BJ12" s="104">
        <v>0</v>
      </c>
      <c r="BK12" s="104">
        <v>65366</v>
      </c>
      <c r="BL12" s="104">
        <v>156351</v>
      </c>
      <c r="BM12" s="104">
        <v>137349</v>
      </c>
      <c r="BN12" s="104">
        <v>75404</v>
      </c>
      <c r="BO12" s="103">
        <v>434470</v>
      </c>
      <c r="BP12" s="106">
        <v>518213</v>
      </c>
      <c r="BQ12" s="100">
        <v>261368</v>
      </c>
      <c r="BR12" s="104">
        <v>228976</v>
      </c>
      <c r="BS12" s="103">
        <v>490344</v>
      </c>
      <c r="BT12" s="100">
        <v>0</v>
      </c>
      <c r="BU12" s="104">
        <v>1084184</v>
      </c>
      <c r="BV12" s="104">
        <v>1461904</v>
      </c>
      <c r="BW12" s="104">
        <v>1415296</v>
      </c>
      <c r="BX12" s="104">
        <v>1344544</v>
      </c>
      <c r="BY12" s="104">
        <v>772560</v>
      </c>
      <c r="BZ12" s="103">
        <v>6078488</v>
      </c>
      <c r="CA12" s="106">
        <v>6568832</v>
      </c>
      <c r="CB12" s="100">
        <v>103851</v>
      </c>
      <c r="CC12" s="104">
        <v>380093</v>
      </c>
      <c r="CD12" s="103">
        <v>483944</v>
      </c>
      <c r="CE12" s="100">
        <v>0</v>
      </c>
      <c r="CF12" s="104">
        <v>6087196</v>
      </c>
      <c r="CG12" s="104">
        <v>8651013</v>
      </c>
      <c r="CH12" s="104">
        <v>7977126</v>
      </c>
      <c r="CI12" s="104">
        <v>4044922</v>
      </c>
      <c r="CJ12" s="104">
        <v>1221218</v>
      </c>
      <c r="CK12" s="103">
        <v>27981475</v>
      </c>
      <c r="CL12" s="106">
        <v>28465419</v>
      </c>
      <c r="CM12" s="100">
        <v>0</v>
      </c>
      <c r="CN12" s="104">
        <v>0</v>
      </c>
      <c r="CO12" s="103">
        <v>0</v>
      </c>
      <c r="CP12" s="101">
        <v>0</v>
      </c>
      <c r="CQ12" s="104">
        <v>5319579</v>
      </c>
      <c r="CR12" s="104">
        <v>6749712</v>
      </c>
      <c r="CS12" s="104">
        <v>6969004</v>
      </c>
      <c r="CT12" s="104">
        <v>3303607</v>
      </c>
      <c r="CU12" s="104">
        <v>1221218</v>
      </c>
      <c r="CV12" s="103">
        <v>23563120</v>
      </c>
      <c r="CW12" s="106">
        <v>23563120</v>
      </c>
      <c r="CX12" s="100">
        <v>103851</v>
      </c>
      <c r="CY12" s="104">
        <v>380093</v>
      </c>
      <c r="CZ12" s="103">
        <v>483944</v>
      </c>
      <c r="DA12" s="100">
        <v>0</v>
      </c>
      <c r="DB12" s="104">
        <v>767617</v>
      </c>
      <c r="DC12" s="104">
        <v>1901301</v>
      </c>
      <c r="DD12" s="104">
        <v>1008122</v>
      </c>
      <c r="DE12" s="104">
        <v>741315</v>
      </c>
      <c r="DF12" s="104">
        <v>0</v>
      </c>
      <c r="DG12" s="103">
        <v>4418355</v>
      </c>
      <c r="DH12" s="106">
        <v>4902299</v>
      </c>
      <c r="DI12" s="100">
        <v>0</v>
      </c>
      <c r="DJ12" s="104">
        <v>67192</v>
      </c>
      <c r="DK12" s="102">
        <v>67192</v>
      </c>
      <c r="DL12" s="101">
        <v>0</v>
      </c>
      <c r="DM12" s="104">
        <v>554510</v>
      </c>
      <c r="DN12" s="104">
        <v>1166662</v>
      </c>
      <c r="DO12" s="104">
        <v>3073990</v>
      </c>
      <c r="DP12" s="104">
        <v>2097536</v>
      </c>
      <c r="DQ12" s="104">
        <v>1169998</v>
      </c>
      <c r="DR12" s="103">
        <v>8062696</v>
      </c>
      <c r="DS12" s="106">
        <v>8129888</v>
      </c>
      <c r="DT12" s="100">
        <v>0</v>
      </c>
      <c r="DU12" s="104">
        <v>67192</v>
      </c>
      <c r="DV12" s="103">
        <v>67192</v>
      </c>
      <c r="DW12" s="100">
        <v>0</v>
      </c>
      <c r="DX12" s="104">
        <v>554510</v>
      </c>
      <c r="DY12" s="104">
        <v>987357</v>
      </c>
      <c r="DZ12" s="104">
        <v>3050685</v>
      </c>
      <c r="EA12" s="104">
        <v>1986993</v>
      </c>
      <c r="EB12" s="104">
        <v>1169998</v>
      </c>
      <c r="EC12" s="103">
        <v>7749543</v>
      </c>
      <c r="ED12" s="106">
        <v>7816735</v>
      </c>
      <c r="EE12" s="100">
        <v>0</v>
      </c>
      <c r="EF12" s="102">
        <v>0</v>
      </c>
      <c r="EG12" s="103">
        <v>0</v>
      </c>
      <c r="EH12" s="100">
        <v>0</v>
      </c>
      <c r="EI12" s="104">
        <v>0</v>
      </c>
      <c r="EJ12" s="104">
        <v>179305</v>
      </c>
      <c r="EK12" s="104">
        <v>23305</v>
      </c>
      <c r="EL12" s="104">
        <v>110543</v>
      </c>
      <c r="EM12" s="104">
        <v>0</v>
      </c>
      <c r="EN12" s="102">
        <v>313153</v>
      </c>
      <c r="EO12" s="106">
        <v>31315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2"/>
      <c r="FE12" s="104">
        <v>0</v>
      </c>
      <c r="FF12" s="104">
        <v>0</v>
      </c>
      <c r="FG12" s="104">
        <v>0</v>
      </c>
      <c r="FH12" s="104">
        <v>0</v>
      </c>
      <c r="FI12" s="104">
        <v>0</v>
      </c>
      <c r="FJ12" s="103">
        <v>0</v>
      </c>
      <c r="FK12" s="106">
        <v>0</v>
      </c>
      <c r="FL12" s="100">
        <v>269768</v>
      </c>
      <c r="FM12" s="104">
        <v>687704</v>
      </c>
      <c r="FN12" s="103">
        <v>957472</v>
      </c>
      <c r="FO12" s="100">
        <v>0</v>
      </c>
      <c r="FP12" s="104">
        <v>781024</v>
      </c>
      <c r="FQ12" s="104">
        <v>3009597</v>
      </c>
      <c r="FR12" s="104">
        <v>2213464</v>
      </c>
      <c r="FS12" s="104">
        <v>1926329</v>
      </c>
      <c r="FT12" s="104">
        <v>1091752</v>
      </c>
      <c r="FU12" s="103">
        <v>9022166</v>
      </c>
      <c r="FV12" s="106">
        <v>9979638</v>
      </c>
      <c r="FW12" s="105">
        <v>181768</v>
      </c>
      <c r="FX12" s="104">
        <v>667144</v>
      </c>
      <c r="FY12" s="102">
        <v>848912</v>
      </c>
      <c r="FZ12" s="101">
        <v>0</v>
      </c>
      <c r="GA12" s="104">
        <v>761824</v>
      </c>
      <c r="GB12" s="104">
        <v>2778440</v>
      </c>
      <c r="GC12" s="104">
        <v>2071064</v>
      </c>
      <c r="GD12" s="104">
        <v>1652840</v>
      </c>
      <c r="GE12" s="104">
        <v>1041912</v>
      </c>
      <c r="GF12" s="103">
        <v>8306080</v>
      </c>
      <c r="GG12" s="294">
        <v>9154992</v>
      </c>
      <c r="GH12" s="105">
        <v>17600</v>
      </c>
      <c r="GI12" s="104">
        <v>20560</v>
      </c>
      <c r="GJ12" s="102">
        <v>38160</v>
      </c>
      <c r="GK12" s="101">
        <v>0</v>
      </c>
      <c r="GL12" s="104">
        <v>0</v>
      </c>
      <c r="GM12" s="104">
        <v>44021</v>
      </c>
      <c r="GN12" s="104">
        <v>40800</v>
      </c>
      <c r="GO12" s="104">
        <v>97489</v>
      </c>
      <c r="GP12" s="104">
        <v>16400</v>
      </c>
      <c r="GQ12" s="103">
        <v>198710</v>
      </c>
      <c r="GR12" s="106">
        <v>236870</v>
      </c>
      <c r="GS12" s="100">
        <v>70400</v>
      </c>
      <c r="GT12" s="104">
        <v>0</v>
      </c>
      <c r="GU12" s="103">
        <v>70400</v>
      </c>
      <c r="GV12" s="100">
        <v>0</v>
      </c>
      <c r="GW12" s="104">
        <v>19200</v>
      </c>
      <c r="GX12" s="104">
        <v>187136</v>
      </c>
      <c r="GY12" s="104">
        <v>101600</v>
      </c>
      <c r="GZ12" s="104">
        <v>176000</v>
      </c>
      <c r="HA12" s="104">
        <v>33440</v>
      </c>
      <c r="HB12" s="102">
        <v>517376</v>
      </c>
      <c r="HC12" s="106">
        <v>587776</v>
      </c>
      <c r="HD12" s="100">
        <v>629863</v>
      </c>
      <c r="HE12" s="104">
        <v>1499816</v>
      </c>
      <c r="HF12" s="102">
        <v>2129679</v>
      </c>
      <c r="HG12" s="101">
        <v>0</v>
      </c>
      <c r="HH12" s="104">
        <v>4849200</v>
      </c>
      <c r="HI12" s="104">
        <v>4959430</v>
      </c>
      <c r="HJ12" s="104">
        <v>4888902</v>
      </c>
      <c r="HK12" s="104">
        <v>5195961</v>
      </c>
      <c r="HL12" s="104">
        <v>2839475</v>
      </c>
      <c r="HM12" s="103">
        <v>22732968</v>
      </c>
      <c r="HN12" s="99">
        <v>24862647</v>
      </c>
      <c r="HO12" s="304"/>
      <c r="HP12" s="305"/>
      <c r="HQ12" s="306"/>
      <c r="HR12" s="307"/>
      <c r="HS12" s="305"/>
      <c r="HT12" s="305"/>
      <c r="HU12" s="305"/>
      <c r="HV12" s="305"/>
      <c r="HW12" s="305"/>
      <c r="HX12" s="308"/>
      <c r="HY12" s="309"/>
      <c r="HZ12" s="118">
        <v>0</v>
      </c>
      <c r="IA12" s="119">
        <v>150449</v>
      </c>
      <c r="IB12" s="120">
        <v>150449</v>
      </c>
      <c r="IC12" s="121">
        <v>0</v>
      </c>
      <c r="ID12" s="122">
        <v>4575278</v>
      </c>
      <c r="IE12" s="123">
        <v>7213944</v>
      </c>
      <c r="IF12" s="124">
        <v>8864590</v>
      </c>
      <c r="IG12" s="122">
        <v>5283724</v>
      </c>
      <c r="IH12" s="124">
        <v>3670707</v>
      </c>
      <c r="II12" s="125">
        <v>29608243</v>
      </c>
      <c r="IJ12" s="126">
        <v>29758692</v>
      </c>
      <c r="IK12" s="219">
        <v>0</v>
      </c>
      <c r="IL12" s="223">
        <v>0</v>
      </c>
      <c r="IM12" s="224">
        <v>0</v>
      </c>
      <c r="IN12" s="127"/>
      <c r="IO12" s="109">
        <v>60270</v>
      </c>
      <c r="IP12" s="109">
        <v>217822</v>
      </c>
      <c r="IQ12" s="109">
        <v>130504</v>
      </c>
      <c r="IR12" s="109">
        <v>0</v>
      </c>
      <c r="IS12" s="109">
        <v>247602</v>
      </c>
      <c r="IT12" s="128">
        <v>656198</v>
      </c>
      <c r="IU12" s="296">
        <v>656198</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2766069</v>
      </c>
      <c r="JL12" s="109">
        <v>3733437</v>
      </c>
      <c r="JM12" s="109">
        <v>2857589</v>
      </c>
      <c r="JN12" s="109">
        <v>1184801</v>
      </c>
      <c r="JO12" s="109">
        <v>712743</v>
      </c>
      <c r="JP12" s="110">
        <v>11254639</v>
      </c>
      <c r="JQ12" s="296">
        <v>11254639</v>
      </c>
      <c r="JR12" s="129">
        <v>0</v>
      </c>
      <c r="JS12" s="109">
        <v>0</v>
      </c>
      <c r="JT12" s="128">
        <v>0</v>
      </c>
      <c r="JU12" s="108">
        <v>0</v>
      </c>
      <c r="JV12" s="109">
        <v>9908</v>
      </c>
      <c r="JW12" s="109">
        <v>295901</v>
      </c>
      <c r="JX12" s="109">
        <v>440554</v>
      </c>
      <c r="JY12" s="109">
        <v>0</v>
      </c>
      <c r="JZ12" s="109">
        <v>0</v>
      </c>
      <c r="KA12" s="110">
        <v>746363</v>
      </c>
      <c r="KB12" s="296">
        <v>746363</v>
      </c>
      <c r="KC12" s="221">
        <v>0</v>
      </c>
      <c r="KD12" s="217">
        <v>150449</v>
      </c>
      <c r="KE12" s="110">
        <v>150449</v>
      </c>
      <c r="KF12" s="108">
        <v>0</v>
      </c>
      <c r="KG12" s="109">
        <v>850358</v>
      </c>
      <c r="KH12" s="109">
        <v>795889</v>
      </c>
      <c r="KI12" s="109">
        <v>1482075</v>
      </c>
      <c r="KJ12" s="109">
        <v>786271</v>
      </c>
      <c r="KK12" s="109">
        <v>585325</v>
      </c>
      <c r="KL12" s="110">
        <v>4499918</v>
      </c>
      <c r="KM12" s="130">
        <v>4650367</v>
      </c>
      <c r="KN12" s="219">
        <v>0</v>
      </c>
      <c r="KO12" s="223">
        <v>0</v>
      </c>
      <c r="KP12" s="224">
        <v>0</v>
      </c>
      <c r="KQ12" s="127"/>
      <c r="KR12" s="109">
        <v>746145</v>
      </c>
      <c r="KS12" s="109">
        <v>2170895</v>
      </c>
      <c r="KT12" s="109">
        <v>3511156</v>
      </c>
      <c r="KU12" s="109">
        <v>2553430</v>
      </c>
      <c r="KV12" s="109">
        <v>1321155</v>
      </c>
      <c r="KW12" s="110">
        <v>10302781</v>
      </c>
      <c r="KX12" s="296">
        <v>10302781</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0</v>
      </c>
      <c r="LP12" s="109">
        <v>442712</v>
      </c>
      <c r="LQ12" s="109">
        <v>459762</v>
      </c>
      <c r="LR12" s="109">
        <v>0</v>
      </c>
      <c r="LS12" s="110">
        <v>902474</v>
      </c>
      <c r="LT12" s="296">
        <v>902474</v>
      </c>
      <c r="LU12" s="129">
        <v>0</v>
      </c>
      <c r="LV12" s="109">
        <v>0</v>
      </c>
      <c r="LW12" s="110">
        <v>0</v>
      </c>
      <c r="LX12" s="132"/>
      <c r="LY12" s="109">
        <v>142528</v>
      </c>
      <c r="LZ12" s="109">
        <v>0</v>
      </c>
      <c r="MA12" s="109">
        <v>0</v>
      </c>
      <c r="MB12" s="109">
        <v>299460</v>
      </c>
      <c r="MC12" s="109">
        <v>803882</v>
      </c>
      <c r="MD12" s="110">
        <v>1245870</v>
      </c>
      <c r="ME12" s="111">
        <v>1245870</v>
      </c>
      <c r="MF12" s="129">
        <v>0</v>
      </c>
      <c r="MG12" s="109">
        <v>0</v>
      </c>
      <c r="MH12" s="110">
        <v>0</v>
      </c>
      <c r="MI12" s="132"/>
      <c r="MJ12" s="109">
        <v>256610</v>
      </c>
      <c r="MK12" s="109">
        <v>2289895</v>
      </c>
      <c r="ML12" s="109">
        <v>12199613</v>
      </c>
      <c r="MM12" s="109">
        <v>18331596</v>
      </c>
      <c r="MN12" s="109">
        <v>13130926</v>
      </c>
      <c r="MO12" s="110">
        <v>46208640</v>
      </c>
      <c r="MP12" s="130">
        <v>46208640</v>
      </c>
      <c r="MQ12" s="129">
        <v>0</v>
      </c>
      <c r="MR12" s="109">
        <v>0</v>
      </c>
      <c r="MS12" s="110">
        <v>0</v>
      </c>
      <c r="MT12" s="132"/>
      <c r="MU12" s="109">
        <v>0</v>
      </c>
      <c r="MV12" s="109">
        <v>0</v>
      </c>
      <c r="MW12" s="109">
        <v>8852054</v>
      </c>
      <c r="MX12" s="109">
        <v>13360066</v>
      </c>
      <c r="MY12" s="109">
        <v>7857914</v>
      </c>
      <c r="MZ12" s="110">
        <v>30070034</v>
      </c>
      <c r="NA12" s="130">
        <v>30070034</v>
      </c>
      <c r="NB12" s="129">
        <v>0</v>
      </c>
      <c r="NC12" s="109">
        <v>0</v>
      </c>
      <c r="ND12" s="110">
        <v>0</v>
      </c>
      <c r="NE12" s="132"/>
      <c r="NF12" s="109">
        <v>256610</v>
      </c>
      <c r="NG12" s="109">
        <v>2289895</v>
      </c>
      <c r="NH12" s="109">
        <v>3347559</v>
      </c>
      <c r="NI12" s="109">
        <v>4626644</v>
      </c>
      <c r="NJ12" s="109">
        <v>2628849</v>
      </c>
      <c r="NK12" s="110">
        <v>13149557</v>
      </c>
      <c r="NL12" s="296">
        <v>13149557</v>
      </c>
      <c r="NM12" s="129">
        <v>0</v>
      </c>
      <c r="NN12" s="109">
        <v>0</v>
      </c>
      <c r="NO12" s="110">
        <v>0</v>
      </c>
      <c r="NP12" s="132"/>
      <c r="NQ12" s="109">
        <v>0</v>
      </c>
      <c r="NR12" s="109">
        <v>0</v>
      </c>
      <c r="NS12" s="109">
        <v>0</v>
      </c>
      <c r="NT12" s="109">
        <v>0</v>
      </c>
      <c r="NU12" s="109">
        <v>301119</v>
      </c>
      <c r="NV12" s="110">
        <v>301119</v>
      </c>
      <c r="NW12" s="111">
        <v>301119</v>
      </c>
      <c r="NX12" s="129">
        <v>0</v>
      </c>
      <c r="NY12" s="109">
        <v>0</v>
      </c>
      <c r="NZ12" s="110">
        <v>0</v>
      </c>
      <c r="OA12" s="132"/>
      <c r="OB12" s="109">
        <v>0</v>
      </c>
      <c r="OC12" s="109">
        <v>0</v>
      </c>
      <c r="OD12" s="109">
        <v>0</v>
      </c>
      <c r="OE12" s="109">
        <v>344886</v>
      </c>
      <c r="OF12" s="109">
        <v>2343044</v>
      </c>
      <c r="OG12" s="110">
        <v>2687930</v>
      </c>
      <c r="OH12" s="111">
        <v>2687930</v>
      </c>
      <c r="OI12" s="129">
        <v>1458560</v>
      </c>
      <c r="OJ12" s="109">
        <v>3784574</v>
      </c>
      <c r="OK12" s="128">
        <v>5243134</v>
      </c>
      <c r="OL12" s="108">
        <v>0</v>
      </c>
      <c r="OM12" s="109">
        <v>22180667</v>
      </c>
      <c r="ON12" s="109">
        <v>36527316</v>
      </c>
      <c r="OO12" s="109">
        <v>48428856</v>
      </c>
      <c r="OP12" s="109">
        <v>45938382</v>
      </c>
      <c r="OQ12" s="109">
        <v>30308725</v>
      </c>
      <c r="OR12" s="110">
        <v>183383946</v>
      </c>
      <c r="OS12" s="130">
        <v>188627080</v>
      </c>
    </row>
    <row r="13" spans="1:409" ht="21" customHeight="1" x14ac:dyDescent="0.2">
      <c r="B13" s="468" t="s">
        <v>7</v>
      </c>
      <c r="C13" s="100">
        <v>1217167</v>
      </c>
      <c r="D13" s="104">
        <v>1438974</v>
      </c>
      <c r="E13" s="103">
        <v>2656141</v>
      </c>
      <c r="F13" s="99">
        <v>0</v>
      </c>
      <c r="G13" s="104">
        <v>23768908</v>
      </c>
      <c r="H13" s="104">
        <v>24777563</v>
      </c>
      <c r="I13" s="104">
        <v>19381503</v>
      </c>
      <c r="J13" s="104">
        <v>17247195</v>
      </c>
      <c r="K13" s="104">
        <v>12448746</v>
      </c>
      <c r="L13" s="99">
        <v>97623915</v>
      </c>
      <c r="M13" s="106">
        <v>100280056</v>
      </c>
      <c r="N13" s="100">
        <v>351665</v>
      </c>
      <c r="O13" s="104">
        <v>149638</v>
      </c>
      <c r="P13" s="103">
        <v>501303</v>
      </c>
      <c r="Q13" s="100">
        <v>0</v>
      </c>
      <c r="R13" s="104">
        <v>7443114</v>
      </c>
      <c r="S13" s="104">
        <v>6805793</v>
      </c>
      <c r="T13" s="104">
        <v>6204514</v>
      </c>
      <c r="U13" s="104">
        <v>6967337</v>
      </c>
      <c r="V13" s="104">
        <v>6075017</v>
      </c>
      <c r="W13" s="103">
        <v>33495775</v>
      </c>
      <c r="X13" s="106">
        <v>33997078</v>
      </c>
      <c r="Y13" s="100">
        <v>0</v>
      </c>
      <c r="Z13" s="104">
        <v>0</v>
      </c>
      <c r="AA13" s="103">
        <v>0</v>
      </c>
      <c r="AB13" s="100">
        <v>0</v>
      </c>
      <c r="AC13" s="104">
        <v>3743968</v>
      </c>
      <c r="AD13" s="104">
        <v>3498717</v>
      </c>
      <c r="AE13" s="104">
        <v>2891465</v>
      </c>
      <c r="AF13" s="104">
        <v>4055658</v>
      </c>
      <c r="AG13" s="104">
        <v>3638033</v>
      </c>
      <c r="AH13" s="103">
        <v>17827841</v>
      </c>
      <c r="AI13" s="106">
        <v>17827841</v>
      </c>
      <c r="AJ13" s="100">
        <v>0</v>
      </c>
      <c r="AK13" s="104">
        <v>0</v>
      </c>
      <c r="AL13" s="103">
        <v>0</v>
      </c>
      <c r="AM13" s="100">
        <v>0</v>
      </c>
      <c r="AN13" s="104">
        <v>0</v>
      </c>
      <c r="AO13" s="104">
        <v>115738</v>
      </c>
      <c r="AP13" s="104">
        <v>140289</v>
      </c>
      <c r="AQ13" s="104">
        <v>688630</v>
      </c>
      <c r="AR13" s="104">
        <v>697983</v>
      </c>
      <c r="AS13" s="103">
        <v>1642640</v>
      </c>
      <c r="AT13" s="106">
        <v>1642640</v>
      </c>
      <c r="AU13" s="100">
        <v>180559</v>
      </c>
      <c r="AV13" s="104">
        <v>15022</v>
      </c>
      <c r="AW13" s="103">
        <v>195581</v>
      </c>
      <c r="AX13" s="100">
        <v>0</v>
      </c>
      <c r="AY13" s="104">
        <v>2166812</v>
      </c>
      <c r="AZ13" s="104">
        <v>1756902</v>
      </c>
      <c r="BA13" s="104">
        <v>1761567</v>
      </c>
      <c r="BB13" s="104">
        <v>1113486</v>
      </c>
      <c r="BC13" s="104">
        <v>1118486</v>
      </c>
      <c r="BD13" s="103">
        <v>7917253</v>
      </c>
      <c r="BE13" s="106">
        <v>8112834</v>
      </c>
      <c r="BF13" s="100">
        <v>36274</v>
      </c>
      <c r="BG13" s="104">
        <v>0</v>
      </c>
      <c r="BH13" s="102">
        <v>36274</v>
      </c>
      <c r="BI13" s="101">
        <v>0</v>
      </c>
      <c r="BJ13" s="104">
        <v>265508</v>
      </c>
      <c r="BK13" s="104">
        <v>83924</v>
      </c>
      <c r="BL13" s="104">
        <v>231353</v>
      </c>
      <c r="BM13" s="104">
        <v>194227</v>
      </c>
      <c r="BN13" s="104">
        <v>6979</v>
      </c>
      <c r="BO13" s="103">
        <v>781991</v>
      </c>
      <c r="BP13" s="106">
        <v>818265</v>
      </c>
      <c r="BQ13" s="100">
        <v>134832</v>
      </c>
      <c r="BR13" s="104">
        <v>134616</v>
      </c>
      <c r="BS13" s="103">
        <v>269448</v>
      </c>
      <c r="BT13" s="100">
        <v>0</v>
      </c>
      <c r="BU13" s="104">
        <v>1266826</v>
      </c>
      <c r="BV13" s="104">
        <v>1350512</v>
      </c>
      <c r="BW13" s="104">
        <v>1179840</v>
      </c>
      <c r="BX13" s="104">
        <v>915336</v>
      </c>
      <c r="BY13" s="104">
        <v>613536</v>
      </c>
      <c r="BZ13" s="103">
        <v>5326050</v>
      </c>
      <c r="CA13" s="106">
        <v>5595498</v>
      </c>
      <c r="CB13" s="100">
        <v>82412</v>
      </c>
      <c r="CC13" s="104">
        <v>152313</v>
      </c>
      <c r="CD13" s="103">
        <v>234725</v>
      </c>
      <c r="CE13" s="100">
        <v>0</v>
      </c>
      <c r="CF13" s="104">
        <v>8273435</v>
      </c>
      <c r="CG13" s="104">
        <v>6762309</v>
      </c>
      <c r="CH13" s="104">
        <v>3427647</v>
      </c>
      <c r="CI13" s="104">
        <v>2066595</v>
      </c>
      <c r="CJ13" s="104">
        <v>1095985</v>
      </c>
      <c r="CK13" s="103">
        <v>21625971</v>
      </c>
      <c r="CL13" s="106">
        <v>21860696</v>
      </c>
      <c r="CM13" s="100">
        <v>0</v>
      </c>
      <c r="CN13" s="104">
        <v>0</v>
      </c>
      <c r="CO13" s="103">
        <v>0</v>
      </c>
      <c r="CP13" s="101">
        <v>0</v>
      </c>
      <c r="CQ13" s="104">
        <v>7034939</v>
      </c>
      <c r="CR13" s="104">
        <v>5267119</v>
      </c>
      <c r="CS13" s="104">
        <v>2928063</v>
      </c>
      <c r="CT13" s="104">
        <v>1701796</v>
      </c>
      <c r="CU13" s="104">
        <v>1021074</v>
      </c>
      <c r="CV13" s="103">
        <v>17952991</v>
      </c>
      <c r="CW13" s="106">
        <v>17952991</v>
      </c>
      <c r="CX13" s="100">
        <v>82412</v>
      </c>
      <c r="CY13" s="104">
        <v>152313</v>
      </c>
      <c r="CZ13" s="103">
        <v>234725</v>
      </c>
      <c r="DA13" s="100">
        <v>0</v>
      </c>
      <c r="DB13" s="104">
        <v>1238496</v>
      </c>
      <c r="DC13" s="104">
        <v>1495190</v>
      </c>
      <c r="DD13" s="104">
        <v>499584</v>
      </c>
      <c r="DE13" s="104">
        <v>364799</v>
      </c>
      <c r="DF13" s="104">
        <v>74911</v>
      </c>
      <c r="DG13" s="103">
        <v>3672980</v>
      </c>
      <c r="DH13" s="106">
        <v>3907705</v>
      </c>
      <c r="DI13" s="100">
        <v>0</v>
      </c>
      <c r="DJ13" s="104">
        <v>23538</v>
      </c>
      <c r="DK13" s="102">
        <v>23538</v>
      </c>
      <c r="DL13" s="101">
        <v>0</v>
      </c>
      <c r="DM13" s="104">
        <v>873033</v>
      </c>
      <c r="DN13" s="104">
        <v>2379171</v>
      </c>
      <c r="DO13" s="104">
        <v>2427368</v>
      </c>
      <c r="DP13" s="104">
        <v>1722384</v>
      </c>
      <c r="DQ13" s="104">
        <v>1344618</v>
      </c>
      <c r="DR13" s="103">
        <v>8746574</v>
      </c>
      <c r="DS13" s="106">
        <v>8770112</v>
      </c>
      <c r="DT13" s="100">
        <v>0</v>
      </c>
      <c r="DU13" s="104">
        <v>23538</v>
      </c>
      <c r="DV13" s="103">
        <v>23538</v>
      </c>
      <c r="DW13" s="100">
        <v>0</v>
      </c>
      <c r="DX13" s="104">
        <v>809523</v>
      </c>
      <c r="DY13" s="104">
        <v>2256866</v>
      </c>
      <c r="DZ13" s="104">
        <v>2248721</v>
      </c>
      <c r="EA13" s="104">
        <v>1492868</v>
      </c>
      <c r="EB13" s="104">
        <v>1308161</v>
      </c>
      <c r="EC13" s="103">
        <v>8116139</v>
      </c>
      <c r="ED13" s="106">
        <v>8139677</v>
      </c>
      <c r="EE13" s="100">
        <v>0</v>
      </c>
      <c r="EF13" s="102">
        <v>0</v>
      </c>
      <c r="EG13" s="103">
        <v>0</v>
      </c>
      <c r="EH13" s="100">
        <v>0</v>
      </c>
      <c r="EI13" s="104">
        <v>63510</v>
      </c>
      <c r="EJ13" s="104">
        <v>122305</v>
      </c>
      <c r="EK13" s="104">
        <v>178647</v>
      </c>
      <c r="EL13" s="104">
        <v>229516</v>
      </c>
      <c r="EM13" s="104">
        <v>36457</v>
      </c>
      <c r="EN13" s="102">
        <v>630435</v>
      </c>
      <c r="EO13" s="106">
        <v>630435</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2"/>
      <c r="FE13" s="104">
        <v>0</v>
      </c>
      <c r="FF13" s="104">
        <v>0</v>
      </c>
      <c r="FG13" s="104">
        <v>0</v>
      </c>
      <c r="FH13" s="104">
        <v>0</v>
      </c>
      <c r="FI13" s="104">
        <v>0</v>
      </c>
      <c r="FJ13" s="103">
        <v>0</v>
      </c>
      <c r="FK13" s="106">
        <v>0</v>
      </c>
      <c r="FL13" s="100">
        <v>499864</v>
      </c>
      <c r="FM13" s="104">
        <v>119024</v>
      </c>
      <c r="FN13" s="103">
        <v>618888</v>
      </c>
      <c r="FO13" s="100">
        <v>0</v>
      </c>
      <c r="FP13" s="104">
        <v>1127528</v>
      </c>
      <c r="FQ13" s="104">
        <v>2206824</v>
      </c>
      <c r="FR13" s="104">
        <v>1653716</v>
      </c>
      <c r="FS13" s="104">
        <v>1388088</v>
      </c>
      <c r="FT13" s="104">
        <v>1066632</v>
      </c>
      <c r="FU13" s="103">
        <v>7442788</v>
      </c>
      <c r="FV13" s="106">
        <v>8061676</v>
      </c>
      <c r="FW13" s="105">
        <v>130240</v>
      </c>
      <c r="FX13" s="104">
        <v>103824</v>
      </c>
      <c r="FY13" s="102">
        <v>234064</v>
      </c>
      <c r="FZ13" s="101">
        <v>0</v>
      </c>
      <c r="GA13" s="104">
        <v>738728</v>
      </c>
      <c r="GB13" s="104">
        <v>2169896</v>
      </c>
      <c r="GC13" s="104">
        <v>1480136</v>
      </c>
      <c r="GD13" s="104">
        <v>1320728</v>
      </c>
      <c r="GE13" s="104">
        <v>990952</v>
      </c>
      <c r="GF13" s="103">
        <v>6700440</v>
      </c>
      <c r="GG13" s="294">
        <v>6934504</v>
      </c>
      <c r="GH13" s="105">
        <v>48024</v>
      </c>
      <c r="GI13" s="104">
        <v>15200</v>
      </c>
      <c r="GJ13" s="102">
        <v>63224</v>
      </c>
      <c r="GK13" s="101">
        <v>0</v>
      </c>
      <c r="GL13" s="104">
        <v>68800</v>
      </c>
      <c r="GM13" s="104">
        <v>36928</v>
      </c>
      <c r="GN13" s="104">
        <v>45100</v>
      </c>
      <c r="GO13" s="104">
        <v>0</v>
      </c>
      <c r="GP13" s="104">
        <v>75680</v>
      </c>
      <c r="GQ13" s="103">
        <v>226508</v>
      </c>
      <c r="GR13" s="106">
        <v>289732</v>
      </c>
      <c r="GS13" s="100">
        <v>321600</v>
      </c>
      <c r="GT13" s="104">
        <v>0</v>
      </c>
      <c r="GU13" s="103">
        <v>321600</v>
      </c>
      <c r="GV13" s="100">
        <v>0</v>
      </c>
      <c r="GW13" s="104">
        <v>320000</v>
      </c>
      <c r="GX13" s="104">
        <v>0</v>
      </c>
      <c r="GY13" s="104">
        <v>128480</v>
      </c>
      <c r="GZ13" s="104">
        <v>67360</v>
      </c>
      <c r="HA13" s="104">
        <v>0</v>
      </c>
      <c r="HB13" s="102">
        <v>515840</v>
      </c>
      <c r="HC13" s="106">
        <v>837440</v>
      </c>
      <c r="HD13" s="100">
        <v>283226</v>
      </c>
      <c r="HE13" s="104">
        <v>994461</v>
      </c>
      <c r="HF13" s="102">
        <v>1277687</v>
      </c>
      <c r="HG13" s="101">
        <v>0</v>
      </c>
      <c r="HH13" s="104">
        <v>6051798</v>
      </c>
      <c r="HI13" s="104">
        <v>6623466</v>
      </c>
      <c r="HJ13" s="104">
        <v>5668258</v>
      </c>
      <c r="HK13" s="104">
        <v>5102791</v>
      </c>
      <c r="HL13" s="104">
        <v>2866494</v>
      </c>
      <c r="HM13" s="103">
        <v>26312807</v>
      </c>
      <c r="HN13" s="99">
        <v>27590494</v>
      </c>
      <c r="HO13" s="304"/>
      <c r="HP13" s="305"/>
      <c r="HQ13" s="306"/>
      <c r="HR13" s="307"/>
      <c r="HS13" s="305"/>
      <c r="HT13" s="305"/>
      <c r="HU13" s="305"/>
      <c r="HV13" s="305"/>
      <c r="HW13" s="305"/>
      <c r="HX13" s="308"/>
      <c r="HY13" s="309"/>
      <c r="HZ13" s="118">
        <v>0</v>
      </c>
      <c r="IA13" s="119">
        <v>0</v>
      </c>
      <c r="IB13" s="120">
        <v>0</v>
      </c>
      <c r="IC13" s="133">
        <v>0</v>
      </c>
      <c r="ID13" s="119">
        <v>5285298</v>
      </c>
      <c r="IE13" s="134">
        <v>5317022</v>
      </c>
      <c r="IF13" s="120">
        <v>6239084</v>
      </c>
      <c r="IG13" s="119">
        <v>2153239</v>
      </c>
      <c r="IH13" s="120">
        <v>1937941</v>
      </c>
      <c r="II13" s="135">
        <v>20932584</v>
      </c>
      <c r="IJ13" s="126">
        <v>20932584</v>
      </c>
      <c r="IK13" s="219">
        <v>0</v>
      </c>
      <c r="IL13" s="223">
        <v>0</v>
      </c>
      <c r="IM13" s="224">
        <v>0</v>
      </c>
      <c r="IN13" s="127"/>
      <c r="IO13" s="109">
        <v>0</v>
      </c>
      <c r="IP13" s="109">
        <v>0</v>
      </c>
      <c r="IQ13" s="109">
        <v>0</v>
      </c>
      <c r="IR13" s="109">
        <v>0</v>
      </c>
      <c r="IS13" s="109">
        <v>0</v>
      </c>
      <c r="IT13" s="128">
        <v>0</v>
      </c>
      <c r="IU13" s="296">
        <v>0</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2899942</v>
      </c>
      <c r="JL13" s="109">
        <v>2409791</v>
      </c>
      <c r="JM13" s="109">
        <v>1451792</v>
      </c>
      <c r="JN13" s="109">
        <v>642029</v>
      </c>
      <c r="JO13" s="109">
        <v>140429</v>
      </c>
      <c r="JP13" s="110">
        <v>7543983</v>
      </c>
      <c r="JQ13" s="296">
        <v>7543983</v>
      </c>
      <c r="JR13" s="129">
        <v>0</v>
      </c>
      <c r="JS13" s="109">
        <v>0</v>
      </c>
      <c r="JT13" s="128">
        <v>0</v>
      </c>
      <c r="JU13" s="108">
        <v>0</v>
      </c>
      <c r="JV13" s="109">
        <v>644268</v>
      </c>
      <c r="JW13" s="109">
        <v>787562</v>
      </c>
      <c r="JX13" s="109">
        <v>856915</v>
      </c>
      <c r="JY13" s="109">
        <v>442312</v>
      </c>
      <c r="JZ13" s="109">
        <v>307214</v>
      </c>
      <c r="KA13" s="110">
        <v>3038271</v>
      </c>
      <c r="KB13" s="296">
        <v>3038271</v>
      </c>
      <c r="KC13" s="221">
        <v>0</v>
      </c>
      <c r="KD13" s="217">
        <v>0</v>
      </c>
      <c r="KE13" s="110">
        <v>0</v>
      </c>
      <c r="KF13" s="108">
        <v>0</v>
      </c>
      <c r="KG13" s="109">
        <v>432041</v>
      </c>
      <c r="KH13" s="109">
        <v>314481</v>
      </c>
      <c r="KI13" s="109">
        <v>426818</v>
      </c>
      <c r="KJ13" s="109">
        <v>0</v>
      </c>
      <c r="KK13" s="109">
        <v>0</v>
      </c>
      <c r="KL13" s="110">
        <v>1173340</v>
      </c>
      <c r="KM13" s="130">
        <v>1173340</v>
      </c>
      <c r="KN13" s="219">
        <v>0</v>
      </c>
      <c r="KO13" s="223">
        <v>0</v>
      </c>
      <c r="KP13" s="224">
        <v>0</v>
      </c>
      <c r="KQ13" s="127"/>
      <c r="KR13" s="109">
        <v>1150156</v>
      </c>
      <c r="KS13" s="109">
        <v>1343564</v>
      </c>
      <c r="KT13" s="109">
        <v>3219056</v>
      </c>
      <c r="KU13" s="109">
        <v>1015980</v>
      </c>
      <c r="KV13" s="109">
        <v>1006983</v>
      </c>
      <c r="KW13" s="110">
        <v>7735739</v>
      </c>
      <c r="KX13" s="296">
        <v>7735739</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6">
        <v>0</v>
      </c>
      <c r="LU13" s="129">
        <v>0</v>
      </c>
      <c r="LV13" s="109">
        <v>0</v>
      </c>
      <c r="LW13" s="110">
        <v>0</v>
      </c>
      <c r="LX13" s="132"/>
      <c r="LY13" s="109">
        <v>158891</v>
      </c>
      <c r="LZ13" s="109">
        <v>461624</v>
      </c>
      <c r="MA13" s="109">
        <v>284503</v>
      </c>
      <c r="MB13" s="109">
        <v>52918</v>
      </c>
      <c r="MC13" s="109">
        <v>483315</v>
      </c>
      <c r="MD13" s="110">
        <v>1441251</v>
      </c>
      <c r="ME13" s="111">
        <v>1441251</v>
      </c>
      <c r="MF13" s="129">
        <v>0</v>
      </c>
      <c r="MG13" s="109">
        <v>0</v>
      </c>
      <c r="MH13" s="110">
        <v>0</v>
      </c>
      <c r="MI13" s="132"/>
      <c r="MJ13" s="109">
        <v>2579322</v>
      </c>
      <c r="MK13" s="109">
        <v>1936823</v>
      </c>
      <c r="ML13" s="109">
        <v>6808324</v>
      </c>
      <c r="MM13" s="109">
        <v>17631335</v>
      </c>
      <c r="MN13" s="109">
        <v>7711837</v>
      </c>
      <c r="MO13" s="110">
        <v>36667641</v>
      </c>
      <c r="MP13" s="130">
        <v>36667641</v>
      </c>
      <c r="MQ13" s="129">
        <v>0</v>
      </c>
      <c r="MR13" s="109">
        <v>0</v>
      </c>
      <c r="MS13" s="110">
        <v>0</v>
      </c>
      <c r="MT13" s="132"/>
      <c r="MU13" s="109">
        <v>0</v>
      </c>
      <c r="MV13" s="109">
        <v>448019</v>
      </c>
      <c r="MW13" s="109">
        <v>4004200</v>
      </c>
      <c r="MX13" s="109">
        <v>13012010</v>
      </c>
      <c r="MY13" s="109">
        <v>6219763</v>
      </c>
      <c r="MZ13" s="110">
        <v>23683992</v>
      </c>
      <c r="NA13" s="130">
        <v>23683992</v>
      </c>
      <c r="NB13" s="129">
        <v>0</v>
      </c>
      <c r="NC13" s="109">
        <v>0</v>
      </c>
      <c r="ND13" s="110">
        <v>0</v>
      </c>
      <c r="NE13" s="132"/>
      <c r="NF13" s="109">
        <v>2579322</v>
      </c>
      <c r="NG13" s="109">
        <v>1488804</v>
      </c>
      <c r="NH13" s="109">
        <v>2486616</v>
      </c>
      <c r="NI13" s="109">
        <v>4619325</v>
      </c>
      <c r="NJ13" s="109">
        <v>1492074</v>
      </c>
      <c r="NK13" s="110">
        <v>12666141</v>
      </c>
      <c r="NL13" s="296">
        <v>12666141</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317508</v>
      </c>
      <c r="OE13" s="109">
        <v>0</v>
      </c>
      <c r="OF13" s="109">
        <v>0</v>
      </c>
      <c r="OG13" s="110">
        <v>317508</v>
      </c>
      <c r="OH13" s="111">
        <v>317508</v>
      </c>
      <c r="OI13" s="129">
        <v>1217167</v>
      </c>
      <c r="OJ13" s="109">
        <v>1438974</v>
      </c>
      <c r="OK13" s="128">
        <v>2656141</v>
      </c>
      <c r="OL13" s="108">
        <v>0</v>
      </c>
      <c r="OM13" s="109">
        <v>31633528</v>
      </c>
      <c r="ON13" s="109">
        <v>32031408</v>
      </c>
      <c r="OO13" s="109">
        <v>32428911</v>
      </c>
      <c r="OP13" s="109">
        <v>37031769</v>
      </c>
      <c r="OQ13" s="109">
        <v>22098524</v>
      </c>
      <c r="OR13" s="110">
        <v>155224140</v>
      </c>
      <c r="OS13" s="130">
        <v>157880281</v>
      </c>
    </row>
    <row r="14" spans="1:409" ht="21" customHeight="1" x14ac:dyDescent="0.2">
      <c r="B14" s="468" t="s">
        <v>8</v>
      </c>
      <c r="C14" s="100">
        <v>943039</v>
      </c>
      <c r="D14" s="104">
        <v>457427</v>
      </c>
      <c r="E14" s="103">
        <v>1400466</v>
      </c>
      <c r="F14" s="99">
        <v>0</v>
      </c>
      <c r="G14" s="104">
        <v>7718711</v>
      </c>
      <c r="H14" s="104">
        <v>8514957</v>
      </c>
      <c r="I14" s="104">
        <v>12678955</v>
      </c>
      <c r="J14" s="104">
        <v>7014581</v>
      </c>
      <c r="K14" s="104">
        <v>5626933</v>
      </c>
      <c r="L14" s="99">
        <v>41554137</v>
      </c>
      <c r="M14" s="106">
        <v>42954603</v>
      </c>
      <c r="N14" s="100">
        <v>202477</v>
      </c>
      <c r="O14" s="104">
        <v>73625</v>
      </c>
      <c r="P14" s="103">
        <v>276102</v>
      </c>
      <c r="Q14" s="100">
        <v>0</v>
      </c>
      <c r="R14" s="104">
        <v>1835350</v>
      </c>
      <c r="S14" s="104">
        <v>3163165</v>
      </c>
      <c r="T14" s="104">
        <v>5350409</v>
      </c>
      <c r="U14" s="104">
        <v>2546482</v>
      </c>
      <c r="V14" s="104">
        <v>3220928</v>
      </c>
      <c r="W14" s="103">
        <v>16116334</v>
      </c>
      <c r="X14" s="106">
        <v>16392436</v>
      </c>
      <c r="Y14" s="100">
        <v>0</v>
      </c>
      <c r="Z14" s="104">
        <v>0</v>
      </c>
      <c r="AA14" s="103">
        <v>0</v>
      </c>
      <c r="AB14" s="100">
        <v>0</v>
      </c>
      <c r="AC14" s="104">
        <v>561888</v>
      </c>
      <c r="AD14" s="104">
        <v>1747813</v>
      </c>
      <c r="AE14" s="104">
        <v>2878936</v>
      </c>
      <c r="AF14" s="104">
        <v>1613328</v>
      </c>
      <c r="AG14" s="104">
        <v>2174237</v>
      </c>
      <c r="AH14" s="103">
        <v>8976202</v>
      </c>
      <c r="AI14" s="106">
        <v>8976202</v>
      </c>
      <c r="AJ14" s="100">
        <v>0</v>
      </c>
      <c r="AK14" s="104">
        <v>0</v>
      </c>
      <c r="AL14" s="103">
        <v>0</v>
      </c>
      <c r="AM14" s="100">
        <v>0</v>
      </c>
      <c r="AN14" s="104">
        <v>0</v>
      </c>
      <c r="AO14" s="104">
        <v>0</v>
      </c>
      <c r="AP14" s="104">
        <v>93526</v>
      </c>
      <c r="AQ14" s="104">
        <v>82534</v>
      </c>
      <c r="AR14" s="104">
        <v>415488</v>
      </c>
      <c r="AS14" s="103">
        <v>591548</v>
      </c>
      <c r="AT14" s="106">
        <v>591548</v>
      </c>
      <c r="AU14" s="100">
        <v>64085</v>
      </c>
      <c r="AV14" s="104">
        <v>58513</v>
      </c>
      <c r="AW14" s="103">
        <v>122598</v>
      </c>
      <c r="AX14" s="100">
        <v>0</v>
      </c>
      <c r="AY14" s="104">
        <v>599798</v>
      </c>
      <c r="AZ14" s="104">
        <v>1057947</v>
      </c>
      <c r="BA14" s="104">
        <v>1548691</v>
      </c>
      <c r="BB14" s="104">
        <v>484666</v>
      </c>
      <c r="BC14" s="104">
        <v>338338</v>
      </c>
      <c r="BD14" s="103">
        <v>4029440</v>
      </c>
      <c r="BE14" s="106">
        <v>4152038</v>
      </c>
      <c r="BF14" s="100">
        <v>0</v>
      </c>
      <c r="BG14" s="104">
        <v>0</v>
      </c>
      <c r="BH14" s="102">
        <v>0</v>
      </c>
      <c r="BI14" s="101">
        <v>0</v>
      </c>
      <c r="BJ14" s="104">
        <v>217280</v>
      </c>
      <c r="BK14" s="104">
        <v>39501</v>
      </c>
      <c r="BL14" s="104">
        <v>270496</v>
      </c>
      <c r="BM14" s="104">
        <v>81874</v>
      </c>
      <c r="BN14" s="104">
        <v>34737</v>
      </c>
      <c r="BO14" s="103">
        <v>643888</v>
      </c>
      <c r="BP14" s="106">
        <v>643888</v>
      </c>
      <c r="BQ14" s="100">
        <v>138392</v>
      </c>
      <c r="BR14" s="104">
        <v>15112</v>
      </c>
      <c r="BS14" s="103">
        <v>153504</v>
      </c>
      <c r="BT14" s="100">
        <v>0</v>
      </c>
      <c r="BU14" s="104">
        <v>456384</v>
      </c>
      <c r="BV14" s="104">
        <v>317904</v>
      </c>
      <c r="BW14" s="104">
        <v>558760</v>
      </c>
      <c r="BX14" s="104">
        <v>284080</v>
      </c>
      <c r="BY14" s="104">
        <v>258128</v>
      </c>
      <c r="BZ14" s="103">
        <v>1875256</v>
      </c>
      <c r="CA14" s="106">
        <v>2028760</v>
      </c>
      <c r="CB14" s="100">
        <v>104007</v>
      </c>
      <c r="CC14" s="104">
        <v>79992</v>
      </c>
      <c r="CD14" s="103">
        <v>183999</v>
      </c>
      <c r="CE14" s="100">
        <v>0</v>
      </c>
      <c r="CF14" s="104">
        <v>2211065</v>
      </c>
      <c r="CG14" s="104">
        <v>2429702</v>
      </c>
      <c r="CH14" s="104">
        <v>2622355</v>
      </c>
      <c r="CI14" s="104">
        <v>1761832</v>
      </c>
      <c r="CJ14" s="104">
        <v>503669</v>
      </c>
      <c r="CK14" s="103">
        <v>9528623</v>
      </c>
      <c r="CL14" s="106">
        <v>9712622</v>
      </c>
      <c r="CM14" s="100">
        <v>0</v>
      </c>
      <c r="CN14" s="104">
        <v>0</v>
      </c>
      <c r="CO14" s="103">
        <v>0</v>
      </c>
      <c r="CP14" s="101">
        <v>0</v>
      </c>
      <c r="CQ14" s="104">
        <v>1657452</v>
      </c>
      <c r="CR14" s="104">
        <v>2121650</v>
      </c>
      <c r="CS14" s="104">
        <v>1858095</v>
      </c>
      <c r="CT14" s="104">
        <v>1336426</v>
      </c>
      <c r="CU14" s="104">
        <v>503669</v>
      </c>
      <c r="CV14" s="103">
        <v>7477292</v>
      </c>
      <c r="CW14" s="106">
        <v>7477292</v>
      </c>
      <c r="CX14" s="100">
        <v>104007</v>
      </c>
      <c r="CY14" s="104">
        <v>79992</v>
      </c>
      <c r="CZ14" s="103">
        <v>183999</v>
      </c>
      <c r="DA14" s="100">
        <v>0</v>
      </c>
      <c r="DB14" s="104">
        <v>553613</v>
      </c>
      <c r="DC14" s="104">
        <v>308052</v>
      </c>
      <c r="DD14" s="104">
        <v>764260</v>
      </c>
      <c r="DE14" s="104">
        <v>425406</v>
      </c>
      <c r="DF14" s="104">
        <v>0</v>
      </c>
      <c r="DG14" s="103">
        <v>2051331</v>
      </c>
      <c r="DH14" s="106">
        <v>2235330</v>
      </c>
      <c r="DI14" s="100">
        <v>47660</v>
      </c>
      <c r="DJ14" s="104">
        <v>57746</v>
      </c>
      <c r="DK14" s="102">
        <v>105406</v>
      </c>
      <c r="DL14" s="101">
        <v>0</v>
      </c>
      <c r="DM14" s="104">
        <v>132819</v>
      </c>
      <c r="DN14" s="104">
        <v>319937</v>
      </c>
      <c r="DO14" s="104">
        <v>1586447</v>
      </c>
      <c r="DP14" s="104">
        <v>155699</v>
      </c>
      <c r="DQ14" s="104">
        <v>149168</v>
      </c>
      <c r="DR14" s="103">
        <v>2344070</v>
      </c>
      <c r="DS14" s="106">
        <v>2449476</v>
      </c>
      <c r="DT14" s="100">
        <v>47660</v>
      </c>
      <c r="DU14" s="104">
        <v>57746</v>
      </c>
      <c r="DV14" s="103">
        <v>105406</v>
      </c>
      <c r="DW14" s="100">
        <v>0</v>
      </c>
      <c r="DX14" s="104">
        <v>132819</v>
      </c>
      <c r="DY14" s="104">
        <v>319937</v>
      </c>
      <c r="DZ14" s="104">
        <v>1531213</v>
      </c>
      <c r="EA14" s="104">
        <v>155699</v>
      </c>
      <c r="EB14" s="104">
        <v>149168</v>
      </c>
      <c r="EC14" s="103">
        <v>2288836</v>
      </c>
      <c r="ED14" s="106">
        <v>2394242</v>
      </c>
      <c r="EE14" s="100">
        <v>0</v>
      </c>
      <c r="EF14" s="102">
        <v>0</v>
      </c>
      <c r="EG14" s="103">
        <v>0</v>
      </c>
      <c r="EH14" s="100">
        <v>0</v>
      </c>
      <c r="EI14" s="104">
        <v>0</v>
      </c>
      <c r="EJ14" s="104">
        <v>0</v>
      </c>
      <c r="EK14" s="104">
        <v>55234</v>
      </c>
      <c r="EL14" s="104">
        <v>0</v>
      </c>
      <c r="EM14" s="104">
        <v>0</v>
      </c>
      <c r="EN14" s="102">
        <v>55234</v>
      </c>
      <c r="EO14" s="106">
        <v>55234</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2"/>
      <c r="FE14" s="104">
        <v>0</v>
      </c>
      <c r="FF14" s="104">
        <v>0</v>
      </c>
      <c r="FG14" s="104">
        <v>0</v>
      </c>
      <c r="FH14" s="104">
        <v>0</v>
      </c>
      <c r="FI14" s="104">
        <v>0</v>
      </c>
      <c r="FJ14" s="103">
        <v>0</v>
      </c>
      <c r="FK14" s="106">
        <v>0</v>
      </c>
      <c r="FL14" s="100">
        <v>167760</v>
      </c>
      <c r="FM14" s="104">
        <v>157984</v>
      </c>
      <c r="FN14" s="103">
        <v>325744</v>
      </c>
      <c r="FO14" s="100">
        <v>0</v>
      </c>
      <c r="FP14" s="104">
        <v>480176</v>
      </c>
      <c r="FQ14" s="104">
        <v>920670</v>
      </c>
      <c r="FR14" s="104">
        <v>1319648</v>
      </c>
      <c r="FS14" s="104">
        <v>679432</v>
      </c>
      <c r="FT14" s="104">
        <v>400880</v>
      </c>
      <c r="FU14" s="103">
        <v>3800806</v>
      </c>
      <c r="FV14" s="106">
        <v>4126550</v>
      </c>
      <c r="FW14" s="105">
        <v>67120</v>
      </c>
      <c r="FX14" s="104">
        <v>157984</v>
      </c>
      <c r="FY14" s="102">
        <v>225104</v>
      </c>
      <c r="FZ14" s="101">
        <v>0</v>
      </c>
      <c r="GA14" s="104">
        <v>268656</v>
      </c>
      <c r="GB14" s="104">
        <v>901470</v>
      </c>
      <c r="GC14" s="104">
        <v>1239712</v>
      </c>
      <c r="GD14" s="104">
        <v>679432</v>
      </c>
      <c r="GE14" s="104">
        <v>371280</v>
      </c>
      <c r="GF14" s="103">
        <v>3460550</v>
      </c>
      <c r="GG14" s="294">
        <v>3685654</v>
      </c>
      <c r="GH14" s="105">
        <v>0</v>
      </c>
      <c r="GI14" s="104">
        <v>0</v>
      </c>
      <c r="GJ14" s="102">
        <v>0</v>
      </c>
      <c r="GK14" s="101">
        <v>0</v>
      </c>
      <c r="GL14" s="104">
        <v>21120</v>
      </c>
      <c r="GM14" s="104">
        <v>19200</v>
      </c>
      <c r="GN14" s="104">
        <v>41536</v>
      </c>
      <c r="GO14" s="104">
        <v>0</v>
      </c>
      <c r="GP14" s="104">
        <v>29600</v>
      </c>
      <c r="GQ14" s="103">
        <v>111456</v>
      </c>
      <c r="GR14" s="106">
        <v>111456</v>
      </c>
      <c r="GS14" s="100">
        <v>100640</v>
      </c>
      <c r="GT14" s="104">
        <v>0</v>
      </c>
      <c r="GU14" s="103">
        <v>100640</v>
      </c>
      <c r="GV14" s="100">
        <v>0</v>
      </c>
      <c r="GW14" s="104">
        <v>190400</v>
      </c>
      <c r="GX14" s="104">
        <v>0</v>
      </c>
      <c r="GY14" s="104">
        <v>38400</v>
      </c>
      <c r="GZ14" s="104">
        <v>0</v>
      </c>
      <c r="HA14" s="104">
        <v>0</v>
      </c>
      <c r="HB14" s="102">
        <v>228800</v>
      </c>
      <c r="HC14" s="106">
        <v>329440</v>
      </c>
      <c r="HD14" s="100">
        <v>421135</v>
      </c>
      <c r="HE14" s="104">
        <v>88080</v>
      </c>
      <c r="HF14" s="102">
        <v>509215</v>
      </c>
      <c r="HG14" s="101">
        <v>0</v>
      </c>
      <c r="HH14" s="104">
        <v>3059301</v>
      </c>
      <c r="HI14" s="104">
        <v>1681483</v>
      </c>
      <c r="HJ14" s="104">
        <v>1800096</v>
      </c>
      <c r="HK14" s="104">
        <v>1871136</v>
      </c>
      <c r="HL14" s="104">
        <v>1352288</v>
      </c>
      <c r="HM14" s="103">
        <v>9764304</v>
      </c>
      <c r="HN14" s="99">
        <v>10273519</v>
      </c>
      <c r="HO14" s="304"/>
      <c r="HP14" s="305"/>
      <c r="HQ14" s="306"/>
      <c r="HR14" s="307"/>
      <c r="HS14" s="305"/>
      <c r="HT14" s="305"/>
      <c r="HU14" s="305"/>
      <c r="HV14" s="305"/>
      <c r="HW14" s="305"/>
      <c r="HX14" s="308"/>
      <c r="HY14" s="309"/>
      <c r="HZ14" s="118">
        <v>0</v>
      </c>
      <c r="IA14" s="119">
        <v>155843</v>
      </c>
      <c r="IB14" s="120">
        <v>155843</v>
      </c>
      <c r="IC14" s="121">
        <v>0</v>
      </c>
      <c r="ID14" s="122">
        <v>2617451</v>
      </c>
      <c r="IE14" s="123">
        <v>2931096</v>
      </c>
      <c r="IF14" s="124">
        <v>3757584</v>
      </c>
      <c r="IG14" s="122">
        <v>2220786</v>
      </c>
      <c r="IH14" s="124">
        <v>1756000</v>
      </c>
      <c r="II14" s="125">
        <v>13282917</v>
      </c>
      <c r="IJ14" s="126">
        <v>13438760</v>
      </c>
      <c r="IK14" s="219">
        <v>0</v>
      </c>
      <c r="IL14" s="223">
        <v>0</v>
      </c>
      <c r="IM14" s="224">
        <v>0</v>
      </c>
      <c r="IN14" s="127"/>
      <c r="IO14" s="109">
        <v>70664</v>
      </c>
      <c r="IP14" s="109">
        <v>0</v>
      </c>
      <c r="IQ14" s="109">
        <v>0</v>
      </c>
      <c r="IR14" s="109">
        <v>0</v>
      </c>
      <c r="IS14" s="109">
        <v>0</v>
      </c>
      <c r="IT14" s="128">
        <v>70664</v>
      </c>
      <c r="IU14" s="296">
        <v>70664</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992753</v>
      </c>
      <c r="JL14" s="109">
        <v>1932473</v>
      </c>
      <c r="JM14" s="109">
        <v>1662438</v>
      </c>
      <c r="JN14" s="109">
        <v>311328</v>
      </c>
      <c r="JO14" s="109">
        <v>321256</v>
      </c>
      <c r="JP14" s="110">
        <v>5220248</v>
      </c>
      <c r="JQ14" s="296">
        <v>5220248</v>
      </c>
      <c r="JR14" s="129">
        <v>0</v>
      </c>
      <c r="JS14" s="109">
        <v>0</v>
      </c>
      <c r="JT14" s="128">
        <v>0</v>
      </c>
      <c r="JU14" s="108">
        <v>0</v>
      </c>
      <c r="JV14" s="109">
        <v>95573</v>
      </c>
      <c r="JW14" s="109">
        <v>0</v>
      </c>
      <c r="JX14" s="109">
        <v>0</v>
      </c>
      <c r="JY14" s="109">
        <v>105381</v>
      </c>
      <c r="JZ14" s="109">
        <v>0</v>
      </c>
      <c r="KA14" s="110">
        <v>200954</v>
      </c>
      <c r="KB14" s="296">
        <v>200954</v>
      </c>
      <c r="KC14" s="221">
        <v>0</v>
      </c>
      <c r="KD14" s="217">
        <v>155843</v>
      </c>
      <c r="KE14" s="110">
        <v>155843</v>
      </c>
      <c r="KF14" s="108">
        <v>0</v>
      </c>
      <c r="KG14" s="109">
        <v>120429</v>
      </c>
      <c r="KH14" s="109">
        <v>322397</v>
      </c>
      <c r="KI14" s="109">
        <v>445741</v>
      </c>
      <c r="KJ14" s="109">
        <v>0</v>
      </c>
      <c r="KK14" s="109">
        <v>285280</v>
      </c>
      <c r="KL14" s="110">
        <v>1173847</v>
      </c>
      <c r="KM14" s="130">
        <v>1329690</v>
      </c>
      <c r="KN14" s="219">
        <v>0</v>
      </c>
      <c r="KO14" s="223">
        <v>0</v>
      </c>
      <c r="KP14" s="224">
        <v>0</v>
      </c>
      <c r="KQ14" s="127"/>
      <c r="KR14" s="109">
        <v>918896</v>
      </c>
      <c r="KS14" s="109">
        <v>479761</v>
      </c>
      <c r="KT14" s="109">
        <v>889567</v>
      </c>
      <c r="KU14" s="109">
        <v>1262924</v>
      </c>
      <c r="KV14" s="109">
        <v>256902</v>
      </c>
      <c r="KW14" s="110">
        <v>3808050</v>
      </c>
      <c r="KX14" s="296">
        <v>3808050</v>
      </c>
      <c r="KY14" s="129">
        <v>0</v>
      </c>
      <c r="KZ14" s="109">
        <v>0</v>
      </c>
      <c r="LA14" s="110">
        <v>0</v>
      </c>
      <c r="LB14" s="132"/>
      <c r="LC14" s="109">
        <v>0</v>
      </c>
      <c r="LD14" s="109">
        <v>0</v>
      </c>
      <c r="LE14" s="109">
        <v>505946</v>
      </c>
      <c r="LF14" s="109">
        <v>0</v>
      </c>
      <c r="LG14" s="109">
        <v>231964</v>
      </c>
      <c r="LH14" s="110">
        <v>737910</v>
      </c>
      <c r="LI14" s="111">
        <v>737910</v>
      </c>
      <c r="LJ14" s="129">
        <v>0</v>
      </c>
      <c r="LK14" s="109">
        <v>0</v>
      </c>
      <c r="LL14" s="110">
        <v>0</v>
      </c>
      <c r="LM14" s="132"/>
      <c r="LN14" s="109">
        <v>0</v>
      </c>
      <c r="LO14" s="109">
        <v>0</v>
      </c>
      <c r="LP14" s="109">
        <v>253892</v>
      </c>
      <c r="LQ14" s="109">
        <v>240901</v>
      </c>
      <c r="LR14" s="109">
        <v>0</v>
      </c>
      <c r="LS14" s="110">
        <v>494793</v>
      </c>
      <c r="LT14" s="296">
        <v>494793</v>
      </c>
      <c r="LU14" s="129">
        <v>0</v>
      </c>
      <c r="LV14" s="109">
        <v>0</v>
      </c>
      <c r="LW14" s="110">
        <v>0</v>
      </c>
      <c r="LX14" s="132"/>
      <c r="LY14" s="109">
        <v>419136</v>
      </c>
      <c r="LZ14" s="109">
        <v>196465</v>
      </c>
      <c r="MA14" s="109">
        <v>0</v>
      </c>
      <c r="MB14" s="109">
        <v>300252</v>
      </c>
      <c r="MC14" s="109">
        <v>660598</v>
      </c>
      <c r="MD14" s="110">
        <v>1576451</v>
      </c>
      <c r="ME14" s="111">
        <v>1576451</v>
      </c>
      <c r="MF14" s="129">
        <v>0</v>
      </c>
      <c r="MG14" s="109">
        <v>0</v>
      </c>
      <c r="MH14" s="110">
        <v>0</v>
      </c>
      <c r="MI14" s="132"/>
      <c r="MJ14" s="109">
        <v>647128</v>
      </c>
      <c r="MK14" s="109">
        <v>1297183</v>
      </c>
      <c r="ML14" s="109">
        <v>4498838</v>
      </c>
      <c r="MM14" s="109">
        <v>3511564</v>
      </c>
      <c r="MN14" s="109">
        <v>2212524</v>
      </c>
      <c r="MO14" s="110">
        <v>12167237</v>
      </c>
      <c r="MP14" s="130">
        <v>12167237</v>
      </c>
      <c r="MQ14" s="129">
        <v>0</v>
      </c>
      <c r="MR14" s="109">
        <v>0</v>
      </c>
      <c r="MS14" s="110">
        <v>0</v>
      </c>
      <c r="MT14" s="132"/>
      <c r="MU14" s="109">
        <v>210763</v>
      </c>
      <c r="MV14" s="109">
        <v>406987</v>
      </c>
      <c r="MW14" s="109">
        <v>2017505</v>
      </c>
      <c r="MX14" s="109">
        <v>2051379</v>
      </c>
      <c r="MY14" s="109">
        <v>1631634</v>
      </c>
      <c r="MZ14" s="110">
        <v>6318268</v>
      </c>
      <c r="NA14" s="130">
        <v>6318268</v>
      </c>
      <c r="NB14" s="129">
        <v>0</v>
      </c>
      <c r="NC14" s="109">
        <v>0</v>
      </c>
      <c r="ND14" s="110">
        <v>0</v>
      </c>
      <c r="NE14" s="132"/>
      <c r="NF14" s="109">
        <v>436365</v>
      </c>
      <c r="NG14" s="109">
        <v>890196</v>
      </c>
      <c r="NH14" s="109">
        <v>2481333</v>
      </c>
      <c r="NI14" s="109">
        <v>1164553</v>
      </c>
      <c r="NJ14" s="109">
        <v>580890</v>
      </c>
      <c r="NK14" s="110">
        <v>5553337</v>
      </c>
      <c r="NL14" s="296">
        <v>5553337</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0</v>
      </c>
      <c r="OD14" s="109">
        <v>0</v>
      </c>
      <c r="OE14" s="109">
        <v>295632</v>
      </c>
      <c r="OF14" s="109">
        <v>0</v>
      </c>
      <c r="OG14" s="110">
        <v>295632</v>
      </c>
      <c r="OH14" s="111">
        <v>295632</v>
      </c>
      <c r="OI14" s="129">
        <v>943039</v>
      </c>
      <c r="OJ14" s="109">
        <v>613270</v>
      </c>
      <c r="OK14" s="128">
        <v>1556309</v>
      </c>
      <c r="OL14" s="108">
        <v>0</v>
      </c>
      <c r="OM14" s="109">
        <v>10983290</v>
      </c>
      <c r="ON14" s="109">
        <v>12743236</v>
      </c>
      <c r="OO14" s="109">
        <v>20935377</v>
      </c>
      <c r="OP14" s="109">
        <v>12746931</v>
      </c>
      <c r="OQ14" s="109">
        <v>9595457</v>
      </c>
      <c r="OR14" s="110">
        <v>67004291</v>
      </c>
      <c r="OS14" s="130">
        <v>68560600</v>
      </c>
    </row>
    <row r="15" spans="1:409" ht="21" customHeight="1" x14ac:dyDescent="0.2">
      <c r="B15" s="468" t="s">
        <v>9</v>
      </c>
      <c r="C15" s="100">
        <v>791292</v>
      </c>
      <c r="D15" s="104">
        <v>1160507</v>
      </c>
      <c r="E15" s="103">
        <v>1951799</v>
      </c>
      <c r="F15" s="101">
        <v>0</v>
      </c>
      <c r="G15" s="104">
        <v>11219529</v>
      </c>
      <c r="H15" s="104">
        <v>11057541</v>
      </c>
      <c r="I15" s="104">
        <v>14461150</v>
      </c>
      <c r="J15" s="104">
        <v>12578659</v>
      </c>
      <c r="K15" s="104">
        <v>9265359</v>
      </c>
      <c r="L15" s="99">
        <v>58582238</v>
      </c>
      <c r="M15" s="106">
        <v>60534037</v>
      </c>
      <c r="N15" s="100">
        <v>256804</v>
      </c>
      <c r="O15" s="104">
        <v>361570</v>
      </c>
      <c r="P15" s="103">
        <v>618374</v>
      </c>
      <c r="Q15" s="100">
        <v>0</v>
      </c>
      <c r="R15" s="104">
        <v>4325417</v>
      </c>
      <c r="S15" s="104">
        <v>3453697</v>
      </c>
      <c r="T15" s="104">
        <v>5715987</v>
      </c>
      <c r="U15" s="104">
        <v>5122246</v>
      </c>
      <c r="V15" s="104">
        <v>5418395</v>
      </c>
      <c r="W15" s="103">
        <v>24035742</v>
      </c>
      <c r="X15" s="106">
        <v>24654116</v>
      </c>
      <c r="Y15" s="100">
        <v>0</v>
      </c>
      <c r="Z15" s="104">
        <v>0</v>
      </c>
      <c r="AA15" s="103">
        <v>0</v>
      </c>
      <c r="AB15" s="100">
        <v>0</v>
      </c>
      <c r="AC15" s="104">
        <v>1674516</v>
      </c>
      <c r="AD15" s="104">
        <v>1590448</v>
      </c>
      <c r="AE15" s="104">
        <v>2966363</v>
      </c>
      <c r="AF15" s="104">
        <v>3274886</v>
      </c>
      <c r="AG15" s="104">
        <v>3603407</v>
      </c>
      <c r="AH15" s="103">
        <v>13109620</v>
      </c>
      <c r="AI15" s="106">
        <v>13109620</v>
      </c>
      <c r="AJ15" s="100">
        <v>0</v>
      </c>
      <c r="AK15" s="104">
        <v>0</v>
      </c>
      <c r="AL15" s="103">
        <v>0</v>
      </c>
      <c r="AM15" s="100">
        <v>0</v>
      </c>
      <c r="AN15" s="104">
        <v>0</v>
      </c>
      <c r="AO15" s="104">
        <v>48292</v>
      </c>
      <c r="AP15" s="104">
        <v>107512</v>
      </c>
      <c r="AQ15" s="104">
        <v>50218</v>
      </c>
      <c r="AR15" s="104">
        <v>303766</v>
      </c>
      <c r="AS15" s="103">
        <v>509788</v>
      </c>
      <c r="AT15" s="106">
        <v>509788</v>
      </c>
      <c r="AU15" s="100">
        <v>135464</v>
      </c>
      <c r="AV15" s="104">
        <v>244246</v>
      </c>
      <c r="AW15" s="103">
        <v>379710</v>
      </c>
      <c r="AX15" s="100">
        <v>0</v>
      </c>
      <c r="AY15" s="104">
        <v>1848546</v>
      </c>
      <c r="AZ15" s="104">
        <v>908725</v>
      </c>
      <c r="BA15" s="104">
        <v>1727399</v>
      </c>
      <c r="BB15" s="104">
        <v>1096232</v>
      </c>
      <c r="BC15" s="104">
        <v>1040063</v>
      </c>
      <c r="BD15" s="103">
        <v>6620965</v>
      </c>
      <c r="BE15" s="106">
        <v>7000675</v>
      </c>
      <c r="BF15" s="100">
        <v>43388</v>
      </c>
      <c r="BG15" s="104">
        <v>50996</v>
      </c>
      <c r="BH15" s="102">
        <v>94384</v>
      </c>
      <c r="BI15" s="101">
        <v>0</v>
      </c>
      <c r="BJ15" s="104">
        <v>44419</v>
      </c>
      <c r="BK15" s="104">
        <v>260928</v>
      </c>
      <c r="BL15" s="104">
        <v>91473</v>
      </c>
      <c r="BM15" s="104">
        <v>124342</v>
      </c>
      <c r="BN15" s="104">
        <v>66407</v>
      </c>
      <c r="BO15" s="103">
        <v>587569</v>
      </c>
      <c r="BP15" s="106">
        <v>681953</v>
      </c>
      <c r="BQ15" s="100">
        <v>77952</v>
      </c>
      <c r="BR15" s="104">
        <v>66328</v>
      </c>
      <c r="BS15" s="103">
        <v>144280</v>
      </c>
      <c r="BT15" s="100">
        <v>0</v>
      </c>
      <c r="BU15" s="104">
        <v>757936</v>
      </c>
      <c r="BV15" s="104">
        <v>645304</v>
      </c>
      <c r="BW15" s="104">
        <v>823240</v>
      </c>
      <c r="BX15" s="104">
        <v>576568</v>
      </c>
      <c r="BY15" s="104">
        <v>404752</v>
      </c>
      <c r="BZ15" s="103">
        <v>3207800</v>
      </c>
      <c r="CA15" s="106">
        <v>3352080</v>
      </c>
      <c r="CB15" s="100">
        <v>88603</v>
      </c>
      <c r="CC15" s="104">
        <v>477708</v>
      </c>
      <c r="CD15" s="103">
        <v>566311</v>
      </c>
      <c r="CE15" s="100">
        <v>0</v>
      </c>
      <c r="CF15" s="104">
        <v>2859282</v>
      </c>
      <c r="CG15" s="104">
        <v>2382427</v>
      </c>
      <c r="CH15" s="104">
        <v>3122589</v>
      </c>
      <c r="CI15" s="104">
        <v>2023797</v>
      </c>
      <c r="CJ15" s="104">
        <v>773660</v>
      </c>
      <c r="CK15" s="103">
        <v>11161755</v>
      </c>
      <c r="CL15" s="106">
        <v>11728066</v>
      </c>
      <c r="CM15" s="100">
        <v>0</v>
      </c>
      <c r="CN15" s="104">
        <v>0</v>
      </c>
      <c r="CO15" s="103">
        <v>0</v>
      </c>
      <c r="CP15" s="101">
        <v>0</v>
      </c>
      <c r="CQ15" s="104">
        <v>2090982</v>
      </c>
      <c r="CR15" s="104">
        <v>1504448</v>
      </c>
      <c r="CS15" s="104">
        <v>2046467</v>
      </c>
      <c r="CT15" s="104">
        <v>1607633</v>
      </c>
      <c r="CU15" s="104">
        <v>608613</v>
      </c>
      <c r="CV15" s="103">
        <v>7858143</v>
      </c>
      <c r="CW15" s="106">
        <v>7858143</v>
      </c>
      <c r="CX15" s="100">
        <v>88603</v>
      </c>
      <c r="CY15" s="104">
        <v>477708</v>
      </c>
      <c r="CZ15" s="103">
        <v>566311</v>
      </c>
      <c r="DA15" s="100">
        <v>0</v>
      </c>
      <c r="DB15" s="104">
        <v>768300</v>
      </c>
      <c r="DC15" s="104">
        <v>877979</v>
      </c>
      <c r="DD15" s="104">
        <v>1076122</v>
      </c>
      <c r="DE15" s="104">
        <v>416164</v>
      </c>
      <c r="DF15" s="104">
        <v>165047</v>
      </c>
      <c r="DG15" s="103">
        <v>3303612</v>
      </c>
      <c r="DH15" s="106">
        <v>3869923</v>
      </c>
      <c r="DI15" s="100">
        <v>0</v>
      </c>
      <c r="DJ15" s="104">
        <v>0</v>
      </c>
      <c r="DK15" s="102">
        <v>0</v>
      </c>
      <c r="DL15" s="101">
        <v>0</v>
      </c>
      <c r="DM15" s="104">
        <v>372989</v>
      </c>
      <c r="DN15" s="104">
        <v>816981</v>
      </c>
      <c r="DO15" s="104">
        <v>1202407</v>
      </c>
      <c r="DP15" s="104">
        <v>1243136</v>
      </c>
      <c r="DQ15" s="104">
        <v>723760</v>
      </c>
      <c r="DR15" s="103">
        <v>4359273</v>
      </c>
      <c r="DS15" s="106">
        <v>4359273</v>
      </c>
      <c r="DT15" s="100">
        <v>0</v>
      </c>
      <c r="DU15" s="104">
        <v>0</v>
      </c>
      <c r="DV15" s="103">
        <v>0</v>
      </c>
      <c r="DW15" s="100">
        <v>0</v>
      </c>
      <c r="DX15" s="104">
        <v>372989</v>
      </c>
      <c r="DY15" s="104">
        <v>600904</v>
      </c>
      <c r="DZ15" s="104">
        <v>1202407</v>
      </c>
      <c r="EA15" s="104">
        <v>982121</v>
      </c>
      <c r="EB15" s="104">
        <v>412922</v>
      </c>
      <c r="EC15" s="103">
        <v>3571343</v>
      </c>
      <c r="ED15" s="106">
        <v>3571343</v>
      </c>
      <c r="EE15" s="100">
        <v>0</v>
      </c>
      <c r="EF15" s="102">
        <v>0</v>
      </c>
      <c r="EG15" s="103">
        <v>0</v>
      </c>
      <c r="EH15" s="100">
        <v>0</v>
      </c>
      <c r="EI15" s="104">
        <v>0</v>
      </c>
      <c r="EJ15" s="104">
        <v>216077</v>
      </c>
      <c r="EK15" s="104">
        <v>0</v>
      </c>
      <c r="EL15" s="104">
        <v>261015</v>
      </c>
      <c r="EM15" s="104">
        <v>310838</v>
      </c>
      <c r="EN15" s="102">
        <v>787930</v>
      </c>
      <c r="EO15" s="106">
        <v>787930</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2"/>
      <c r="FE15" s="104">
        <v>0</v>
      </c>
      <c r="FF15" s="104">
        <v>0</v>
      </c>
      <c r="FG15" s="104">
        <v>0</v>
      </c>
      <c r="FH15" s="104">
        <v>0</v>
      </c>
      <c r="FI15" s="104">
        <v>0</v>
      </c>
      <c r="FJ15" s="103">
        <v>0</v>
      </c>
      <c r="FK15" s="106">
        <v>0</v>
      </c>
      <c r="FL15" s="100">
        <v>186304</v>
      </c>
      <c r="FM15" s="104">
        <v>126304</v>
      </c>
      <c r="FN15" s="103">
        <v>312608</v>
      </c>
      <c r="FO15" s="100">
        <v>0</v>
      </c>
      <c r="FP15" s="104">
        <v>641496</v>
      </c>
      <c r="FQ15" s="104">
        <v>865636</v>
      </c>
      <c r="FR15" s="104">
        <v>1395912</v>
      </c>
      <c r="FS15" s="104">
        <v>761768</v>
      </c>
      <c r="FT15" s="104">
        <v>605160</v>
      </c>
      <c r="FU15" s="103">
        <v>4269972</v>
      </c>
      <c r="FV15" s="106">
        <v>4582580</v>
      </c>
      <c r="FW15" s="105">
        <v>155904</v>
      </c>
      <c r="FX15" s="104">
        <v>126304</v>
      </c>
      <c r="FY15" s="102">
        <v>282208</v>
      </c>
      <c r="FZ15" s="101">
        <v>0</v>
      </c>
      <c r="GA15" s="104">
        <v>455896</v>
      </c>
      <c r="GB15" s="104">
        <v>810096</v>
      </c>
      <c r="GC15" s="104">
        <v>1034312</v>
      </c>
      <c r="GD15" s="104">
        <v>761768</v>
      </c>
      <c r="GE15" s="104">
        <v>605160</v>
      </c>
      <c r="GF15" s="103">
        <v>3667232</v>
      </c>
      <c r="GG15" s="294">
        <v>3949440</v>
      </c>
      <c r="GH15" s="105">
        <v>0</v>
      </c>
      <c r="GI15" s="104">
        <v>0</v>
      </c>
      <c r="GJ15" s="102">
        <v>0</v>
      </c>
      <c r="GK15" s="101">
        <v>0</v>
      </c>
      <c r="GL15" s="104">
        <v>0</v>
      </c>
      <c r="GM15" s="104">
        <v>13860</v>
      </c>
      <c r="GN15" s="104">
        <v>0</v>
      </c>
      <c r="GO15" s="104">
        <v>0</v>
      </c>
      <c r="GP15" s="104">
        <v>0</v>
      </c>
      <c r="GQ15" s="103">
        <v>13860</v>
      </c>
      <c r="GR15" s="106">
        <v>13860</v>
      </c>
      <c r="GS15" s="100">
        <v>30400</v>
      </c>
      <c r="GT15" s="104">
        <v>0</v>
      </c>
      <c r="GU15" s="103">
        <v>30400</v>
      </c>
      <c r="GV15" s="100">
        <v>0</v>
      </c>
      <c r="GW15" s="104">
        <v>185600</v>
      </c>
      <c r="GX15" s="104">
        <v>41680</v>
      </c>
      <c r="GY15" s="104">
        <v>361600</v>
      </c>
      <c r="GZ15" s="104">
        <v>0</v>
      </c>
      <c r="HA15" s="104">
        <v>0</v>
      </c>
      <c r="HB15" s="102">
        <v>588880</v>
      </c>
      <c r="HC15" s="106">
        <v>619280</v>
      </c>
      <c r="HD15" s="100">
        <v>259581</v>
      </c>
      <c r="HE15" s="104">
        <v>194925</v>
      </c>
      <c r="HF15" s="102">
        <v>454506</v>
      </c>
      <c r="HG15" s="101">
        <v>0</v>
      </c>
      <c r="HH15" s="104">
        <v>3020345</v>
      </c>
      <c r="HI15" s="104">
        <v>3538800</v>
      </c>
      <c r="HJ15" s="104">
        <v>3024255</v>
      </c>
      <c r="HK15" s="104">
        <v>3427712</v>
      </c>
      <c r="HL15" s="104">
        <v>1744384</v>
      </c>
      <c r="HM15" s="103">
        <v>14755496</v>
      </c>
      <c r="HN15" s="99">
        <v>15210002</v>
      </c>
      <c r="HO15" s="304"/>
      <c r="HP15" s="305"/>
      <c r="HQ15" s="306"/>
      <c r="HR15" s="307"/>
      <c r="HS15" s="305"/>
      <c r="HT15" s="305"/>
      <c r="HU15" s="305"/>
      <c r="HV15" s="305"/>
      <c r="HW15" s="305"/>
      <c r="HX15" s="308"/>
      <c r="HY15" s="309"/>
      <c r="HZ15" s="115">
        <v>40157</v>
      </c>
      <c r="IA15" s="136">
        <v>0</v>
      </c>
      <c r="IB15" s="116">
        <v>40157</v>
      </c>
      <c r="IC15" s="133">
        <v>0</v>
      </c>
      <c r="ID15" s="119">
        <v>2272929</v>
      </c>
      <c r="IE15" s="134">
        <v>3079166</v>
      </c>
      <c r="IF15" s="120">
        <v>4753234</v>
      </c>
      <c r="IG15" s="119">
        <v>978716</v>
      </c>
      <c r="IH15" s="120">
        <v>1536725</v>
      </c>
      <c r="II15" s="135">
        <v>12620770</v>
      </c>
      <c r="IJ15" s="117">
        <v>12660927</v>
      </c>
      <c r="IK15" s="219">
        <v>0</v>
      </c>
      <c r="IL15" s="223">
        <v>0</v>
      </c>
      <c r="IM15" s="224">
        <v>0</v>
      </c>
      <c r="IN15" s="127"/>
      <c r="IO15" s="109">
        <v>0</v>
      </c>
      <c r="IP15" s="109">
        <v>118764</v>
      </c>
      <c r="IQ15" s="109">
        <v>0</v>
      </c>
      <c r="IR15" s="109">
        <v>0</v>
      </c>
      <c r="IS15" s="109">
        <v>0</v>
      </c>
      <c r="IT15" s="128">
        <v>118764</v>
      </c>
      <c r="IU15" s="296">
        <v>118764</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447828</v>
      </c>
      <c r="JL15" s="109">
        <v>1120934</v>
      </c>
      <c r="JM15" s="109">
        <v>936171</v>
      </c>
      <c r="JN15" s="109">
        <v>463992</v>
      </c>
      <c r="JO15" s="109">
        <v>487082</v>
      </c>
      <c r="JP15" s="110">
        <v>4456007</v>
      </c>
      <c r="JQ15" s="296">
        <v>4456007</v>
      </c>
      <c r="JR15" s="129">
        <v>0</v>
      </c>
      <c r="JS15" s="109">
        <v>0</v>
      </c>
      <c r="JT15" s="128">
        <v>0</v>
      </c>
      <c r="JU15" s="108">
        <v>0</v>
      </c>
      <c r="JV15" s="109">
        <v>0</v>
      </c>
      <c r="JW15" s="109">
        <v>0</v>
      </c>
      <c r="JX15" s="109">
        <v>0</v>
      </c>
      <c r="JY15" s="109">
        <v>0</v>
      </c>
      <c r="JZ15" s="109">
        <v>189792</v>
      </c>
      <c r="KA15" s="110">
        <v>189792</v>
      </c>
      <c r="KB15" s="296">
        <v>189792</v>
      </c>
      <c r="KC15" s="221">
        <v>40157</v>
      </c>
      <c r="KD15" s="217">
        <v>0</v>
      </c>
      <c r="KE15" s="110">
        <v>40157</v>
      </c>
      <c r="KF15" s="108">
        <v>0</v>
      </c>
      <c r="KG15" s="109">
        <v>118514</v>
      </c>
      <c r="KH15" s="109">
        <v>517706</v>
      </c>
      <c r="KI15" s="109">
        <v>436205</v>
      </c>
      <c r="KJ15" s="109">
        <v>0</v>
      </c>
      <c r="KK15" s="109">
        <v>0</v>
      </c>
      <c r="KL15" s="110">
        <v>1072425</v>
      </c>
      <c r="KM15" s="130">
        <v>1112582</v>
      </c>
      <c r="KN15" s="219">
        <v>0</v>
      </c>
      <c r="KO15" s="223">
        <v>0</v>
      </c>
      <c r="KP15" s="224">
        <v>0</v>
      </c>
      <c r="KQ15" s="127"/>
      <c r="KR15" s="109">
        <v>706587</v>
      </c>
      <c r="KS15" s="109">
        <v>962821</v>
      </c>
      <c r="KT15" s="109">
        <v>2351438</v>
      </c>
      <c r="KU15" s="109">
        <v>514724</v>
      </c>
      <c r="KV15" s="109">
        <v>209481</v>
      </c>
      <c r="KW15" s="110">
        <v>4745051</v>
      </c>
      <c r="KX15" s="296">
        <v>4745051</v>
      </c>
      <c r="KY15" s="129">
        <v>0</v>
      </c>
      <c r="KZ15" s="109">
        <v>0</v>
      </c>
      <c r="LA15" s="110">
        <v>0</v>
      </c>
      <c r="LB15" s="132"/>
      <c r="LC15" s="109">
        <v>0</v>
      </c>
      <c r="LD15" s="109">
        <v>177091</v>
      </c>
      <c r="LE15" s="109">
        <v>0</v>
      </c>
      <c r="LF15" s="109">
        <v>0</v>
      </c>
      <c r="LG15" s="109">
        <v>0</v>
      </c>
      <c r="LH15" s="110">
        <v>177091</v>
      </c>
      <c r="LI15" s="111">
        <v>177091</v>
      </c>
      <c r="LJ15" s="129">
        <v>0</v>
      </c>
      <c r="LK15" s="109">
        <v>0</v>
      </c>
      <c r="LL15" s="110">
        <v>0</v>
      </c>
      <c r="LM15" s="132"/>
      <c r="LN15" s="109">
        <v>0</v>
      </c>
      <c r="LO15" s="109">
        <v>0</v>
      </c>
      <c r="LP15" s="109">
        <v>0</v>
      </c>
      <c r="LQ15" s="109">
        <v>0</v>
      </c>
      <c r="LR15" s="109">
        <v>0</v>
      </c>
      <c r="LS15" s="110">
        <v>0</v>
      </c>
      <c r="LT15" s="296">
        <v>0</v>
      </c>
      <c r="LU15" s="129">
        <v>0</v>
      </c>
      <c r="LV15" s="109">
        <v>0</v>
      </c>
      <c r="LW15" s="110">
        <v>0</v>
      </c>
      <c r="LX15" s="132"/>
      <c r="LY15" s="109">
        <v>0</v>
      </c>
      <c r="LZ15" s="109">
        <v>181850</v>
      </c>
      <c r="MA15" s="109">
        <v>1029420</v>
      </c>
      <c r="MB15" s="109">
        <v>0</v>
      </c>
      <c r="MC15" s="109">
        <v>650370</v>
      </c>
      <c r="MD15" s="110">
        <v>1861640</v>
      </c>
      <c r="ME15" s="111">
        <v>1861640</v>
      </c>
      <c r="MF15" s="129">
        <v>0</v>
      </c>
      <c r="MG15" s="109">
        <v>0</v>
      </c>
      <c r="MH15" s="110">
        <v>0</v>
      </c>
      <c r="MI15" s="132"/>
      <c r="MJ15" s="109">
        <v>0</v>
      </c>
      <c r="MK15" s="109">
        <v>1075198</v>
      </c>
      <c r="ML15" s="109">
        <v>6244279</v>
      </c>
      <c r="MM15" s="109">
        <v>7986219</v>
      </c>
      <c r="MN15" s="109">
        <v>3362111</v>
      </c>
      <c r="MO15" s="110">
        <v>18667807</v>
      </c>
      <c r="MP15" s="130">
        <v>18667807</v>
      </c>
      <c r="MQ15" s="129">
        <v>0</v>
      </c>
      <c r="MR15" s="109">
        <v>0</v>
      </c>
      <c r="MS15" s="110">
        <v>0</v>
      </c>
      <c r="MT15" s="132"/>
      <c r="MU15" s="109">
        <v>0</v>
      </c>
      <c r="MV15" s="109">
        <v>0</v>
      </c>
      <c r="MW15" s="109">
        <v>2994645</v>
      </c>
      <c r="MX15" s="109">
        <v>5804343</v>
      </c>
      <c r="MY15" s="109">
        <v>2510632</v>
      </c>
      <c r="MZ15" s="110">
        <v>11309620</v>
      </c>
      <c r="NA15" s="130">
        <v>11309620</v>
      </c>
      <c r="NB15" s="129">
        <v>0</v>
      </c>
      <c r="NC15" s="109">
        <v>0</v>
      </c>
      <c r="ND15" s="110">
        <v>0</v>
      </c>
      <c r="NE15" s="132"/>
      <c r="NF15" s="109">
        <v>0</v>
      </c>
      <c r="NG15" s="109">
        <v>1075198</v>
      </c>
      <c r="NH15" s="109">
        <v>3249634</v>
      </c>
      <c r="NI15" s="109">
        <v>2181876</v>
      </c>
      <c r="NJ15" s="109">
        <v>851479</v>
      </c>
      <c r="NK15" s="110">
        <v>7358187</v>
      </c>
      <c r="NL15" s="296">
        <v>7358187</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0</v>
      </c>
      <c r="OG15" s="110">
        <v>0</v>
      </c>
      <c r="OH15" s="111">
        <v>0</v>
      </c>
      <c r="OI15" s="129">
        <v>831449</v>
      </c>
      <c r="OJ15" s="109">
        <v>1160507</v>
      </c>
      <c r="OK15" s="128">
        <v>1991956</v>
      </c>
      <c r="OL15" s="108">
        <v>0</v>
      </c>
      <c r="OM15" s="109">
        <v>13492458</v>
      </c>
      <c r="ON15" s="109">
        <v>15211905</v>
      </c>
      <c r="OO15" s="109">
        <v>25458663</v>
      </c>
      <c r="OP15" s="109">
        <v>21543594</v>
      </c>
      <c r="OQ15" s="109">
        <v>14164195</v>
      </c>
      <c r="OR15" s="110">
        <v>89870815</v>
      </c>
      <c r="OS15" s="130">
        <v>91862771</v>
      </c>
    </row>
    <row r="16" spans="1:409" ht="21" customHeight="1" x14ac:dyDescent="0.2">
      <c r="B16" s="468" t="s">
        <v>10</v>
      </c>
      <c r="C16" s="100">
        <v>1502767</v>
      </c>
      <c r="D16" s="104">
        <v>1331195</v>
      </c>
      <c r="E16" s="103">
        <v>2833962</v>
      </c>
      <c r="F16" s="159">
        <v>0</v>
      </c>
      <c r="G16" s="104">
        <v>18554231</v>
      </c>
      <c r="H16" s="104">
        <v>16023825</v>
      </c>
      <c r="I16" s="104">
        <v>13789375</v>
      </c>
      <c r="J16" s="104">
        <v>18803392</v>
      </c>
      <c r="K16" s="104">
        <v>9459485</v>
      </c>
      <c r="L16" s="99">
        <v>76630308</v>
      </c>
      <c r="M16" s="106">
        <v>79464270</v>
      </c>
      <c r="N16" s="100">
        <v>529629</v>
      </c>
      <c r="O16" s="104">
        <v>578018</v>
      </c>
      <c r="P16" s="103">
        <v>1107647</v>
      </c>
      <c r="Q16" s="100">
        <v>0</v>
      </c>
      <c r="R16" s="104">
        <v>6405423</v>
      </c>
      <c r="S16" s="104">
        <v>5665607</v>
      </c>
      <c r="T16" s="104">
        <v>4302415</v>
      </c>
      <c r="U16" s="104">
        <v>8035913</v>
      </c>
      <c r="V16" s="104">
        <v>5625700</v>
      </c>
      <c r="W16" s="103">
        <v>30035058</v>
      </c>
      <c r="X16" s="106">
        <v>31142705</v>
      </c>
      <c r="Y16" s="100">
        <v>0</v>
      </c>
      <c r="Z16" s="104">
        <v>0</v>
      </c>
      <c r="AA16" s="103">
        <v>0</v>
      </c>
      <c r="AB16" s="100">
        <v>0</v>
      </c>
      <c r="AC16" s="104">
        <v>2703706</v>
      </c>
      <c r="AD16" s="104">
        <v>2704735</v>
      </c>
      <c r="AE16" s="104">
        <v>2158500</v>
      </c>
      <c r="AF16" s="104">
        <v>4808211</v>
      </c>
      <c r="AG16" s="104">
        <v>3055947</v>
      </c>
      <c r="AH16" s="103">
        <v>15431099</v>
      </c>
      <c r="AI16" s="106">
        <v>15431099</v>
      </c>
      <c r="AJ16" s="100">
        <v>0</v>
      </c>
      <c r="AK16" s="104">
        <v>0</v>
      </c>
      <c r="AL16" s="103">
        <v>0</v>
      </c>
      <c r="AM16" s="100">
        <v>0</v>
      </c>
      <c r="AN16" s="104">
        <v>59220</v>
      </c>
      <c r="AO16" s="104">
        <v>61249</v>
      </c>
      <c r="AP16" s="104">
        <v>262272</v>
      </c>
      <c r="AQ16" s="104">
        <v>461160</v>
      </c>
      <c r="AR16" s="104">
        <v>666704</v>
      </c>
      <c r="AS16" s="103">
        <v>1510605</v>
      </c>
      <c r="AT16" s="106">
        <v>1510605</v>
      </c>
      <c r="AU16" s="100">
        <v>322137</v>
      </c>
      <c r="AV16" s="104">
        <v>388412</v>
      </c>
      <c r="AW16" s="103">
        <v>710549</v>
      </c>
      <c r="AX16" s="100">
        <v>0</v>
      </c>
      <c r="AY16" s="104">
        <v>2470610</v>
      </c>
      <c r="AZ16" s="104">
        <v>1682705</v>
      </c>
      <c r="BA16" s="104">
        <v>942280</v>
      </c>
      <c r="BB16" s="104">
        <v>1761386</v>
      </c>
      <c r="BC16" s="104">
        <v>1061941</v>
      </c>
      <c r="BD16" s="103">
        <v>7918922</v>
      </c>
      <c r="BE16" s="106">
        <v>8629471</v>
      </c>
      <c r="BF16" s="100">
        <v>42620</v>
      </c>
      <c r="BG16" s="104">
        <v>118774</v>
      </c>
      <c r="BH16" s="102">
        <v>161394</v>
      </c>
      <c r="BI16" s="101">
        <v>0</v>
      </c>
      <c r="BJ16" s="104">
        <v>149695</v>
      </c>
      <c r="BK16" s="104">
        <v>262818</v>
      </c>
      <c r="BL16" s="104">
        <v>151267</v>
      </c>
      <c r="BM16" s="104">
        <v>103604</v>
      </c>
      <c r="BN16" s="104">
        <v>146204</v>
      </c>
      <c r="BO16" s="103">
        <v>813588</v>
      </c>
      <c r="BP16" s="106">
        <v>974982</v>
      </c>
      <c r="BQ16" s="100">
        <v>164872</v>
      </c>
      <c r="BR16" s="104">
        <v>70832</v>
      </c>
      <c r="BS16" s="103">
        <v>235704</v>
      </c>
      <c r="BT16" s="100">
        <v>0</v>
      </c>
      <c r="BU16" s="104">
        <v>1022192</v>
      </c>
      <c r="BV16" s="104">
        <v>954100</v>
      </c>
      <c r="BW16" s="104">
        <v>788096</v>
      </c>
      <c r="BX16" s="104">
        <v>901552</v>
      </c>
      <c r="BY16" s="104">
        <v>694904</v>
      </c>
      <c r="BZ16" s="103">
        <v>4360844</v>
      </c>
      <c r="CA16" s="106">
        <v>4596548</v>
      </c>
      <c r="CB16" s="100">
        <v>126749</v>
      </c>
      <c r="CC16" s="104">
        <v>316278</v>
      </c>
      <c r="CD16" s="103">
        <v>443027</v>
      </c>
      <c r="CE16" s="100">
        <v>0</v>
      </c>
      <c r="CF16" s="104">
        <v>6390776</v>
      </c>
      <c r="CG16" s="104">
        <v>4821958</v>
      </c>
      <c r="CH16" s="104">
        <v>3267318</v>
      </c>
      <c r="CI16" s="104">
        <v>2522986</v>
      </c>
      <c r="CJ16" s="104">
        <v>627533</v>
      </c>
      <c r="CK16" s="103">
        <v>17630571</v>
      </c>
      <c r="CL16" s="106">
        <v>18073598</v>
      </c>
      <c r="CM16" s="100">
        <v>0</v>
      </c>
      <c r="CN16" s="104">
        <v>0</v>
      </c>
      <c r="CO16" s="103">
        <v>0</v>
      </c>
      <c r="CP16" s="101">
        <v>0</v>
      </c>
      <c r="CQ16" s="104">
        <v>5151939</v>
      </c>
      <c r="CR16" s="104">
        <v>4044483</v>
      </c>
      <c r="CS16" s="104">
        <v>2937053</v>
      </c>
      <c r="CT16" s="104">
        <v>1898613</v>
      </c>
      <c r="CU16" s="104">
        <v>465845</v>
      </c>
      <c r="CV16" s="103">
        <v>14497933</v>
      </c>
      <c r="CW16" s="106">
        <v>14497933</v>
      </c>
      <c r="CX16" s="100">
        <v>126749</v>
      </c>
      <c r="CY16" s="104">
        <v>316278</v>
      </c>
      <c r="CZ16" s="103">
        <v>443027</v>
      </c>
      <c r="DA16" s="100">
        <v>0</v>
      </c>
      <c r="DB16" s="104">
        <v>1238837</v>
      </c>
      <c r="DC16" s="104">
        <v>777475</v>
      </c>
      <c r="DD16" s="104">
        <v>330265</v>
      </c>
      <c r="DE16" s="104">
        <v>624373</v>
      </c>
      <c r="DF16" s="104">
        <v>161688</v>
      </c>
      <c r="DG16" s="103">
        <v>3132638</v>
      </c>
      <c r="DH16" s="106">
        <v>3575665</v>
      </c>
      <c r="DI16" s="100">
        <v>0</v>
      </c>
      <c r="DJ16" s="104">
        <v>39091</v>
      </c>
      <c r="DK16" s="102">
        <v>39091</v>
      </c>
      <c r="DL16" s="101">
        <v>0</v>
      </c>
      <c r="DM16" s="104">
        <v>499900</v>
      </c>
      <c r="DN16" s="104">
        <v>1284546</v>
      </c>
      <c r="DO16" s="104">
        <v>1518535</v>
      </c>
      <c r="DP16" s="104">
        <v>2220384</v>
      </c>
      <c r="DQ16" s="104">
        <v>561734</v>
      </c>
      <c r="DR16" s="103">
        <v>6085099</v>
      </c>
      <c r="DS16" s="106">
        <v>6124190</v>
      </c>
      <c r="DT16" s="100">
        <v>0</v>
      </c>
      <c r="DU16" s="104">
        <v>39091</v>
      </c>
      <c r="DV16" s="103">
        <v>39091</v>
      </c>
      <c r="DW16" s="100">
        <v>0</v>
      </c>
      <c r="DX16" s="104">
        <v>499900</v>
      </c>
      <c r="DY16" s="104">
        <v>1129721</v>
      </c>
      <c r="DZ16" s="104">
        <v>1417386</v>
      </c>
      <c r="EA16" s="104">
        <v>2010394</v>
      </c>
      <c r="EB16" s="104">
        <v>561734</v>
      </c>
      <c r="EC16" s="103">
        <v>5619135</v>
      </c>
      <c r="ED16" s="106">
        <v>5658226</v>
      </c>
      <c r="EE16" s="100">
        <v>0</v>
      </c>
      <c r="EF16" s="102">
        <v>0</v>
      </c>
      <c r="EG16" s="103">
        <v>0</v>
      </c>
      <c r="EH16" s="100">
        <v>0</v>
      </c>
      <c r="EI16" s="104">
        <v>0</v>
      </c>
      <c r="EJ16" s="104">
        <v>154825</v>
      </c>
      <c r="EK16" s="104">
        <v>101149</v>
      </c>
      <c r="EL16" s="104">
        <v>209990</v>
      </c>
      <c r="EM16" s="104">
        <v>0</v>
      </c>
      <c r="EN16" s="102">
        <v>465964</v>
      </c>
      <c r="EO16" s="106">
        <v>46596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2"/>
      <c r="FE16" s="104">
        <v>0</v>
      </c>
      <c r="FF16" s="104">
        <v>0</v>
      </c>
      <c r="FG16" s="104">
        <v>0</v>
      </c>
      <c r="FH16" s="104">
        <v>0</v>
      </c>
      <c r="FI16" s="104">
        <v>0</v>
      </c>
      <c r="FJ16" s="103">
        <v>0</v>
      </c>
      <c r="FK16" s="106">
        <v>0</v>
      </c>
      <c r="FL16" s="100">
        <v>465864</v>
      </c>
      <c r="FM16" s="104">
        <v>397808</v>
      </c>
      <c r="FN16" s="103">
        <v>863672</v>
      </c>
      <c r="FO16" s="100">
        <v>0</v>
      </c>
      <c r="FP16" s="104">
        <v>1008840</v>
      </c>
      <c r="FQ16" s="104">
        <v>1666473</v>
      </c>
      <c r="FR16" s="104">
        <v>1170192</v>
      </c>
      <c r="FS16" s="104">
        <v>1485240</v>
      </c>
      <c r="FT16" s="104">
        <v>1051120</v>
      </c>
      <c r="FU16" s="103">
        <v>6381865</v>
      </c>
      <c r="FV16" s="106">
        <v>7245537</v>
      </c>
      <c r="FW16" s="105">
        <v>285552</v>
      </c>
      <c r="FX16" s="104">
        <v>323408</v>
      </c>
      <c r="FY16" s="102">
        <v>608960</v>
      </c>
      <c r="FZ16" s="101">
        <v>0</v>
      </c>
      <c r="GA16" s="104">
        <v>769960</v>
      </c>
      <c r="GB16" s="104">
        <v>1421361</v>
      </c>
      <c r="GC16" s="104">
        <v>1123664</v>
      </c>
      <c r="GD16" s="104">
        <v>1485240</v>
      </c>
      <c r="GE16" s="104">
        <v>1051120</v>
      </c>
      <c r="GF16" s="103">
        <v>5851345</v>
      </c>
      <c r="GG16" s="294">
        <v>6460305</v>
      </c>
      <c r="GH16" s="105">
        <v>83512</v>
      </c>
      <c r="GI16" s="104">
        <v>0</v>
      </c>
      <c r="GJ16" s="102">
        <v>83512</v>
      </c>
      <c r="GK16" s="101">
        <v>0</v>
      </c>
      <c r="GL16" s="104">
        <v>31680</v>
      </c>
      <c r="GM16" s="104">
        <v>85112</v>
      </c>
      <c r="GN16" s="104">
        <v>46528</v>
      </c>
      <c r="GO16" s="104">
        <v>0</v>
      </c>
      <c r="GP16" s="104">
        <v>0</v>
      </c>
      <c r="GQ16" s="103">
        <v>163320</v>
      </c>
      <c r="GR16" s="106">
        <v>246832</v>
      </c>
      <c r="GS16" s="100">
        <v>96800</v>
      </c>
      <c r="GT16" s="104">
        <v>74400</v>
      </c>
      <c r="GU16" s="103">
        <v>171200</v>
      </c>
      <c r="GV16" s="100">
        <v>0</v>
      </c>
      <c r="GW16" s="104">
        <v>207200</v>
      </c>
      <c r="GX16" s="104">
        <v>160000</v>
      </c>
      <c r="GY16" s="104">
        <v>0</v>
      </c>
      <c r="GZ16" s="104">
        <v>0</v>
      </c>
      <c r="HA16" s="104">
        <v>0</v>
      </c>
      <c r="HB16" s="102">
        <v>367200</v>
      </c>
      <c r="HC16" s="106">
        <v>538400</v>
      </c>
      <c r="HD16" s="100">
        <v>380525</v>
      </c>
      <c r="HE16" s="104">
        <v>0</v>
      </c>
      <c r="HF16" s="102">
        <v>380525</v>
      </c>
      <c r="HG16" s="101">
        <v>0</v>
      </c>
      <c r="HH16" s="104">
        <v>4249292</v>
      </c>
      <c r="HI16" s="104">
        <v>2585241</v>
      </c>
      <c r="HJ16" s="104">
        <v>3530915</v>
      </c>
      <c r="HK16" s="104">
        <v>4538869</v>
      </c>
      <c r="HL16" s="104">
        <v>1593398</v>
      </c>
      <c r="HM16" s="103">
        <v>16497715</v>
      </c>
      <c r="HN16" s="99">
        <v>16878240</v>
      </c>
      <c r="HO16" s="304"/>
      <c r="HP16" s="305"/>
      <c r="HQ16" s="306"/>
      <c r="HR16" s="307"/>
      <c r="HS16" s="305"/>
      <c r="HT16" s="305"/>
      <c r="HU16" s="305"/>
      <c r="HV16" s="305"/>
      <c r="HW16" s="305"/>
      <c r="HX16" s="308"/>
      <c r="HY16" s="309"/>
      <c r="HZ16" s="137">
        <v>21294</v>
      </c>
      <c r="IA16" s="122">
        <v>0</v>
      </c>
      <c r="IB16" s="137">
        <v>21294</v>
      </c>
      <c r="IC16" s="121">
        <v>0</v>
      </c>
      <c r="ID16" s="122">
        <v>3286196</v>
      </c>
      <c r="IE16" s="123">
        <v>5455328</v>
      </c>
      <c r="IF16" s="124">
        <v>6108106</v>
      </c>
      <c r="IG16" s="122">
        <v>4040087</v>
      </c>
      <c r="IH16" s="124">
        <v>3544886</v>
      </c>
      <c r="II16" s="125">
        <v>22434603</v>
      </c>
      <c r="IJ16" s="137">
        <v>22455897</v>
      </c>
      <c r="IK16" s="219">
        <v>0</v>
      </c>
      <c r="IL16" s="223">
        <v>0</v>
      </c>
      <c r="IM16" s="224">
        <v>0</v>
      </c>
      <c r="IN16" s="127"/>
      <c r="IO16" s="109">
        <v>57789</v>
      </c>
      <c r="IP16" s="109">
        <v>0</v>
      </c>
      <c r="IQ16" s="109">
        <v>193957</v>
      </c>
      <c r="IR16" s="109">
        <v>118719</v>
      </c>
      <c r="IS16" s="109">
        <v>231542</v>
      </c>
      <c r="IT16" s="128">
        <v>602007</v>
      </c>
      <c r="IU16" s="296">
        <v>602007</v>
      </c>
      <c r="IV16" s="129">
        <v>0</v>
      </c>
      <c r="IW16" s="109">
        <v>0</v>
      </c>
      <c r="IX16" s="110">
        <v>0</v>
      </c>
      <c r="IY16" s="131"/>
      <c r="IZ16" s="109">
        <v>0</v>
      </c>
      <c r="JA16" s="109">
        <v>0</v>
      </c>
      <c r="JB16" s="109">
        <v>10692</v>
      </c>
      <c r="JC16" s="109">
        <v>0</v>
      </c>
      <c r="JD16" s="109">
        <v>0</v>
      </c>
      <c r="JE16" s="110">
        <v>10692</v>
      </c>
      <c r="JF16" s="111">
        <v>10692</v>
      </c>
      <c r="JG16" s="129">
        <v>0</v>
      </c>
      <c r="JH16" s="109">
        <v>0</v>
      </c>
      <c r="JI16" s="128">
        <v>0</v>
      </c>
      <c r="JJ16" s="108">
        <v>0</v>
      </c>
      <c r="JK16" s="109">
        <v>1482702</v>
      </c>
      <c r="JL16" s="109">
        <v>1362245</v>
      </c>
      <c r="JM16" s="109">
        <v>510956</v>
      </c>
      <c r="JN16" s="109">
        <v>527359</v>
      </c>
      <c r="JO16" s="109">
        <v>277015</v>
      </c>
      <c r="JP16" s="110">
        <v>4160277</v>
      </c>
      <c r="JQ16" s="296">
        <v>4160277</v>
      </c>
      <c r="JR16" s="129">
        <v>0</v>
      </c>
      <c r="JS16" s="109">
        <v>0</v>
      </c>
      <c r="JT16" s="128">
        <v>0</v>
      </c>
      <c r="JU16" s="108">
        <v>0</v>
      </c>
      <c r="JV16" s="109">
        <v>169066</v>
      </c>
      <c r="JW16" s="109">
        <v>9141</v>
      </c>
      <c r="JX16" s="109">
        <v>269567</v>
      </c>
      <c r="JY16" s="109">
        <v>0</v>
      </c>
      <c r="JZ16" s="109">
        <v>46452</v>
      </c>
      <c r="KA16" s="110">
        <v>494226</v>
      </c>
      <c r="KB16" s="296">
        <v>494226</v>
      </c>
      <c r="KC16" s="221">
        <v>21294</v>
      </c>
      <c r="KD16" s="217">
        <v>0</v>
      </c>
      <c r="KE16" s="110">
        <v>21294</v>
      </c>
      <c r="KF16" s="108">
        <v>0</v>
      </c>
      <c r="KG16" s="109">
        <v>467415</v>
      </c>
      <c r="KH16" s="109">
        <v>626456</v>
      </c>
      <c r="KI16" s="109">
        <v>1140455</v>
      </c>
      <c r="KJ16" s="109">
        <v>276324</v>
      </c>
      <c r="KK16" s="109">
        <v>302931</v>
      </c>
      <c r="KL16" s="110">
        <v>2813581</v>
      </c>
      <c r="KM16" s="130">
        <v>2834875</v>
      </c>
      <c r="KN16" s="219">
        <v>0</v>
      </c>
      <c r="KO16" s="223">
        <v>0</v>
      </c>
      <c r="KP16" s="224">
        <v>0</v>
      </c>
      <c r="KQ16" s="127"/>
      <c r="KR16" s="109">
        <v>537377</v>
      </c>
      <c r="KS16" s="109">
        <v>2684192</v>
      </c>
      <c r="KT16" s="109">
        <v>2979849</v>
      </c>
      <c r="KU16" s="109">
        <v>743615</v>
      </c>
      <c r="KV16" s="109">
        <v>1601964</v>
      </c>
      <c r="KW16" s="110">
        <v>8546997</v>
      </c>
      <c r="KX16" s="296">
        <v>8546997</v>
      </c>
      <c r="KY16" s="129">
        <v>0</v>
      </c>
      <c r="KZ16" s="109">
        <v>0</v>
      </c>
      <c r="LA16" s="110">
        <v>0</v>
      </c>
      <c r="LB16" s="132"/>
      <c r="LC16" s="109">
        <v>571847</v>
      </c>
      <c r="LD16" s="109">
        <v>171390</v>
      </c>
      <c r="LE16" s="109">
        <v>248827</v>
      </c>
      <c r="LF16" s="109">
        <v>210672</v>
      </c>
      <c r="LG16" s="109">
        <v>22386</v>
      </c>
      <c r="LH16" s="110">
        <v>1225122</v>
      </c>
      <c r="LI16" s="111">
        <v>1225122</v>
      </c>
      <c r="LJ16" s="129">
        <v>0</v>
      </c>
      <c r="LK16" s="109">
        <v>0</v>
      </c>
      <c r="LL16" s="110">
        <v>0</v>
      </c>
      <c r="LM16" s="132"/>
      <c r="LN16" s="109">
        <v>0</v>
      </c>
      <c r="LO16" s="109">
        <v>206120</v>
      </c>
      <c r="LP16" s="109">
        <v>482503</v>
      </c>
      <c r="LQ16" s="109">
        <v>522665</v>
      </c>
      <c r="LR16" s="109">
        <v>1062596</v>
      </c>
      <c r="LS16" s="110">
        <v>2273884</v>
      </c>
      <c r="LT16" s="296">
        <v>2273884</v>
      </c>
      <c r="LU16" s="129">
        <v>0</v>
      </c>
      <c r="LV16" s="109">
        <v>0</v>
      </c>
      <c r="LW16" s="110">
        <v>0</v>
      </c>
      <c r="LX16" s="132"/>
      <c r="LY16" s="109">
        <v>0</v>
      </c>
      <c r="LZ16" s="109">
        <v>395784</v>
      </c>
      <c r="MA16" s="109">
        <v>271300</v>
      </c>
      <c r="MB16" s="109">
        <v>1640733</v>
      </c>
      <c r="MC16" s="109">
        <v>0</v>
      </c>
      <c r="MD16" s="110">
        <v>2307817</v>
      </c>
      <c r="ME16" s="111">
        <v>2307817</v>
      </c>
      <c r="MF16" s="129">
        <v>0</v>
      </c>
      <c r="MG16" s="109">
        <v>0</v>
      </c>
      <c r="MH16" s="110">
        <v>0</v>
      </c>
      <c r="MI16" s="132"/>
      <c r="MJ16" s="109">
        <v>1482971</v>
      </c>
      <c r="MK16" s="109">
        <v>1831160</v>
      </c>
      <c r="ML16" s="109">
        <v>5837379</v>
      </c>
      <c r="MM16" s="109">
        <v>12842948</v>
      </c>
      <c r="MN16" s="109">
        <v>5238087</v>
      </c>
      <c r="MO16" s="110">
        <v>27232545</v>
      </c>
      <c r="MP16" s="130">
        <v>27232545</v>
      </c>
      <c r="MQ16" s="129">
        <v>0</v>
      </c>
      <c r="MR16" s="109">
        <v>0</v>
      </c>
      <c r="MS16" s="110">
        <v>0</v>
      </c>
      <c r="MT16" s="132"/>
      <c r="MU16" s="109">
        <v>208497</v>
      </c>
      <c r="MV16" s="109">
        <v>234038</v>
      </c>
      <c r="MW16" s="109">
        <v>4540625</v>
      </c>
      <c r="MX16" s="109">
        <v>8649655</v>
      </c>
      <c r="MY16" s="109">
        <v>2351118</v>
      </c>
      <c r="MZ16" s="110">
        <v>15983933</v>
      </c>
      <c r="NA16" s="130">
        <v>15983933</v>
      </c>
      <c r="NB16" s="129">
        <v>0</v>
      </c>
      <c r="NC16" s="109">
        <v>0</v>
      </c>
      <c r="ND16" s="110">
        <v>0</v>
      </c>
      <c r="NE16" s="132"/>
      <c r="NF16" s="109">
        <v>1274474</v>
      </c>
      <c r="NG16" s="109">
        <v>1597122</v>
      </c>
      <c r="NH16" s="109">
        <v>1296754</v>
      </c>
      <c r="NI16" s="109">
        <v>4193293</v>
      </c>
      <c r="NJ16" s="109">
        <v>2518102</v>
      </c>
      <c r="NK16" s="110">
        <v>10879745</v>
      </c>
      <c r="NL16" s="296">
        <v>10879745</v>
      </c>
      <c r="NM16" s="129">
        <v>0</v>
      </c>
      <c r="NN16" s="109">
        <v>0</v>
      </c>
      <c r="NO16" s="110">
        <v>0</v>
      </c>
      <c r="NP16" s="132"/>
      <c r="NQ16" s="109">
        <v>0</v>
      </c>
      <c r="NR16" s="109">
        <v>0</v>
      </c>
      <c r="NS16" s="109">
        <v>0</v>
      </c>
      <c r="NT16" s="109">
        <v>0</v>
      </c>
      <c r="NU16" s="109">
        <v>0</v>
      </c>
      <c r="NV16" s="110">
        <v>0</v>
      </c>
      <c r="NW16" s="111">
        <v>0</v>
      </c>
      <c r="NX16" s="129">
        <v>0</v>
      </c>
      <c r="NY16" s="109">
        <v>0</v>
      </c>
      <c r="NZ16" s="110">
        <v>0</v>
      </c>
      <c r="OA16" s="132"/>
      <c r="OB16" s="109">
        <v>0</v>
      </c>
      <c r="OC16" s="109">
        <v>0</v>
      </c>
      <c r="OD16" s="109">
        <v>0</v>
      </c>
      <c r="OE16" s="109">
        <v>0</v>
      </c>
      <c r="OF16" s="109">
        <v>368867</v>
      </c>
      <c r="OG16" s="110">
        <v>368867</v>
      </c>
      <c r="OH16" s="111">
        <v>368867</v>
      </c>
      <c r="OI16" s="129">
        <v>1524061</v>
      </c>
      <c r="OJ16" s="109">
        <v>1331195</v>
      </c>
      <c r="OK16" s="128">
        <v>2855256</v>
      </c>
      <c r="OL16" s="108">
        <v>0</v>
      </c>
      <c r="OM16" s="109">
        <v>23323398</v>
      </c>
      <c r="ON16" s="109">
        <v>23310313</v>
      </c>
      <c r="OO16" s="109">
        <v>25734860</v>
      </c>
      <c r="OP16" s="109">
        <v>35686427</v>
      </c>
      <c r="OQ16" s="109">
        <v>18242458</v>
      </c>
      <c r="OR16" s="110">
        <v>126297456</v>
      </c>
      <c r="OS16" s="130">
        <v>129152712</v>
      </c>
    </row>
    <row r="17" spans="2:409" ht="21" customHeight="1" x14ac:dyDescent="0.2">
      <c r="B17" s="468" t="s">
        <v>11</v>
      </c>
      <c r="C17" s="100">
        <v>567279</v>
      </c>
      <c r="D17" s="104">
        <v>865701</v>
      </c>
      <c r="E17" s="158">
        <v>1432980</v>
      </c>
      <c r="F17" s="101">
        <v>0</v>
      </c>
      <c r="G17" s="104">
        <v>7822953</v>
      </c>
      <c r="H17" s="104">
        <v>8339586</v>
      </c>
      <c r="I17" s="104">
        <v>3873868</v>
      </c>
      <c r="J17" s="104">
        <v>10244688</v>
      </c>
      <c r="K17" s="104">
        <v>3343625</v>
      </c>
      <c r="L17" s="99">
        <v>33624720</v>
      </c>
      <c r="M17" s="106">
        <v>35057700</v>
      </c>
      <c r="N17" s="100">
        <v>137470</v>
      </c>
      <c r="O17" s="104">
        <v>198169</v>
      </c>
      <c r="P17" s="103">
        <v>335639</v>
      </c>
      <c r="Q17" s="100">
        <v>0</v>
      </c>
      <c r="R17" s="104">
        <v>1290699</v>
      </c>
      <c r="S17" s="104">
        <v>2197995</v>
      </c>
      <c r="T17" s="104">
        <v>803033</v>
      </c>
      <c r="U17" s="104">
        <v>2598996</v>
      </c>
      <c r="V17" s="104">
        <v>1932818</v>
      </c>
      <c r="W17" s="103">
        <v>8823541</v>
      </c>
      <c r="X17" s="106">
        <v>9159180</v>
      </c>
      <c r="Y17" s="100">
        <v>0</v>
      </c>
      <c r="Z17" s="104">
        <v>0</v>
      </c>
      <c r="AA17" s="103">
        <v>0</v>
      </c>
      <c r="AB17" s="100">
        <v>0</v>
      </c>
      <c r="AC17" s="104">
        <v>390747</v>
      </c>
      <c r="AD17" s="104">
        <v>1059331</v>
      </c>
      <c r="AE17" s="104">
        <v>856037</v>
      </c>
      <c r="AF17" s="104">
        <v>1288124</v>
      </c>
      <c r="AG17" s="104">
        <v>1263073</v>
      </c>
      <c r="AH17" s="103">
        <v>4857312</v>
      </c>
      <c r="AI17" s="106">
        <v>4857312</v>
      </c>
      <c r="AJ17" s="100">
        <v>0</v>
      </c>
      <c r="AK17" s="104">
        <v>0</v>
      </c>
      <c r="AL17" s="103">
        <v>0</v>
      </c>
      <c r="AM17" s="100">
        <v>0</v>
      </c>
      <c r="AN17" s="104">
        <v>0</v>
      </c>
      <c r="AO17" s="104">
        <v>171797</v>
      </c>
      <c r="AP17" s="104">
        <v>46120</v>
      </c>
      <c r="AQ17" s="104">
        <v>210456</v>
      </c>
      <c r="AR17" s="104">
        <v>212441</v>
      </c>
      <c r="AS17" s="103">
        <v>640814</v>
      </c>
      <c r="AT17" s="106">
        <v>640814</v>
      </c>
      <c r="AU17" s="100">
        <v>130414</v>
      </c>
      <c r="AV17" s="104">
        <v>100712</v>
      </c>
      <c r="AW17" s="103">
        <v>231126</v>
      </c>
      <c r="AX17" s="100">
        <v>0</v>
      </c>
      <c r="AY17" s="104">
        <v>471465</v>
      </c>
      <c r="AZ17" s="104">
        <v>520619</v>
      </c>
      <c r="BA17" s="104">
        <v>-296820</v>
      </c>
      <c r="BB17" s="104">
        <v>687089</v>
      </c>
      <c r="BC17" s="104">
        <v>280369</v>
      </c>
      <c r="BD17" s="103">
        <v>1662722</v>
      </c>
      <c r="BE17" s="106">
        <v>1893848</v>
      </c>
      <c r="BF17" s="100">
        <v>0</v>
      </c>
      <c r="BG17" s="104">
        <v>57553</v>
      </c>
      <c r="BH17" s="102">
        <v>57553</v>
      </c>
      <c r="BI17" s="101">
        <v>0</v>
      </c>
      <c r="BJ17" s="104">
        <v>137079</v>
      </c>
      <c r="BK17" s="104">
        <v>0</v>
      </c>
      <c r="BL17" s="104">
        <v>30592</v>
      </c>
      <c r="BM17" s="104">
        <v>151559</v>
      </c>
      <c r="BN17" s="104">
        <v>47095</v>
      </c>
      <c r="BO17" s="103">
        <v>366325</v>
      </c>
      <c r="BP17" s="106">
        <v>423878</v>
      </c>
      <c r="BQ17" s="100">
        <v>7056</v>
      </c>
      <c r="BR17" s="104">
        <v>39904</v>
      </c>
      <c r="BS17" s="103">
        <v>46960</v>
      </c>
      <c r="BT17" s="100">
        <v>0</v>
      </c>
      <c r="BU17" s="104">
        <v>291408</v>
      </c>
      <c r="BV17" s="104">
        <v>446248</v>
      </c>
      <c r="BW17" s="104">
        <v>167104</v>
      </c>
      <c r="BX17" s="104">
        <v>261768</v>
      </c>
      <c r="BY17" s="104">
        <v>129840</v>
      </c>
      <c r="BZ17" s="103">
        <v>1296368</v>
      </c>
      <c r="CA17" s="106">
        <v>1343328</v>
      </c>
      <c r="CB17" s="100">
        <v>120996</v>
      </c>
      <c r="CC17" s="104">
        <v>114352</v>
      </c>
      <c r="CD17" s="103">
        <v>235348</v>
      </c>
      <c r="CE17" s="100">
        <v>0</v>
      </c>
      <c r="CF17" s="104">
        <v>2711903</v>
      </c>
      <c r="CG17" s="104">
        <v>2210983</v>
      </c>
      <c r="CH17" s="104">
        <v>1440836</v>
      </c>
      <c r="CI17" s="104">
        <v>2276458</v>
      </c>
      <c r="CJ17" s="104">
        <v>399489</v>
      </c>
      <c r="CK17" s="103">
        <v>9039669</v>
      </c>
      <c r="CL17" s="106">
        <v>9275017</v>
      </c>
      <c r="CM17" s="100">
        <v>0</v>
      </c>
      <c r="CN17" s="104">
        <v>0</v>
      </c>
      <c r="CO17" s="103">
        <v>0</v>
      </c>
      <c r="CP17" s="101">
        <v>0</v>
      </c>
      <c r="CQ17" s="104">
        <v>2135676</v>
      </c>
      <c r="CR17" s="104">
        <v>1742349</v>
      </c>
      <c r="CS17" s="104">
        <v>1021814</v>
      </c>
      <c r="CT17" s="104">
        <v>1218928</v>
      </c>
      <c r="CU17" s="104">
        <v>169923</v>
      </c>
      <c r="CV17" s="103">
        <v>6288690</v>
      </c>
      <c r="CW17" s="106">
        <v>6288690</v>
      </c>
      <c r="CX17" s="100">
        <v>120996</v>
      </c>
      <c r="CY17" s="104">
        <v>114352</v>
      </c>
      <c r="CZ17" s="103">
        <v>235348</v>
      </c>
      <c r="DA17" s="100">
        <v>0</v>
      </c>
      <c r="DB17" s="104">
        <v>576227</v>
      </c>
      <c r="DC17" s="104">
        <v>468634</v>
      </c>
      <c r="DD17" s="104">
        <v>419022</v>
      </c>
      <c r="DE17" s="104">
        <v>1057530</v>
      </c>
      <c r="DF17" s="104">
        <v>229566</v>
      </c>
      <c r="DG17" s="103">
        <v>2750979</v>
      </c>
      <c r="DH17" s="106">
        <v>2986327</v>
      </c>
      <c r="DI17" s="100">
        <v>30518</v>
      </c>
      <c r="DJ17" s="104">
        <v>5806</v>
      </c>
      <c r="DK17" s="102">
        <v>36324</v>
      </c>
      <c r="DL17" s="101">
        <v>0</v>
      </c>
      <c r="DM17" s="104">
        <v>440641</v>
      </c>
      <c r="DN17" s="104">
        <v>862598</v>
      </c>
      <c r="DO17" s="104">
        <v>0</v>
      </c>
      <c r="DP17" s="104">
        <v>917479</v>
      </c>
      <c r="DQ17" s="104">
        <v>94476</v>
      </c>
      <c r="DR17" s="103">
        <v>2315194</v>
      </c>
      <c r="DS17" s="106">
        <v>2351518</v>
      </c>
      <c r="DT17" s="100">
        <v>30518</v>
      </c>
      <c r="DU17" s="104">
        <v>5806</v>
      </c>
      <c r="DV17" s="103">
        <v>36324</v>
      </c>
      <c r="DW17" s="100">
        <v>0</v>
      </c>
      <c r="DX17" s="104">
        <v>340482</v>
      </c>
      <c r="DY17" s="104">
        <v>686127</v>
      </c>
      <c r="DZ17" s="104">
        <v>0</v>
      </c>
      <c r="EA17" s="104">
        <v>615042</v>
      </c>
      <c r="EB17" s="104">
        <v>94476</v>
      </c>
      <c r="EC17" s="103">
        <v>1736127</v>
      </c>
      <c r="ED17" s="106">
        <v>1772451</v>
      </c>
      <c r="EE17" s="100">
        <v>0</v>
      </c>
      <c r="EF17" s="102">
        <v>0</v>
      </c>
      <c r="EG17" s="103">
        <v>0</v>
      </c>
      <c r="EH17" s="100">
        <v>0</v>
      </c>
      <c r="EI17" s="104">
        <v>100159</v>
      </c>
      <c r="EJ17" s="104">
        <v>176471</v>
      </c>
      <c r="EK17" s="104">
        <v>0</v>
      </c>
      <c r="EL17" s="104">
        <v>302437</v>
      </c>
      <c r="EM17" s="104">
        <v>0</v>
      </c>
      <c r="EN17" s="102">
        <v>579067</v>
      </c>
      <c r="EO17" s="106">
        <v>579067</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2"/>
      <c r="FE17" s="104">
        <v>0</v>
      </c>
      <c r="FF17" s="104">
        <v>0</v>
      </c>
      <c r="FG17" s="104">
        <v>0</v>
      </c>
      <c r="FH17" s="104">
        <v>0</v>
      </c>
      <c r="FI17" s="104">
        <v>0</v>
      </c>
      <c r="FJ17" s="103">
        <v>0</v>
      </c>
      <c r="FK17" s="106">
        <v>0</v>
      </c>
      <c r="FL17" s="100">
        <v>53280</v>
      </c>
      <c r="FM17" s="104">
        <v>264608</v>
      </c>
      <c r="FN17" s="103">
        <v>317888</v>
      </c>
      <c r="FO17" s="100">
        <v>0</v>
      </c>
      <c r="FP17" s="104">
        <v>702712</v>
      </c>
      <c r="FQ17" s="104">
        <v>985064</v>
      </c>
      <c r="FR17" s="104">
        <v>381216</v>
      </c>
      <c r="FS17" s="104">
        <v>809024</v>
      </c>
      <c r="FT17" s="104">
        <v>231736</v>
      </c>
      <c r="FU17" s="103">
        <v>3109752</v>
      </c>
      <c r="FV17" s="106">
        <v>3427640</v>
      </c>
      <c r="FW17" s="105">
        <v>53280</v>
      </c>
      <c r="FX17" s="104">
        <v>178208</v>
      </c>
      <c r="FY17" s="102">
        <v>231488</v>
      </c>
      <c r="FZ17" s="101">
        <v>0</v>
      </c>
      <c r="GA17" s="104">
        <v>239248</v>
      </c>
      <c r="GB17" s="104">
        <v>648360</v>
      </c>
      <c r="GC17" s="104">
        <v>372416</v>
      </c>
      <c r="GD17" s="104">
        <v>689024</v>
      </c>
      <c r="GE17" s="104">
        <v>231736</v>
      </c>
      <c r="GF17" s="103">
        <v>2180784</v>
      </c>
      <c r="GG17" s="294">
        <v>2412272</v>
      </c>
      <c r="GH17" s="105">
        <v>0</v>
      </c>
      <c r="GI17" s="104">
        <v>0</v>
      </c>
      <c r="GJ17" s="102">
        <v>0</v>
      </c>
      <c r="GK17" s="101">
        <v>0</v>
      </c>
      <c r="GL17" s="104">
        <v>0</v>
      </c>
      <c r="GM17" s="104">
        <v>32384</v>
      </c>
      <c r="GN17" s="104">
        <v>0</v>
      </c>
      <c r="GO17" s="104">
        <v>0</v>
      </c>
      <c r="GP17" s="104">
        <v>0</v>
      </c>
      <c r="GQ17" s="103">
        <v>32384</v>
      </c>
      <c r="GR17" s="106">
        <v>32384</v>
      </c>
      <c r="GS17" s="100">
        <v>0</v>
      </c>
      <c r="GT17" s="104">
        <v>86400</v>
      </c>
      <c r="GU17" s="103">
        <v>86400</v>
      </c>
      <c r="GV17" s="100">
        <v>0</v>
      </c>
      <c r="GW17" s="104">
        <v>463464</v>
      </c>
      <c r="GX17" s="104">
        <v>304320</v>
      </c>
      <c r="GY17" s="104">
        <v>8800</v>
      </c>
      <c r="GZ17" s="104">
        <v>120000</v>
      </c>
      <c r="HA17" s="104">
        <v>0</v>
      </c>
      <c r="HB17" s="102">
        <v>896584</v>
      </c>
      <c r="HC17" s="106">
        <v>982984</v>
      </c>
      <c r="HD17" s="100">
        <v>225015</v>
      </c>
      <c r="HE17" s="104">
        <v>282766</v>
      </c>
      <c r="HF17" s="102">
        <v>507781</v>
      </c>
      <c r="HG17" s="101">
        <v>0</v>
      </c>
      <c r="HH17" s="104">
        <v>2676998</v>
      </c>
      <c r="HI17" s="104">
        <v>2082946</v>
      </c>
      <c r="HJ17" s="104">
        <v>1248783</v>
      </c>
      <c r="HK17" s="104">
        <v>3642731</v>
      </c>
      <c r="HL17" s="104">
        <v>685106</v>
      </c>
      <c r="HM17" s="103">
        <v>10336564</v>
      </c>
      <c r="HN17" s="99">
        <v>10844345</v>
      </c>
      <c r="HO17" s="304"/>
      <c r="HP17" s="305"/>
      <c r="HQ17" s="306"/>
      <c r="HR17" s="307"/>
      <c r="HS17" s="305"/>
      <c r="HT17" s="305"/>
      <c r="HU17" s="305"/>
      <c r="HV17" s="305"/>
      <c r="HW17" s="305"/>
      <c r="HX17" s="308"/>
      <c r="HY17" s="309"/>
      <c r="HZ17" s="118">
        <v>0</v>
      </c>
      <c r="IA17" s="119">
        <v>0</v>
      </c>
      <c r="IB17" s="120">
        <v>0</v>
      </c>
      <c r="IC17" s="133">
        <v>0</v>
      </c>
      <c r="ID17" s="119">
        <v>1630461</v>
      </c>
      <c r="IE17" s="134">
        <v>1881503</v>
      </c>
      <c r="IF17" s="120">
        <v>2894083</v>
      </c>
      <c r="IG17" s="119">
        <v>1034405</v>
      </c>
      <c r="IH17" s="120">
        <v>130315</v>
      </c>
      <c r="II17" s="135">
        <v>7570767</v>
      </c>
      <c r="IJ17" s="126">
        <v>7570767</v>
      </c>
      <c r="IK17" s="219">
        <v>0</v>
      </c>
      <c r="IL17" s="223">
        <v>0</v>
      </c>
      <c r="IM17" s="224">
        <v>0</v>
      </c>
      <c r="IN17" s="127"/>
      <c r="IO17" s="109">
        <v>150860</v>
      </c>
      <c r="IP17" s="109">
        <v>0</v>
      </c>
      <c r="IQ17" s="109">
        <v>390454</v>
      </c>
      <c r="IR17" s="109">
        <v>0</v>
      </c>
      <c r="IS17" s="109">
        <v>0</v>
      </c>
      <c r="IT17" s="128">
        <v>541314</v>
      </c>
      <c r="IU17" s="296">
        <v>541314</v>
      </c>
      <c r="IV17" s="129">
        <v>0</v>
      </c>
      <c r="IW17" s="109">
        <v>0</v>
      </c>
      <c r="IX17" s="110">
        <v>0</v>
      </c>
      <c r="IY17" s="131"/>
      <c r="IZ17" s="109">
        <v>0</v>
      </c>
      <c r="JA17" s="109">
        <v>0</v>
      </c>
      <c r="JB17" s="109">
        <v>0</v>
      </c>
      <c r="JC17" s="109">
        <v>0</v>
      </c>
      <c r="JD17" s="109">
        <v>0</v>
      </c>
      <c r="JE17" s="110">
        <v>0</v>
      </c>
      <c r="JF17" s="111">
        <v>0</v>
      </c>
      <c r="JG17" s="129">
        <v>0</v>
      </c>
      <c r="JH17" s="109">
        <v>0</v>
      </c>
      <c r="JI17" s="128">
        <v>0</v>
      </c>
      <c r="JJ17" s="108">
        <v>0</v>
      </c>
      <c r="JK17" s="109">
        <v>578743</v>
      </c>
      <c r="JL17" s="109">
        <v>430756</v>
      </c>
      <c r="JM17" s="109">
        <v>411659</v>
      </c>
      <c r="JN17" s="109">
        <v>244193</v>
      </c>
      <c r="JO17" s="109">
        <v>130315</v>
      </c>
      <c r="JP17" s="110">
        <v>1795666</v>
      </c>
      <c r="JQ17" s="296">
        <v>1795666</v>
      </c>
      <c r="JR17" s="129">
        <v>0</v>
      </c>
      <c r="JS17" s="109">
        <v>0</v>
      </c>
      <c r="JT17" s="128">
        <v>0</v>
      </c>
      <c r="JU17" s="108">
        <v>0</v>
      </c>
      <c r="JV17" s="109">
        <v>62835</v>
      </c>
      <c r="JW17" s="109">
        <v>217759</v>
      </c>
      <c r="JX17" s="109">
        <v>92451</v>
      </c>
      <c r="JY17" s="109">
        <v>0</v>
      </c>
      <c r="JZ17" s="109">
        <v>0</v>
      </c>
      <c r="KA17" s="110">
        <v>373045</v>
      </c>
      <c r="KB17" s="296">
        <v>373045</v>
      </c>
      <c r="KC17" s="221">
        <v>0</v>
      </c>
      <c r="KD17" s="217">
        <v>0</v>
      </c>
      <c r="KE17" s="110">
        <v>0</v>
      </c>
      <c r="KF17" s="108">
        <v>0</v>
      </c>
      <c r="KG17" s="109">
        <v>228554</v>
      </c>
      <c r="KH17" s="109">
        <v>330230</v>
      </c>
      <c r="KI17" s="109">
        <v>864009</v>
      </c>
      <c r="KJ17" s="109">
        <v>0</v>
      </c>
      <c r="KK17" s="109">
        <v>0</v>
      </c>
      <c r="KL17" s="110">
        <v>1422793</v>
      </c>
      <c r="KM17" s="130">
        <v>1422793</v>
      </c>
      <c r="KN17" s="219">
        <v>0</v>
      </c>
      <c r="KO17" s="223">
        <v>0</v>
      </c>
      <c r="KP17" s="224">
        <v>0</v>
      </c>
      <c r="KQ17" s="127"/>
      <c r="KR17" s="109">
        <v>474345</v>
      </c>
      <c r="KS17" s="109">
        <v>713298</v>
      </c>
      <c r="KT17" s="109">
        <v>1135510</v>
      </c>
      <c r="KU17" s="109">
        <v>508570</v>
      </c>
      <c r="KV17" s="109">
        <v>0</v>
      </c>
      <c r="KW17" s="110">
        <v>2831723</v>
      </c>
      <c r="KX17" s="296">
        <v>2831723</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6">
        <v>0</v>
      </c>
      <c r="LU17" s="129">
        <v>0</v>
      </c>
      <c r="LV17" s="109">
        <v>0</v>
      </c>
      <c r="LW17" s="110">
        <v>0</v>
      </c>
      <c r="LX17" s="132"/>
      <c r="LY17" s="109">
        <v>135124</v>
      </c>
      <c r="LZ17" s="109">
        <v>189460</v>
      </c>
      <c r="MA17" s="109">
        <v>0</v>
      </c>
      <c r="MB17" s="109">
        <v>281642</v>
      </c>
      <c r="MC17" s="109">
        <v>0</v>
      </c>
      <c r="MD17" s="110">
        <v>606226</v>
      </c>
      <c r="ME17" s="111">
        <v>606226</v>
      </c>
      <c r="MF17" s="129">
        <v>0</v>
      </c>
      <c r="MG17" s="109">
        <v>0</v>
      </c>
      <c r="MH17" s="110">
        <v>0</v>
      </c>
      <c r="MI17" s="132"/>
      <c r="MJ17" s="109">
        <v>246317</v>
      </c>
      <c r="MK17" s="109">
        <v>245767</v>
      </c>
      <c r="ML17" s="109">
        <v>1417632</v>
      </c>
      <c r="MM17" s="109">
        <v>5951929</v>
      </c>
      <c r="MN17" s="109">
        <v>2318242</v>
      </c>
      <c r="MO17" s="110">
        <v>10179887</v>
      </c>
      <c r="MP17" s="130">
        <v>10179887</v>
      </c>
      <c r="MQ17" s="129">
        <v>0</v>
      </c>
      <c r="MR17" s="109">
        <v>0</v>
      </c>
      <c r="MS17" s="110">
        <v>0</v>
      </c>
      <c r="MT17" s="132"/>
      <c r="MU17" s="109">
        <v>0</v>
      </c>
      <c r="MV17" s="109">
        <v>0</v>
      </c>
      <c r="MW17" s="109">
        <v>914060</v>
      </c>
      <c r="MX17" s="109">
        <v>3985918</v>
      </c>
      <c r="MY17" s="109">
        <v>579237</v>
      </c>
      <c r="MZ17" s="110">
        <v>5479215</v>
      </c>
      <c r="NA17" s="130">
        <v>5479215</v>
      </c>
      <c r="NB17" s="129">
        <v>0</v>
      </c>
      <c r="NC17" s="109">
        <v>0</v>
      </c>
      <c r="ND17" s="110">
        <v>0</v>
      </c>
      <c r="NE17" s="132"/>
      <c r="NF17" s="109">
        <v>246317</v>
      </c>
      <c r="NG17" s="109">
        <v>245767</v>
      </c>
      <c r="NH17" s="109">
        <v>503572</v>
      </c>
      <c r="NI17" s="109">
        <v>1626309</v>
      </c>
      <c r="NJ17" s="109">
        <v>1739005</v>
      </c>
      <c r="NK17" s="110">
        <v>4360970</v>
      </c>
      <c r="NL17" s="296">
        <v>4360970</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339702</v>
      </c>
      <c r="OF17" s="109">
        <v>0</v>
      </c>
      <c r="OG17" s="110">
        <v>339702</v>
      </c>
      <c r="OH17" s="111">
        <v>339702</v>
      </c>
      <c r="OI17" s="129">
        <v>567279</v>
      </c>
      <c r="OJ17" s="109">
        <v>865701</v>
      </c>
      <c r="OK17" s="128">
        <v>1432980</v>
      </c>
      <c r="OL17" s="108">
        <v>0</v>
      </c>
      <c r="OM17" s="109">
        <v>9699731</v>
      </c>
      <c r="ON17" s="109">
        <v>10466856</v>
      </c>
      <c r="OO17" s="109">
        <v>8185583</v>
      </c>
      <c r="OP17" s="109">
        <v>17231022</v>
      </c>
      <c r="OQ17" s="109">
        <v>5792182</v>
      </c>
      <c r="OR17" s="110">
        <v>51375374</v>
      </c>
      <c r="OS17" s="130">
        <v>52808354</v>
      </c>
    </row>
    <row r="18" spans="2:409" ht="21" customHeight="1" x14ac:dyDescent="0.2">
      <c r="B18" s="468" t="s">
        <v>12</v>
      </c>
      <c r="C18" s="100">
        <v>884133</v>
      </c>
      <c r="D18" s="104">
        <v>1809632</v>
      </c>
      <c r="E18" s="103">
        <v>2693765</v>
      </c>
      <c r="F18" s="99">
        <v>0</v>
      </c>
      <c r="G18" s="104">
        <v>6850711</v>
      </c>
      <c r="H18" s="157">
        <v>10898516</v>
      </c>
      <c r="I18" s="157">
        <v>9384401</v>
      </c>
      <c r="J18" s="157">
        <v>11564097</v>
      </c>
      <c r="K18" s="157">
        <v>3447552</v>
      </c>
      <c r="L18" s="102">
        <v>42145277</v>
      </c>
      <c r="M18" s="106">
        <v>44839042</v>
      </c>
      <c r="N18" s="100">
        <v>423024</v>
      </c>
      <c r="O18" s="104">
        <v>578915</v>
      </c>
      <c r="P18" s="103">
        <v>1001939</v>
      </c>
      <c r="Q18" s="100">
        <v>0</v>
      </c>
      <c r="R18" s="104">
        <v>2079228</v>
      </c>
      <c r="S18" s="104">
        <v>3889194</v>
      </c>
      <c r="T18" s="104">
        <v>2772803</v>
      </c>
      <c r="U18" s="104">
        <v>4353699</v>
      </c>
      <c r="V18" s="104">
        <v>1729260</v>
      </c>
      <c r="W18" s="103">
        <v>14824184</v>
      </c>
      <c r="X18" s="106">
        <v>15826123</v>
      </c>
      <c r="Y18" s="100">
        <v>0</v>
      </c>
      <c r="Z18" s="104">
        <v>0</v>
      </c>
      <c r="AA18" s="103">
        <v>0</v>
      </c>
      <c r="AB18" s="100">
        <v>0</v>
      </c>
      <c r="AC18" s="104">
        <v>1319514</v>
      </c>
      <c r="AD18" s="104">
        <v>1951354</v>
      </c>
      <c r="AE18" s="104">
        <v>1695997</v>
      </c>
      <c r="AF18" s="104">
        <v>2602545</v>
      </c>
      <c r="AG18" s="104">
        <v>986353</v>
      </c>
      <c r="AH18" s="103">
        <v>8555763</v>
      </c>
      <c r="AI18" s="106">
        <v>8555763</v>
      </c>
      <c r="AJ18" s="100">
        <v>0</v>
      </c>
      <c r="AK18" s="104">
        <v>0</v>
      </c>
      <c r="AL18" s="103">
        <v>0</v>
      </c>
      <c r="AM18" s="100">
        <v>0</v>
      </c>
      <c r="AN18" s="104">
        <v>0</v>
      </c>
      <c r="AO18" s="104">
        <v>62701</v>
      </c>
      <c r="AP18" s="104">
        <v>46763</v>
      </c>
      <c r="AQ18" s="104">
        <v>350312</v>
      </c>
      <c r="AR18" s="104">
        <v>175906</v>
      </c>
      <c r="AS18" s="103">
        <v>635682</v>
      </c>
      <c r="AT18" s="106">
        <v>635682</v>
      </c>
      <c r="AU18" s="100">
        <v>356600</v>
      </c>
      <c r="AV18" s="104">
        <v>478186</v>
      </c>
      <c r="AW18" s="103">
        <v>834786</v>
      </c>
      <c r="AX18" s="100">
        <v>0</v>
      </c>
      <c r="AY18" s="104">
        <v>625505</v>
      </c>
      <c r="AZ18" s="104">
        <v>1239400</v>
      </c>
      <c r="BA18" s="104">
        <v>554180</v>
      </c>
      <c r="BB18" s="104">
        <v>868702</v>
      </c>
      <c r="BC18" s="104">
        <v>403305</v>
      </c>
      <c r="BD18" s="103">
        <v>3691092</v>
      </c>
      <c r="BE18" s="106">
        <v>4525878</v>
      </c>
      <c r="BF18" s="100">
        <v>0</v>
      </c>
      <c r="BG18" s="104">
        <v>47825</v>
      </c>
      <c r="BH18" s="102">
        <v>47825</v>
      </c>
      <c r="BI18" s="101">
        <v>0</v>
      </c>
      <c r="BJ18" s="104">
        <v>15849</v>
      </c>
      <c r="BK18" s="104">
        <v>85107</v>
      </c>
      <c r="BL18" s="104">
        <v>39271</v>
      </c>
      <c r="BM18" s="104">
        <v>35076</v>
      </c>
      <c r="BN18" s="104">
        <v>0</v>
      </c>
      <c r="BO18" s="103">
        <v>175303</v>
      </c>
      <c r="BP18" s="106">
        <v>223128</v>
      </c>
      <c r="BQ18" s="100">
        <v>66424</v>
      </c>
      <c r="BR18" s="104">
        <v>52904</v>
      </c>
      <c r="BS18" s="103">
        <v>119328</v>
      </c>
      <c r="BT18" s="100">
        <v>0</v>
      </c>
      <c r="BU18" s="104">
        <v>118360</v>
      </c>
      <c r="BV18" s="104">
        <v>550632</v>
      </c>
      <c r="BW18" s="104">
        <v>436592</v>
      </c>
      <c r="BX18" s="104">
        <v>497064</v>
      </c>
      <c r="BY18" s="104">
        <v>163696</v>
      </c>
      <c r="BZ18" s="103">
        <v>1766344</v>
      </c>
      <c r="CA18" s="106">
        <v>1885672</v>
      </c>
      <c r="CB18" s="100">
        <v>147635</v>
      </c>
      <c r="CC18" s="104">
        <v>459041</v>
      </c>
      <c r="CD18" s="103">
        <v>606676</v>
      </c>
      <c r="CE18" s="100">
        <v>0</v>
      </c>
      <c r="CF18" s="104">
        <v>2585730</v>
      </c>
      <c r="CG18" s="104">
        <v>3143250</v>
      </c>
      <c r="CH18" s="104">
        <v>2815987</v>
      </c>
      <c r="CI18" s="104">
        <v>2726398</v>
      </c>
      <c r="CJ18" s="104">
        <v>252563</v>
      </c>
      <c r="CK18" s="103">
        <v>11523928</v>
      </c>
      <c r="CL18" s="106">
        <v>12130604</v>
      </c>
      <c r="CM18" s="100">
        <v>0</v>
      </c>
      <c r="CN18" s="104">
        <v>0</v>
      </c>
      <c r="CO18" s="103">
        <v>0</v>
      </c>
      <c r="CP18" s="101">
        <v>0</v>
      </c>
      <c r="CQ18" s="104">
        <v>2197224</v>
      </c>
      <c r="CR18" s="104">
        <v>2351587</v>
      </c>
      <c r="CS18" s="104">
        <v>1916025</v>
      </c>
      <c r="CT18" s="104">
        <v>2211432</v>
      </c>
      <c r="CU18" s="104">
        <v>252563</v>
      </c>
      <c r="CV18" s="103">
        <v>8928831</v>
      </c>
      <c r="CW18" s="106">
        <v>8928831</v>
      </c>
      <c r="CX18" s="100">
        <v>147635</v>
      </c>
      <c r="CY18" s="104">
        <v>459041</v>
      </c>
      <c r="CZ18" s="103">
        <v>606676</v>
      </c>
      <c r="DA18" s="100">
        <v>0</v>
      </c>
      <c r="DB18" s="104">
        <v>388506</v>
      </c>
      <c r="DC18" s="104">
        <v>791663</v>
      </c>
      <c r="DD18" s="104">
        <v>899962</v>
      </c>
      <c r="DE18" s="104">
        <v>514966</v>
      </c>
      <c r="DF18" s="104">
        <v>0</v>
      </c>
      <c r="DG18" s="103">
        <v>2595097</v>
      </c>
      <c r="DH18" s="106">
        <v>3201773</v>
      </c>
      <c r="DI18" s="100">
        <v>0</v>
      </c>
      <c r="DJ18" s="104">
        <v>65797</v>
      </c>
      <c r="DK18" s="102">
        <v>65797</v>
      </c>
      <c r="DL18" s="101">
        <v>0</v>
      </c>
      <c r="DM18" s="104">
        <v>436467</v>
      </c>
      <c r="DN18" s="104">
        <v>419091</v>
      </c>
      <c r="DO18" s="104">
        <v>715392</v>
      </c>
      <c r="DP18" s="104">
        <v>760806</v>
      </c>
      <c r="DQ18" s="104">
        <v>0</v>
      </c>
      <c r="DR18" s="103">
        <v>2331756</v>
      </c>
      <c r="DS18" s="106">
        <v>2397553</v>
      </c>
      <c r="DT18" s="100">
        <v>0</v>
      </c>
      <c r="DU18" s="104">
        <v>65797</v>
      </c>
      <c r="DV18" s="103">
        <v>65797</v>
      </c>
      <c r="DW18" s="100">
        <v>0</v>
      </c>
      <c r="DX18" s="104">
        <v>436467</v>
      </c>
      <c r="DY18" s="104">
        <v>419091</v>
      </c>
      <c r="DZ18" s="104">
        <v>715392</v>
      </c>
      <c r="EA18" s="104">
        <v>694020</v>
      </c>
      <c r="EB18" s="104">
        <v>0</v>
      </c>
      <c r="EC18" s="103">
        <v>2264970</v>
      </c>
      <c r="ED18" s="106">
        <v>2330767</v>
      </c>
      <c r="EE18" s="100">
        <v>0</v>
      </c>
      <c r="EF18" s="102">
        <v>0</v>
      </c>
      <c r="EG18" s="103">
        <v>0</v>
      </c>
      <c r="EH18" s="100">
        <v>0</v>
      </c>
      <c r="EI18" s="104">
        <v>0</v>
      </c>
      <c r="EJ18" s="104">
        <v>0</v>
      </c>
      <c r="EK18" s="104">
        <v>0</v>
      </c>
      <c r="EL18" s="104">
        <v>66786</v>
      </c>
      <c r="EM18" s="104">
        <v>0</v>
      </c>
      <c r="EN18" s="102">
        <v>66786</v>
      </c>
      <c r="EO18" s="106">
        <v>6678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2"/>
      <c r="FE18" s="104">
        <v>0</v>
      </c>
      <c r="FF18" s="104">
        <v>0</v>
      </c>
      <c r="FG18" s="104">
        <v>0</v>
      </c>
      <c r="FH18" s="104">
        <v>0</v>
      </c>
      <c r="FI18" s="104">
        <v>0</v>
      </c>
      <c r="FJ18" s="103">
        <v>0</v>
      </c>
      <c r="FK18" s="106">
        <v>0</v>
      </c>
      <c r="FL18" s="100">
        <v>99168</v>
      </c>
      <c r="FM18" s="104">
        <v>522621</v>
      </c>
      <c r="FN18" s="103">
        <v>621789</v>
      </c>
      <c r="FO18" s="100">
        <v>0</v>
      </c>
      <c r="FP18" s="104">
        <v>336704</v>
      </c>
      <c r="FQ18" s="104">
        <v>1375424</v>
      </c>
      <c r="FR18" s="104">
        <v>750080</v>
      </c>
      <c r="FS18" s="104">
        <v>980680</v>
      </c>
      <c r="FT18" s="104">
        <v>266592</v>
      </c>
      <c r="FU18" s="103">
        <v>3709480</v>
      </c>
      <c r="FV18" s="106">
        <v>4331269</v>
      </c>
      <c r="FW18" s="105">
        <v>99168</v>
      </c>
      <c r="FX18" s="104">
        <v>320816</v>
      </c>
      <c r="FY18" s="102">
        <v>419984</v>
      </c>
      <c r="FZ18" s="101">
        <v>0</v>
      </c>
      <c r="GA18" s="104">
        <v>189088</v>
      </c>
      <c r="GB18" s="104">
        <v>1156088</v>
      </c>
      <c r="GC18" s="104">
        <v>694080</v>
      </c>
      <c r="GD18" s="104">
        <v>980680</v>
      </c>
      <c r="GE18" s="104">
        <v>266592</v>
      </c>
      <c r="GF18" s="103">
        <v>3286528</v>
      </c>
      <c r="GG18" s="294">
        <v>3706512</v>
      </c>
      <c r="GH18" s="105">
        <v>0</v>
      </c>
      <c r="GI18" s="104">
        <v>78605</v>
      </c>
      <c r="GJ18" s="102">
        <v>78605</v>
      </c>
      <c r="GK18" s="101">
        <v>0</v>
      </c>
      <c r="GL18" s="104">
        <v>35776</v>
      </c>
      <c r="GM18" s="104">
        <v>42080</v>
      </c>
      <c r="GN18" s="104">
        <v>0</v>
      </c>
      <c r="GO18" s="104">
        <v>0</v>
      </c>
      <c r="GP18" s="104">
        <v>0</v>
      </c>
      <c r="GQ18" s="103">
        <v>77856</v>
      </c>
      <c r="GR18" s="106">
        <v>156461</v>
      </c>
      <c r="GS18" s="100">
        <v>0</v>
      </c>
      <c r="GT18" s="104">
        <v>123200</v>
      </c>
      <c r="GU18" s="103">
        <v>123200</v>
      </c>
      <c r="GV18" s="100">
        <v>0</v>
      </c>
      <c r="GW18" s="104">
        <v>111840</v>
      </c>
      <c r="GX18" s="104">
        <v>177256</v>
      </c>
      <c r="GY18" s="104">
        <v>56000</v>
      </c>
      <c r="GZ18" s="104">
        <v>0</v>
      </c>
      <c r="HA18" s="104">
        <v>0</v>
      </c>
      <c r="HB18" s="102">
        <v>345096</v>
      </c>
      <c r="HC18" s="106">
        <v>468296</v>
      </c>
      <c r="HD18" s="100">
        <v>214306</v>
      </c>
      <c r="HE18" s="104">
        <v>183258</v>
      </c>
      <c r="HF18" s="102">
        <v>397564</v>
      </c>
      <c r="HG18" s="101">
        <v>0</v>
      </c>
      <c r="HH18" s="104">
        <v>1412582</v>
      </c>
      <c r="HI18" s="104">
        <v>2071557</v>
      </c>
      <c r="HJ18" s="104">
        <v>2330139</v>
      </c>
      <c r="HK18" s="104">
        <v>2742514</v>
      </c>
      <c r="HL18" s="104">
        <v>1199137</v>
      </c>
      <c r="HM18" s="103">
        <v>9755929</v>
      </c>
      <c r="HN18" s="99">
        <v>10153493</v>
      </c>
      <c r="HO18" s="304"/>
      <c r="HP18" s="305"/>
      <c r="HQ18" s="306"/>
      <c r="HR18" s="307"/>
      <c r="HS18" s="305"/>
      <c r="HT18" s="305"/>
      <c r="HU18" s="305"/>
      <c r="HV18" s="305"/>
      <c r="HW18" s="305"/>
      <c r="HX18" s="308"/>
      <c r="HY18" s="309"/>
      <c r="HZ18" s="137">
        <v>0</v>
      </c>
      <c r="IA18" s="122">
        <v>0</v>
      </c>
      <c r="IB18" s="137">
        <v>0</v>
      </c>
      <c r="IC18" s="121">
        <v>0</v>
      </c>
      <c r="ID18" s="122">
        <v>1848740</v>
      </c>
      <c r="IE18" s="123">
        <v>2995256</v>
      </c>
      <c r="IF18" s="124">
        <v>2096326</v>
      </c>
      <c r="IG18" s="122">
        <v>3222281</v>
      </c>
      <c r="IH18" s="124">
        <v>2215440</v>
      </c>
      <c r="II18" s="125">
        <v>12378043</v>
      </c>
      <c r="IJ18" s="137">
        <v>12378043</v>
      </c>
      <c r="IK18" s="219">
        <v>0</v>
      </c>
      <c r="IL18" s="223">
        <v>0</v>
      </c>
      <c r="IM18" s="224">
        <v>0</v>
      </c>
      <c r="IN18" s="127"/>
      <c r="IO18" s="109">
        <v>72177</v>
      </c>
      <c r="IP18" s="109">
        <v>108120</v>
      </c>
      <c r="IQ18" s="109">
        <v>0</v>
      </c>
      <c r="IR18" s="109">
        <v>0</v>
      </c>
      <c r="IS18" s="109">
        <v>0</v>
      </c>
      <c r="IT18" s="128">
        <v>180297</v>
      </c>
      <c r="IU18" s="296">
        <v>180297</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144765</v>
      </c>
      <c r="JL18" s="109">
        <v>937842</v>
      </c>
      <c r="JM18" s="109">
        <v>917811</v>
      </c>
      <c r="JN18" s="109">
        <v>355371</v>
      </c>
      <c r="JO18" s="109">
        <v>96925</v>
      </c>
      <c r="JP18" s="110">
        <v>3452714</v>
      </c>
      <c r="JQ18" s="296">
        <v>3452714</v>
      </c>
      <c r="JR18" s="129">
        <v>0</v>
      </c>
      <c r="JS18" s="109">
        <v>0</v>
      </c>
      <c r="JT18" s="128">
        <v>0</v>
      </c>
      <c r="JU18" s="108">
        <v>0</v>
      </c>
      <c r="JV18" s="109">
        <v>0</v>
      </c>
      <c r="JW18" s="109">
        <v>0</v>
      </c>
      <c r="JX18" s="109">
        <v>0</v>
      </c>
      <c r="JY18" s="109">
        <v>0</v>
      </c>
      <c r="JZ18" s="109">
        <v>0</v>
      </c>
      <c r="KA18" s="110">
        <v>0</v>
      </c>
      <c r="KB18" s="296">
        <v>0</v>
      </c>
      <c r="KC18" s="221">
        <v>0</v>
      </c>
      <c r="KD18" s="217">
        <v>0</v>
      </c>
      <c r="KE18" s="110">
        <v>0</v>
      </c>
      <c r="KF18" s="108">
        <v>0</v>
      </c>
      <c r="KG18" s="109">
        <v>121924</v>
      </c>
      <c r="KH18" s="109">
        <v>723700</v>
      </c>
      <c r="KI18" s="109">
        <v>478141</v>
      </c>
      <c r="KJ18" s="109">
        <v>1080104</v>
      </c>
      <c r="KK18" s="109">
        <v>1156125</v>
      </c>
      <c r="KL18" s="110">
        <v>3559994</v>
      </c>
      <c r="KM18" s="130">
        <v>3559994</v>
      </c>
      <c r="KN18" s="219">
        <v>0</v>
      </c>
      <c r="KO18" s="223">
        <v>0</v>
      </c>
      <c r="KP18" s="224">
        <v>0</v>
      </c>
      <c r="KQ18" s="127"/>
      <c r="KR18" s="109">
        <v>509874</v>
      </c>
      <c r="KS18" s="109">
        <v>484200</v>
      </c>
      <c r="KT18" s="109">
        <v>246937</v>
      </c>
      <c r="KU18" s="109">
        <v>759888</v>
      </c>
      <c r="KV18" s="109">
        <v>380654</v>
      </c>
      <c r="KW18" s="110">
        <v>2381553</v>
      </c>
      <c r="KX18" s="296">
        <v>2381553</v>
      </c>
      <c r="KY18" s="129">
        <v>0</v>
      </c>
      <c r="KZ18" s="109">
        <v>0</v>
      </c>
      <c r="LA18" s="110">
        <v>0</v>
      </c>
      <c r="LB18" s="132"/>
      <c r="LC18" s="109">
        <v>0</v>
      </c>
      <c r="LD18" s="109">
        <v>546693</v>
      </c>
      <c r="LE18" s="109">
        <v>201810</v>
      </c>
      <c r="LF18" s="109">
        <v>439968</v>
      </c>
      <c r="LG18" s="109">
        <v>0</v>
      </c>
      <c r="LH18" s="110">
        <v>1188471</v>
      </c>
      <c r="LI18" s="111">
        <v>1188471</v>
      </c>
      <c r="LJ18" s="129">
        <v>0</v>
      </c>
      <c r="LK18" s="109">
        <v>0</v>
      </c>
      <c r="LL18" s="110">
        <v>0</v>
      </c>
      <c r="LM18" s="132"/>
      <c r="LN18" s="109">
        <v>0</v>
      </c>
      <c r="LO18" s="109">
        <v>0</v>
      </c>
      <c r="LP18" s="109">
        <v>251627</v>
      </c>
      <c r="LQ18" s="109">
        <v>0</v>
      </c>
      <c r="LR18" s="109">
        <v>581736</v>
      </c>
      <c r="LS18" s="110">
        <v>833363</v>
      </c>
      <c r="LT18" s="296">
        <v>833363</v>
      </c>
      <c r="LU18" s="129">
        <v>0</v>
      </c>
      <c r="LV18" s="109">
        <v>0</v>
      </c>
      <c r="LW18" s="110">
        <v>0</v>
      </c>
      <c r="LX18" s="132"/>
      <c r="LY18" s="109">
        <v>0</v>
      </c>
      <c r="LZ18" s="109">
        <v>194701</v>
      </c>
      <c r="MA18" s="109">
        <v>0</v>
      </c>
      <c r="MB18" s="109">
        <v>586950</v>
      </c>
      <c r="MC18" s="109">
        <v>0</v>
      </c>
      <c r="MD18" s="110">
        <v>781651</v>
      </c>
      <c r="ME18" s="111">
        <v>781651</v>
      </c>
      <c r="MF18" s="129">
        <v>0</v>
      </c>
      <c r="MG18" s="109">
        <v>0</v>
      </c>
      <c r="MH18" s="110">
        <v>0</v>
      </c>
      <c r="MI18" s="132"/>
      <c r="MJ18" s="109">
        <v>474520</v>
      </c>
      <c r="MK18" s="109">
        <v>738504</v>
      </c>
      <c r="ML18" s="109">
        <v>3705827</v>
      </c>
      <c r="MM18" s="109">
        <v>5049616</v>
      </c>
      <c r="MN18" s="109">
        <v>3189933</v>
      </c>
      <c r="MO18" s="110">
        <v>13158400</v>
      </c>
      <c r="MP18" s="130">
        <v>13158400</v>
      </c>
      <c r="MQ18" s="129">
        <v>0</v>
      </c>
      <c r="MR18" s="109">
        <v>0</v>
      </c>
      <c r="MS18" s="110">
        <v>0</v>
      </c>
      <c r="MT18" s="132"/>
      <c r="MU18" s="109">
        <v>0</v>
      </c>
      <c r="MV18" s="109">
        <v>0</v>
      </c>
      <c r="MW18" s="109">
        <v>1354700</v>
      </c>
      <c r="MX18" s="109">
        <v>2693873</v>
      </c>
      <c r="MY18" s="109">
        <v>2182506</v>
      </c>
      <c r="MZ18" s="110">
        <v>6231079</v>
      </c>
      <c r="NA18" s="130">
        <v>6231079</v>
      </c>
      <c r="NB18" s="129">
        <v>0</v>
      </c>
      <c r="NC18" s="109">
        <v>0</v>
      </c>
      <c r="ND18" s="110">
        <v>0</v>
      </c>
      <c r="NE18" s="132"/>
      <c r="NF18" s="109">
        <v>474520</v>
      </c>
      <c r="NG18" s="109">
        <v>738504</v>
      </c>
      <c r="NH18" s="109">
        <v>2351127</v>
      </c>
      <c r="NI18" s="109">
        <v>2355743</v>
      </c>
      <c r="NJ18" s="109">
        <v>643456</v>
      </c>
      <c r="NK18" s="110">
        <v>6563350</v>
      </c>
      <c r="NL18" s="296">
        <v>6563350</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0</v>
      </c>
      <c r="OF18" s="109">
        <v>363971</v>
      </c>
      <c r="OG18" s="110">
        <v>363971</v>
      </c>
      <c r="OH18" s="111">
        <v>363971</v>
      </c>
      <c r="OI18" s="129">
        <v>884133</v>
      </c>
      <c r="OJ18" s="109">
        <v>1809632</v>
      </c>
      <c r="OK18" s="128">
        <v>2693765</v>
      </c>
      <c r="OL18" s="108">
        <v>0</v>
      </c>
      <c r="OM18" s="109">
        <v>9173971</v>
      </c>
      <c r="ON18" s="109">
        <v>14632276</v>
      </c>
      <c r="OO18" s="109">
        <v>15186554</v>
      </c>
      <c r="OP18" s="109">
        <v>19835994</v>
      </c>
      <c r="OQ18" s="109">
        <v>8852925</v>
      </c>
      <c r="OR18" s="110">
        <v>67681720</v>
      </c>
      <c r="OS18" s="130">
        <v>70375485</v>
      </c>
    </row>
    <row r="19" spans="2:409" ht="21" customHeight="1" x14ac:dyDescent="0.2">
      <c r="B19" s="468" t="s">
        <v>13</v>
      </c>
      <c r="C19" s="100">
        <v>86911</v>
      </c>
      <c r="D19" s="104">
        <v>103555</v>
      </c>
      <c r="E19" s="103">
        <v>190466</v>
      </c>
      <c r="F19" s="100">
        <v>0</v>
      </c>
      <c r="G19" s="157">
        <v>2569454</v>
      </c>
      <c r="H19" s="104">
        <v>5337032</v>
      </c>
      <c r="I19" s="104">
        <v>5023459</v>
      </c>
      <c r="J19" s="104">
        <v>4451748</v>
      </c>
      <c r="K19" s="104">
        <v>3318629</v>
      </c>
      <c r="L19" s="102">
        <v>20700322</v>
      </c>
      <c r="M19" s="106">
        <v>20890788</v>
      </c>
      <c r="N19" s="100">
        <v>35064</v>
      </c>
      <c r="O19" s="104">
        <v>32736</v>
      </c>
      <c r="P19" s="103">
        <v>67800</v>
      </c>
      <c r="Q19" s="100">
        <v>0</v>
      </c>
      <c r="R19" s="104">
        <v>892807</v>
      </c>
      <c r="S19" s="104">
        <v>1800939</v>
      </c>
      <c r="T19" s="104">
        <v>1187900</v>
      </c>
      <c r="U19" s="104">
        <v>1948723</v>
      </c>
      <c r="V19" s="104">
        <v>1962151</v>
      </c>
      <c r="W19" s="103">
        <v>7792520</v>
      </c>
      <c r="X19" s="106">
        <v>7860320</v>
      </c>
      <c r="Y19" s="100">
        <v>0</v>
      </c>
      <c r="Z19" s="104">
        <v>0</v>
      </c>
      <c r="AA19" s="103">
        <v>0</v>
      </c>
      <c r="AB19" s="100">
        <v>0</v>
      </c>
      <c r="AC19" s="104">
        <v>290328</v>
      </c>
      <c r="AD19" s="104">
        <v>452036</v>
      </c>
      <c r="AE19" s="104">
        <v>459853</v>
      </c>
      <c r="AF19" s="104">
        <v>1287467</v>
      </c>
      <c r="AG19" s="104">
        <v>1085603</v>
      </c>
      <c r="AH19" s="103">
        <v>3575287</v>
      </c>
      <c r="AI19" s="106">
        <v>3575287</v>
      </c>
      <c r="AJ19" s="100">
        <v>0</v>
      </c>
      <c r="AK19" s="104">
        <v>0</v>
      </c>
      <c r="AL19" s="103">
        <v>0</v>
      </c>
      <c r="AM19" s="100">
        <v>0</v>
      </c>
      <c r="AN19" s="104">
        <v>0</v>
      </c>
      <c r="AO19" s="104">
        <v>0</v>
      </c>
      <c r="AP19" s="104">
        <v>59165</v>
      </c>
      <c r="AQ19" s="104">
        <v>92651</v>
      </c>
      <c r="AR19" s="104">
        <v>265963</v>
      </c>
      <c r="AS19" s="103">
        <v>417779</v>
      </c>
      <c r="AT19" s="106">
        <v>417779</v>
      </c>
      <c r="AU19" s="100">
        <v>0</v>
      </c>
      <c r="AV19" s="104">
        <v>32736</v>
      </c>
      <c r="AW19" s="103">
        <v>32736</v>
      </c>
      <c r="AX19" s="100">
        <v>0</v>
      </c>
      <c r="AY19" s="104">
        <v>398981</v>
      </c>
      <c r="AZ19" s="104">
        <v>992623</v>
      </c>
      <c r="BA19" s="104">
        <v>398792</v>
      </c>
      <c r="BB19" s="104">
        <v>299792</v>
      </c>
      <c r="BC19" s="104">
        <v>438159</v>
      </c>
      <c r="BD19" s="103">
        <v>2528347</v>
      </c>
      <c r="BE19" s="106">
        <v>2561083</v>
      </c>
      <c r="BF19" s="100">
        <v>26808</v>
      </c>
      <c r="BG19" s="104">
        <v>0</v>
      </c>
      <c r="BH19" s="102">
        <v>26808</v>
      </c>
      <c r="BI19" s="101">
        <v>0</v>
      </c>
      <c r="BJ19" s="104">
        <v>47490</v>
      </c>
      <c r="BK19" s="104">
        <v>31416</v>
      </c>
      <c r="BL19" s="104">
        <v>16450</v>
      </c>
      <c r="BM19" s="104">
        <v>72845</v>
      </c>
      <c r="BN19" s="104">
        <v>16450</v>
      </c>
      <c r="BO19" s="103">
        <v>184651</v>
      </c>
      <c r="BP19" s="106">
        <v>211459</v>
      </c>
      <c r="BQ19" s="100">
        <v>8256</v>
      </c>
      <c r="BR19" s="104">
        <v>0</v>
      </c>
      <c r="BS19" s="103">
        <v>8256</v>
      </c>
      <c r="BT19" s="100">
        <v>0</v>
      </c>
      <c r="BU19" s="104">
        <v>156008</v>
      </c>
      <c r="BV19" s="104">
        <v>324864</v>
      </c>
      <c r="BW19" s="104">
        <v>253640</v>
      </c>
      <c r="BX19" s="104">
        <v>195968</v>
      </c>
      <c r="BY19" s="104">
        <v>155976</v>
      </c>
      <c r="BZ19" s="103">
        <v>1086456</v>
      </c>
      <c r="CA19" s="106">
        <v>1094712</v>
      </c>
      <c r="CB19" s="100">
        <v>0</v>
      </c>
      <c r="CC19" s="104">
        <v>40115</v>
      </c>
      <c r="CD19" s="103">
        <v>40115</v>
      </c>
      <c r="CE19" s="100">
        <v>0</v>
      </c>
      <c r="CF19" s="104">
        <v>569701</v>
      </c>
      <c r="CG19" s="104">
        <v>981803</v>
      </c>
      <c r="CH19" s="104">
        <v>1442814</v>
      </c>
      <c r="CI19" s="104">
        <v>515439</v>
      </c>
      <c r="CJ19" s="104">
        <v>329593</v>
      </c>
      <c r="CK19" s="103">
        <v>3839350</v>
      </c>
      <c r="CL19" s="106">
        <v>3879465</v>
      </c>
      <c r="CM19" s="100">
        <v>0</v>
      </c>
      <c r="CN19" s="104">
        <v>0</v>
      </c>
      <c r="CO19" s="103">
        <v>0</v>
      </c>
      <c r="CP19" s="101">
        <v>0</v>
      </c>
      <c r="CQ19" s="104">
        <v>471794</v>
      </c>
      <c r="CR19" s="104">
        <v>891272</v>
      </c>
      <c r="CS19" s="104">
        <v>1265126</v>
      </c>
      <c r="CT19" s="104">
        <v>435188</v>
      </c>
      <c r="CU19" s="104">
        <v>45709</v>
      </c>
      <c r="CV19" s="103">
        <v>3109089</v>
      </c>
      <c r="CW19" s="106">
        <v>3109089</v>
      </c>
      <c r="CX19" s="100">
        <v>0</v>
      </c>
      <c r="CY19" s="104">
        <v>40115</v>
      </c>
      <c r="CZ19" s="103">
        <v>40115</v>
      </c>
      <c r="DA19" s="100">
        <v>0</v>
      </c>
      <c r="DB19" s="104">
        <v>97907</v>
      </c>
      <c r="DC19" s="104">
        <v>90531</v>
      </c>
      <c r="DD19" s="104">
        <v>177688</v>
      </c>
      <c r="DE19" s="104">
        <v>80251</v>
      </c>
      <c r="DF19" s="104">
        <v>283884</v>
      </c>
      <c r="DG19" s="103">
        <v>730261</v>
      </c>
      <c r="DH19" s="106">
        <v>770376</v>
      </c>
      <c r="DI19" s="100">
        <v>0</v>
      </c>
      <c r="DJ19" s="104">
        <v>0</v>
      </c>
      <c r="DK19" s="102">
        <v>0</v>
      </c>
      <c r="DL19" s="101">
        <v>0</v>
      </c>
      <c r="DM19" s="104">
        <v>40716</v>
      </c>
      <c r="DN19" s="104">
        <v>54076</v>
      </c>
      <c r="DO19" s="104">
        <v>209640</v>
      </c>
      <c r="DP19" s="104">
        <v>435729</v>
      </c>
      <c r="DQ19" s="104">
        <v>101557</v>
      </c>
      <c r="DR19" s="103">
        <v>841718</v>
      </c>
      <c r="DS19" s="106">
        <v>841718</v>
      </c>
      <c r="DT19" s="100">
        <v>0</v>
      </c>
      <c r="DU19" s="104">
        <v>0</v>
      </c>
      <c r="DV19" s="103">
        <v>0</v>
      </c>
      <c r="DW19" s="100">
        <v>0</v>
      </c>
      <c r="DX19" s="104">
        <v>40716</v>
      </c>
      <c r="DY19" s="104">
        <v>54076</v>
      </c>
      <c r="DZ19" s="104">
        <v>209640</v>
      </c>
      <c r="EA19" s="104">
        <v>435729</v>
      </c>
      <c r="EB19" s="104">
        <v>76828</v>
      </c>
      <c r="EC19" s="103">
        <v>816989</v>
      </c>
      <c r="ED19" s="106">
        <v>816989</v>
      </c>
      <c r="EE19" s="100">
        <v>0</v>
      </c>
      <c r="EF19" s="102">
        <v>0</v>
      </c>
      <c r="EG19" s="103">
        <v>0</v>
      </c>
      <c r="EH19" s="100">
        <v>0</v>
      </c>
      <c r="EI19" s="104">
        <v>0</v>
      </c>
      <c r="EJ19" s="104">
        <v>0</v>
      </c>
      <c r="EK19" s="104">
        <v>0</v>
      </c>
      <c r="EL19" s="104">
        <v>0</v>
      </c>
      <c r="EM19" s="104">
        <v>24729</v>
      </c>
      <c r="EN19" s="102">
        <v>24729</v>
      </c>
      <c r="EO19" s="106">
        <v>24729</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2"/>
      <c r="FE19" s="104">
        <v>0</v>
      </c>
      <c r="FF19" s="104">
        <v>0</v>
      </c>
      <c r="FG19" s="104">
        <v>0</v>
      </c>
      <c r="FH19" s="104">
        <v>0</v>
      </c>
      <c r="FI19" s="104">
        <v>0</v>
      </c>
      <c r="FJ19" s="103">
        <v>0</v>
      </c>
      <c r="FK19" s="106">
        <v>0</v>
      </c>
      <c r="FL19" s="100">
        <v>2640</v>
      </c>
      <c r="FM19" s="104">
        <v>30704</v>
      </c>
      <c r="FN19" s="103">
        <v>33344</v>
      </c>
      <c r="FO19" s="100">
        <v>0</v>
      </c>
      <c r="FP19" s="104">
        <v>271504</v>
      </c>
      <c r="FQ19" s="104">
        <v>400568</v>
      </c>
      <c r="FR19" s="104">
        <v>377416</v>
      </c>
      <c r="FS19" s="104">
        <v>334808</v>
      </c>
      <c r="FT19" s="104">
        <v>224816</v>
      </c>
      <c r="FU19" s="103">
        <v>1609112</v>
      </c>
      <c r="FV19" s="106">
        <v>1642456</v>
      </c>
      <c r="FW19" s="105">
        <v>2640</v>
      </c>
      <c r="FX19" s="104">
        <v>30704</v>
      </c>
      <c r="FY19" s="102">
        <v>33344</v>
      </c>
      <c r="FZ19" s="101">
        <v>0</v>
      </c>
      <c r="GA19" s="104">
        <v>128944</v>
      </c>
      <c r="GB19" s="104">
        <v>369368</v>
      </c>
      <c r="GC19" s="104">
        <v>356472</v>
      </c>
      <c r="GD19" s="104">
        <v>334808</v>
      </c>
      <c r="GE19" s="104">
        <v>224816</v>
      </c>
      <c r="GF19" s="103">
        <v>1414408</v>
      </c>
      <c r="GG19" s="294">
        <v>1447752</v>
      </c>
      <c r="GH19" s="105">
        <v>0</v>
      </c>
      <c r="GI19" s="104">
        <v>0</v>
      </c>
      <c r="GJ19" s="102">
        <v>0</v>
      </c>
      <c r="GK19" s="101">
        <v>0</v>
      </c>
      <c r="GL19" s="104">
        <v>13200</v>
      </c>
      <c r="GM19" s="104">
        <v>0</v>
      </c>
      <c r="GN19" s="104">
        <v>20944</v>
      </c>
      <c r="GO19" s="104">
        <v>0</v>
      </c>
      <c r="GP19" s="104">
        <v>0</v>
      </c>
      <c r="GQ19" s="103">
        <v>34144</v>
      </c>
      <c r="GR19" s="106">
        <v>34144</v>
      </c>
      <c r="GS19" s="100">
        <v>0</v>
      </c>
      <c r="GT19" s="104">
        <v>0</v>
      </c>
      <c r="GU19" s="103">
        <v>0</v>
      </c>
      <c r="GV19" s="100">
        <v>0</v>
      </c>
      <c r="GW19" s="104">
        <v>129360</v>
      </c>
      <c r="GX19" s="104">
        <v>31200</v>
      </c>
      <c r="GY19" s="104">
        <v>0</v>
      </c>
      <c r="GZ19" s="104">
        <v>0</v>
      </c>
      <c r="HA19" s="104">
        <v>0</v>
      </c>
      <c r="HB19" s="102">
        <v>160560</v>
      </c>
      <c r="HC19" s="106">
        <v>160560</v>
      </c>
      <c r="HD19" s="100">
        <v>49207</v>
      </c>
      <c r="HE19" s="104">
        <v>0</v>
      </c>
      <c r="HF19" s="102">
        <v>49207</v>
      </c>
      <c r="HG19" s="101">
        <v>0</v>
      </c>
      <c r="HH19" s="104">
        <v>794726</v>
      </c>
      <c r="HI19" s="104">
        <v>2099646</v>
      </c>
      <c r="HJ19" s="104">
        <v>1805689</v>
      </c>
      <c r="HK19" s="104">
        <v>1217049</v>
      </c>
      <c r="HL19" s="104">
        <v>700512</v>
      </c>
      <c r="HM19" s="103">
        <v>6617622</v>
      </c>
      <c r="HN19" s="99">
        <v>6666829</v>
      </c>
      <c r="HO19" s="304"/>
      <c r="HP19" s="305"/>
      <c r="HQ19" s="306"/>
      <c r="HR19" s="307"/>
      <c r="HS19" s="305"/>
      <c r="HT19" s="305"/>
      <c r="HU19" s="305"/>
      <c r="HV19" s="305"/>
      <c r="HW19" s="305"/>
      <c r="HX19" s="308"/>
      <c r="HY19" s="309"/>
      <c r="HZ19" s="118">
        <v>0</v>
      </c>
      <c r="IA19" s="119">
        <v>77980</v>
      </c>
      <c r="IB19" s="120">
        <v>77980</v>
      </c>
      <c r="IC19" s="133">
        <v>0</v>
      </c>
      <c r="ID19" s="119">
        <v>762850</v>
      </c>
      <c r="IE19" s="134">
        <v>1172138</v>
      </c>
      <c r="IF19" s="120">
        <v>977649</v>
      </c>
      <c r="IG19" s="119">
        <v>351534</v>
      </c>
      <c r="IH19" s="120">
        <v>55908</v>
      </c>
      <c r="II19" s="135">
        <v>3320079</v>
      </c>
      <c r="IJ19" s="126">
        <v>3398059</v>
      </c>
      <c r="IK19" s="219">
        <v>0</v>
      </c>
      <c r="IL19" s="223">
        <v>0</v>
      </c>
      <c r="IM19" s="224">
        <v>0</v>
      </c>
      <c r="IN19" s="127"/>
      <c r="IO19" s="109">
        <v>0</v>
      </c>
      <c r="IP19" s="109">
        <v>0</v>
      </c>
      <c r="IQ19" s="109">
        <v>0</v>
      </c>
      <c r="IR19" s="109">
        <v>0</v>
      </c>
      <c r="IS19" s="109">
        <v>0</v>
      </c>
      <c r="IT19" s="128">
        <v>0</v>
      </c>
      <c r="IU19" s="296">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639997</v>
      </c>
      <c r="JL19" s="109">
        <v>445651</v>
      </c>
      <c r="JM19" s="109">
        <v>379106</v>
      </c>
      <c r="JN19" s="109">
        <v>256558</v>
      </c>
      <c r="JO19" s="109">
        <v>0</v>
      </c>
      <c r="JP19" s="110">
        <v>1721312</v>
      </c>
      <c r="JQ19" s="296">
        <v>1721312</v>
      </c>
      <c r="JR19" s="129">
        <v>0</v>
      </c>
      <c r="JS19" s="109">
        <v>0</v>
      </c>
      <c r="JT19" s="128">
        <v>0</v>
      </c>
      <c r="JU19" s="108">
        <v>0</v>
      </c>
      <c r="JV19" s="109">
        <v>0</v>
      </c>
      <c r="JW19" s="109">
        <v>320574</v>
      </c>
      <c r="JX19" s="109">
        <v>169502</v>
      </c>
      <c r="JY19" s="109">
        <v>94976</v>
      </c>
      <c r="JZ19" s="109">
        <v>55908</v>
      </c>
      <c r="KA19" s="110">
        <v>640960</v>
      </c>
      <c r="KB19" s="296">
        <v>640960</v>
      </c>
      <c r="KC19" s="221">
        <v>0</v>
      </c>
      <c r="KD19" s="217">
        <v>77980</v>
      </c>
      <c r="KE19" s="110">
        <v>77980</v>
      </c>
      <c r="KF19" s="108">
        <v>0</v>
      </c>
      <c r="KG19" s="109">
        <v>122853</v>
      </c>
      <c r="KH19" s="109">
        <v>173561</v>
      </c>
      <c r="KI19" s="109">
        <v>429041</v>
      </c>
      <c r="KJ19" s="109">
        <v>0</v>
      </c>
      <c r="KK19" s="109">
        <v>0</v>
      </c>
      <c r="KL19" s="110">
        <v>725455</v>
      </c>
      <c r="KM19" s="130">
        <v>803435</v>
      </c>
      <c r="KN19" s="219">
        <v>0</v>
      </c>
      <c r="KO19" s="223">
        <v>0</v>
      </c>
      <c r="KP19" s="224">
        <v>0</v>
      </c>
      <c r="KQ19" s="127"/>
      <c r="KR19" s="109">
        <v>0</v>
      </c>
      <c r="KS19" s="109">
        <v>232352</v>
      </c>
      <c r="KT19" s="109">
        <v>0</v>
      </c>
      <c r="KU19" s="109">
        <v>0</v>
      </c>
      <c r="KV19" s="109">
        <v>0</v>
      </c>
      <c r="KW19" s="110">
        <v>232352</v>
      </c>
      <c r="KX19" s="296">
        <v>232352</v>
      </c>
      <c r="KY19" s="129">
        <v>0</v>
      </c>
      <c r="KZ19" s="109">
        <v>0</v>
      </c>
      <c r="LA19" s="110">
        <v>0</v>
      </c>
      <c r="LB19" s="132"/>
      <c r="LC19" s="109">
        <v>0</v>
      </c>
      <c r="LD19" s="109">
        <v>0</v>
      </c>
      <c r="LE19" s="109">
        <v>0</v>
      </c>
      <c r="LF19" s="109">
        <v>0</v>
      </c>
      <c r="LG19" s="109">
        <v>0</v>
      </c>
      <c r="LH19" s="110">
        <v>0</v>
      </c>
      <c r="LI19" s="111">
        <v>0</v>
      </c>
      <c r="LJ19" s="129">
        <v>0</v>
      </c>
      <c r="LK19" s="109">
        <v>0</v>
      </c>
      <c r="LL19" s="110">
        <v>0</v>
      </c>
      <c r="LM19" s="132"/>
      <c r="LN19" s="109">
        <v>0</v>
      </c>
      <c r="LO19" s="109">
        <v>0</v>
      </c>
      <c r="LP19" s="109">
        <v>0</v>
      </c>
      <c r="LQ19" s="109">
        <v>0</v>
      </c>
      <c r="LR19" s="109">
        <v>0</v>
      </c>
      <c r="LS19" s="110">
        <v>0</v>
      </c>
      <c r="LT19" s="296">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0</v>
      </c>
      <c r="ML19" s="109">
        <v>2445971</v>
      </c>
      <c r="MM19" s="109">
        <v>3136328</v>
      </c>
      <c r="MN19" s="109">
        <v>896832</v>
      </c>
      <c r="MO19" s="110">
        <v>6479131</v>
      </c>
      <c r="MP19" s="130">
        <v>6479131</v>
      </c>
      <c r="MQ19" s="129">
        <v>0</v>
      </c>
      <c r="MR19" s="109">
        <v>0</v>
      </c>
      <c r="MS19" s="110">
        <v>0</v>
      </c>
      <c r="MT19" s="132"/>
      <c r="MU19" s="109">
        <v>0</v>
      </c>
      <c r="MV19" s="109">
        <v>0</v>
      </c>
      <c r="MW19" s="109">
        <v>456213</v>
      </c>
      <c r="MX19" s="109">
        <v>2829136</v>
      </c>
      <c r="MY19" s="109">
        <v>571520</v>
      </c>
      <c r="MZ19" s="110">
        <v>3856869</v>
      </c>
      <c r="NA19" s="130">
        <v>3856869</v>
      </c>
      <c r="NB19" s="129">
        <v>0</v>
      </c>
      <c r="NC19" s="109">
        <v>0</v>
      </c>
      <c r="ND19" s="110">
        <v>0</v>
      </c>
      <c r="NE19" s="132"/>
      <c r="NF19" s="109">
        <v>0</v>
      </c>
      <c r="NG19" s="109">
        <v>0</v>
      </c>
      <c r="NH19" s="109">
        <v>1989758</v>
      </c>
      <c r="NI19" s="109">
        <v>307192</v>
      </c>
      <c r="NJ19" s="109">
        <v>325312</v>
      </c>
      <c r="NK19" s="110">
        <v>2622262</v>
      </c>
      <c r="NL19" s="296">
        <v>2622262</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86911</v>
      </c>
      <c r="OJ19" s="109">
        <v>181535</v>
      </c>
      <c r="OK19" s="128">
        <v>268446</v>
      </c>
      <c r="OL19" s="108">
        <v>0</v>
      </c>
      <c r="OM19" s="109">
        <v>3332304</v>
      </c>
      <c r="ON19" s="109">
        <v>6509170</v>
      </c>
      <c r="OO19" s="109">
        <v>8447079</v>
      </c>
      <c r="OP19" s="109">
        <v>7939610</v>
      </c>
      <c r="OQ19" s="109">
        <v>4271369</v>
      </c>
      <c r="OR19" s="110">
        <v>30499532</v>
      </c>
      <c r="OS19" s="130">
        <v>30767978</v>
      </c>
    </row>
    <row r="20" spans="2:409" ht="21" customHeight="1" x14ac:dyDescent="0.2">
      <c r="B20" s="468" t="s">
        <v>15</v>
      </c>
      <c r="C20" s="100">
        <v>116579</v>
      </c>
      <c r="D20" s="104">
        <v>192028</v>
      </c>
      <c r="E20" s="103">
        <v>308607</v>
      </c>
      <c r="F20" s="99">
        <v>0</v>
      </c>
      <c r="G20" s="104">
        <v>2717231</v>
      </c>
      <c r="H20" s="104">
        <v>1709406</v>
      </c>
      <c r="I20" s="104">
        <v>2936190</v>
      </c>
      <c r="J20" s="104">
        <v>1282897</v>
      </c>
      <c r="K20" s="104">
        <v>796581</v>
      </c>
      <c r="L20" s="99">
        <v>9442305</v>
      </c>
      <c r="M20" s="106">
        <v>9750912</v>
      </c>
      <c r="N20" s="100">
        <v>0</v>
      </c>
      <c r="O20" s="104">
        <v>29948</v>
      </c>
      <c r="P20" s="103">
        <v>29948</v>
      </c>
      <c r="Q20" s="100">
        <v>0</v>
      </c>
      <c r="R20" s="104">
        <v>652426</v>
      </c>
      <c r="S20" s="104">
        <v>520324</v>
      </c>
      <c r="T20" s="104">
        <v>730557</v>
      </c>
      <c r="U20" s="104">
        <v>950493</v>
      </c>
      <c r="V20" s="104">
        <v>498041</v>
      </c>
      <c r="W20" s="103">
        <v>3351841</v>
      </c>
      <c r="X20" s="106">
        <v>3381789</v>
      </c>
      <c r="Y20" s="100">
        <v>0</v>
      </c>
      <c r="Z20" s="104">
        <v>0</v>
      </c>
      <c r="AA20" s="103">
        <v>0</v>
      </c>
      <c r="AB20" s="100">
        <v>0</v>
      </c>
      <c r="AC20" s="104">
        <v>234409</v>
      </c>
      <c r="AD20" s="104">
        <v>188413</v>
      </c>
      <c r="AE20" s="104">
        <v>437139</v>
      </c>
      <c r="AF20" s="104">
        <v>727911</v>
      </c>
      <c r="AG20" s="104">
        <v>423433</v>
      </c>
      <c r="AH20" s="103">
        <v>2011305</v>
      </c>
      <c r="AI20" s="106">
        <v>2011305</v>
      </c>
      <c r="AJ20" s="100">
        <v>0</v>
      </c>
      <c r="AK20" s="104">
        <v>0</v>
      </c>
      <c r="AL20" s="103">
        <v>0</v>
      </c>
      <c r="AM20" s="100">
        <v>0</v>
      </c>
      <c r="AN20" s="104">
        <v>0</v>
      </c>
      <c r="AO20" s="104">
        <v>36936</v>
      </c>
      <c r="AP20" s="104">
        <v>0</v>
      </c>
      <c r="AQ20" s="104">
        <v>46763</v>
      </c>
      <c r="AR20" s="104">
        <v>0</v>
      </c>
      <c r="AS20" s="103">
        <v>83699</v>
      </c>
      <c r="AT20" s="106">
        <v>83699</v>
      </c>
      <c r="AU20" s="100">
        <v>0</v>
      </c>
      <c r="AV20" s="104">
        <v>19036</v>
      </c>
      <c r="AW20" s="103">
        <v>19036</v>
      </c>
      <c r="AX20" s="100">
        <v>0</v>
      </c>
      <c r="AY20" s="104">
        <v>209930</v>
      </c>
      <c r="AZ20" s="104">
        <v>162890</v>
      </c>
      <c r="BA20" s="104">
        <v>156130</v>
      </c>
      <c r="BB20" s="104">
        <v>77123</v>
      </c>
      <c r="BC20" s="104">
        <v>36744</v>
      </c>
      <c r="BD20" s="103">
        <v>642817</v>
      </c>
      <c r="BE20" s="106">
        <v>661853</v>
      </c>
      <c r="BF20" s="100">
        <v>0</v>
      </c>
      <c r="BG20" s="104">
        <v>0</v>
      </c>
      <c r="BH20" s="102">
        <v>0</v>
      </c>
      <c r="BI20" s="101">
        <v>0</v>
      </c>
      <c r="BJ20" s="104">
        <v>42983</v>
      </c>
      <c r="BK20" s="104">
        <v>62077</v>
      </c>
      <c r="BL20" s="104">
        <v>0</v>
      </c>
      <c r="BM20" s="104">
        <v>0</v>
      </c>
      <c r="BN20" s="104">
        <v>0</v>
      </c>
      <c r="BO20" s="103">
        <v>105060</v>
      </c>
      <c r="BP20" s="106">
        <v>105060</v>
      </c>
      <c r="BQ20" s="100">
        <v>0</v>
      </c>
      <c r="BR20" s="104">
        <v>10912</v>
      </c>
      <c r="BS20" s="103">
        <v>10912</v>
      </c>
      <c r="BT20" s="100">
        <v>0</v>
      </c>
      <c r="BU20" s="104">
        <v>165104</v>
      </c>
      <c r="BV20" s="104">
        <v>70008</v>
      </c>
      <c r="BW20" s="104">
        <v>137288</v>
      </c>
      <c r="BX20" s="104">
        <v>98696</v>
      </c>
      <c r="BY20" s="104">
        <v>37864</v>
      </c>
      <c r="BZ20" s="103">
        <v>508960</v>
      </c>
      <c r="CA20" s="106">
        <v>519872</v>
      </c>
      <c r="CB20" s="100">
        <v>0</v>
      </c>
      <c r="CC20" s="104">
        <v>0</v>
      </c>
      <c r="CD20" s="103">
        <v>0</v>
      </c>
      <c r="CE20" s="100">
        <v>0</v>
      </c>
      <c r="CF20" s="104">
        <v>366524</v>
      </c>
      <c r="CG20" s="104">
        <v>453195</v>
      </c>
      <c r="CH20" s="104">
        <v>553316</v>
      </c>
      <c r="CI20" s="104">
        <v>187060</v>
      </c>
      <c r="CJ20" s="104">
        <v>0</v>
      </c>
      <c r="CK20" s="103">
        <v>1560095</v>
      </c>
      <c r="CL20" s="106">
        <v>1560095</v>
      </c>
      <c r="CM20" s="100">
        <v>0</v>
      </c>
      <c r="CN20" s="104">
        <v>0</v>
      </c>
      <c r="CO20" s="103">
        <v>0</v>
      </c>
      <c r="CP20" s="101">
        <v>0</v>
      </c>
      <c r="CQ20" s="104">
        <v>308406</v>
      </c>
      <c r="CR20" s="104">
        <v>234490</v>
      </c>
      <c r="CS20" s="104">
        <v>217445</v>
      </c>
      <c r="CT20" s="104">
        <v>187060</v>
      </c>
      <c r="CU20" s="104">
        <v>0</v>
      </c>
      <c r="CV20" s="103">
        <v>947401</v>
      </c>
      <c r="CW20" s="106">
        <v>947401</v>
      </c>
      <c r="CX20" s="100">
        <v>0</v>
      </c>
      <c r="CY20" s="104">
        <v>0</v>
      </c>
      <c r="CZ20" s="103">
        <v>0</v>
      </c>
      <c r="DA20" s="100">
        <v>0</v>
      </c>
      <c r="DB20" s="104">
        <v>58118</v>
      </c>
      <c r="DC20" s="104">
        <v>218705</v>
      </c>
      <c r="DD20" s="104">
        <v>335871</v>
      </c>
      <c r="DE20" s="104">
        <v>0</v>
      </c>
      <c r="DF20" s="104">
        <v>0</v>
      </c>
      <c r="DG20" s="103">
        <v>612694</v>
      </c>
      <c r="DH20" s="106">
        <v>612694</v>
      </c>
      <c r="DI20" s="100">
        <v>0</v>
      </c>
      <c r="DJ20" s="104">
        <v>0</v>
      </c>
      <c r="DK20" s="102">
        <v>0</v>
      </c>
      <c r="DL20" s="101">
        <v>0</v>
      </c>
      <c r="DM20" s="104">
        <v>82545</v>
      </c>
      <c r="DN20" s="104">
        <v>110752</v>
      </c>
      <c r="DO20" s="104">
        <v>288637</v>
      </c>
      <c r="DP20" s="104">
        <v>0</v>
      </c>
      <c r="DQ20" s="104">
        <v>0</v>
      </c>
      <c r="DR20" s="103">
        <v>481934</v>
      </c>
      <c r="DS20" s="106">
        <v>481934</v>
      </c>
      <c r="DT20" s="100">
        <v>0</v>
      </c>
      <c r="DU20" s="104">
        <v>0</v>
      </c>
      <c r="DV20" s="103">
        <v>0</v>
      </c>
      <c r="DW20" s="100">
        <v>0</v>
      </c>
      <c r="DX20" s="104">
        <v>82545</v>
      </c>
      <c r="DY20" s="104">
        <v>110752</v>
      </c>
      <c r="DZ20" s="104">
        <v>249291</v>
      </c>
      <c r="EA20" s="104">
        <v>0</v>
      </c>
      <c r="EB20" s="104">
        <v>0</v>
      </c>
      <c r="EC20" s="103">
        <v>442588</v>
      </c>
      <c r="ED20" s="106">
        <v>442588</v>
      </c>
      <c r="EE20" s="100">
        <v>0</v>
      </c>
      <c r="EF20" s="102">
        <v>0</v>
      </c>
      <c r="EG20" s="103">
        <v>0</v>
      </c>
      <c r="EH20" s="100">
        <v>0</v>
      </c>
      <c r="EI20" s="104">
        <v>0</v>
      </c>
      <c r="EJ20" s="104">
        <v>0</v>
      </c>
      <c r="EK20" s="104">
        <v>39346</v>
      </c>
      <c r="EL20" s="104">
        <v>0</v>
      </c>
      <c r="EM20" s="104">
        <v>0</v>
      </c>
      <c r="EN20" s="102">
        <v>39346</v>
      </c>
      <c r="EO20" s="106">
        <v>39346</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2"/>
      <c r="FE20" s="104">
        <v>0</v>
      </c>
      <c r="FF20" s="104">
        <v>0</v>
      </c>
      <c r="FG20" s="104">
        <v>0</v>
      </c>
      <c r="FH20" s="104">
        <v>0</v>
      </c>
      <c r="FI20" s="104">
        <v>0</v>
      </c>
      <c r="FJ20" s="103">
        <v>0</v>
      </c>
      <c r="FK20" s="106">
        <v>0</v>
      </c>
      <c r="FL20" s="100">
        <v>3200</v>
      </c>
      <c r="FM20" s="104">
        <v>18000</v>
      </c>
      <c r="FN20" s="103">
        <v>21200</v>
      </c>
      <c r="FO20" s="100">
        <v>0</v>
      </c>
      <c r="FP20" s="104">
        <v>37536</v>
      </c>
      <c r="FQ20" s="104">
        <v>212424</v>
      </c>
      <c r="FR20" s="104">
        <v>191264</v>
      </c>
      <c r="FS20" s="104">
        <v>145344</v>
      </c>
      <c r="FT20" s="104">
        <v>61920</v>
      </c>
      <c r="FU20" s="103">
        <v>648488</v>
      </c>
      <c r="FV20" s="106">
        <v>669688</v>
      </c>
      <c r="FW20" s="105">
        <v>3200</v>
      </c>
      <c r="FX20" s="104">
        <v>18000</v>
      </c>
      <c r="FY20" s="102">
        <v>21200</v>
      </c>
      <c r="FZ20" s="101">
        <v>0</v>
      </c>
      <c r="GA20" s="104">
        <v>18880</v>
      </c>
      <c r="GB20" s="104">
        <v>146776</v>
      </c>
      <c r="GC20" s="104">
        <v>191264</v>
      </c>
      <c r="GD20" s="104">
        <v>145344</v>
      </c>
      <c r="GE20" s="104">
        <v>61920</v>
      </c>
      <c r="GF20" s="103">
        <v>564184</v>
      </c>
      <c r="GG20" s="294">
        <v>585384</v>
      </c>
      <c r="GH20" s="105">
        <v>0</v>
      </c>
      <c r="GI20" s="104">
        <v>0</v>
      </c>
      <c r="GJ20" s="102">
        <v>0</v>
      </c>
      <c r="GK20" s="101">
        <v>0</v>
      </c>
      <c r="GL20" s="104">
        <v>18656</v>
      </c>
      <c r="GM20" s="104">
        <v>21120</v>
      </c>
      <c r="GN20" s="104">
        <v>0</v>
      </c>
      <c r="GO20" s="104">
        <v>0</v>
      </c>
      <c r="GP20" s="104">
        <v>0</v>
      </c>
      <c r="GQ20" s="103">
        <v>39776</v>
      </c>
      <c r="GR20" s="106">
        <v>39776</v>
      </c>
      <c r="GS20" s="100">
        <v>0</v>
      </c>
      <c r="GT20" s="104">
        <v>0</v>
      </c>
      <c r="GU20" s="103">
        <v>0</v>
      </c>
      <c r="GV20" s="100">
        <v>0</v>
      </c>
      <c r="GW20" s="104">
        <v>0</v>
      </c>
      <c r="GX20" s="104">
        <v>44528</v>
      </c>
      <c r="GY20" s="104">
        <v>0</v>
      </c>
      <c r="GZ20" s="104">
        <v>0</v>
      </c>
      <c r="HA20" s="104">
        <v>0</v>
      </c>
      <c r="HB20" s="102">
        <v>44528</v>
      </c>
      <c r="HC20" s="106">
        <v>44528</v>
      </c>
      <c r="HD20" s="100">
        <v>113379</v>
      </c>
      <c r="HE20" s="104">
        <v>144080</v>
      </c>
      <c r="HF20" s="102">
        <v>257459</v>
      </c>
      <c r="HG20" s="101">
        <v>0</v>
      </c>
      <c r="HH20" s="104">
        <v>1578200</v>
      </c>
      <c r="HI20" s="104">
        <v>412711</v>
      </c>
      <c r="HJ20" s="104">
        <v>1172416</v>
      </c>
      <c r="HK20" s="104">
        <v>0</v>
      </c>
      <c r="HL20" s="104">
        <v>236620</v>
      </c>
      <c r="HM20" s="103">
        <v>3399947</v>
      </c>
      <c r="HN20" s="99">
        <v>3657406</v>
      </c>
      <c r="HO20" s="304"/>
      <c r="HP20" s="305"/>
      <c r="HQ20" s="306"/>
      <c r="HR20" s="307"/>
      <c r="HS20" s="305"/>
      <c r="HT20" s="305"/>
      <c r="HU20" s="305"/>
      <c r="HV20" s="305"/>
      <c r="HW20" s="305"/>
      <c r="HX20" s="308"/>
      <c r="HY20" s="309"/>
      <c r="HZ20" s="137">
        <v>0</v>
      </c>
      <c r="IA20" s="122">
        <v>0</v>
      </c>
      <c r="IB20" s="137">
        <v>0</v>
      </c>
      <c r="IC20" s="121">
        <v>0</v>
      </c>
      <c r="ID20" s="122">
        <v>1032090</v>
      </c>
      <c r="IE20" s="123">
        <v>1135560</v>
      </c>
      <c r="IF20" s="124">
        <v>552591</v>
      </c>
      <c r="IG20" s="122">
        <v>365061</v>
      </c>
      <c r="IH20" s="124">
        <v>270281</v>
      </c>
      <c r="II20" s="125">
        <v>3355583</v>
      </c>
      <c r="IJ20" s="137">
        <v>3355583</v>
      </c>
      <c r="IK20" s="219">
        <v>0</v>
      </c>
      <c r="IL20" s="223">
        <v>0</v>
      </c>
      <c r="IM20" s="224">
        <v>0</v>
      </c>
      <c r="IN20" s="127"/>
      <c r="IO20" s="109">
        <v>188525</v>
      </c>
      <c r="IP20" s="109">
        <v>0</v>
      </c>
      <c r="IQ20" s="109">
        <v>0</v>
      </c>
      <c r="IR20" s="109">
        <v>0</v>
      </c>
      <c r="IS20" s="109">
        <v>0</v>
      </c>
      <c r="IT20" s="128">
        <v>188525</v>
      </c>
      <c r="IU20" s="296">
        <v>188525</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423665</v>
      </c>
      <c r="JL20" s="109">
        <v>292065</v>
      </c>
      <c r="JM20" s="109">
        <v>552591</v>
      </c>
      <c r="JN20" s="109">
        <v>90318</v>
      </c>
      <c r="JO20" s="109">
        <v>0</v>
      </c>
      <c r="JP20" s="110">
        <v>1358639</v>
      </c>
      <c r="JQ20" s="296">
        <v>1358639</v>
      </c>
      <c r="JR20" s="129">
        <v>0</v>
      </c>
      <c r="JS20" s="109">
        <v>0</v>
      </c>
      <c r="JT20" s="128">
        <v>0</v>
      </c>
      <c r="JU20" s="108">
        <v>0</v>
      </c>
      <c r="JV20" s="109">
        <v>75218</v>
      </c>
      <c r="JW20" s="109">
        <v>0</v>
      </c>
      <c r="JX20" s="109">
        <v>0</v>
      </c>
      <c r="JY20" s="109">
        <v>23857</v>
      </c>
      <c r="JZ20" s="109">
        <v>0</v>
      </c>
      <c r="KA20" s="110">
        <v>99075</v>
      </c>
      <c r="KB20" s="296">
        <v>99075</v>
      </c>
      <c r="KC20" s="221">
        <v>0</v>
      </c>
      <c r="KD20" s="217">
        <v>0</v>
      </c>
      <c r="KE20" s="110">
        <v>0</v>
      </c>
      <c r="KF20" s="108">
        <v>0</v>
      </c>
      <c r="KG20" s="109">
        <v>118447</v>
      </c>
      <c r="KH20" s="109">
        <v>0</v>
      </c>
      <c r="KI20" s="109">
        <v>0</v>
      </c>
      <c r="KJ20" s="109">
        <v>250886</v>
      </c>
      <c r="KK20" s="109">
        <v>270281</v>
      </c>
      <c r="KL20" s="110">
        <v>639614</v>
      </c>
      <c r="KM20" s="130">
        <v>639614</v>
      </c>
      <c r="KN20" s="219">
        <v>0</v>
      </c>
      <c r="KO20" s="223">
        <v>0</v>
      </c>
      <c r="KP20" s="224">
        <v>0</v>
      </c>
      <c r="KQ20" s="127"/>
      <c r="KR20" s="109">
        <v>226235</v>
      </c>
      <c r="KS20" s="109">
        <v>667638</v>
      </c>
      <c r="KT20" s="109">
        <v>0</v>
      </c>
      <c r="KU20" s="109">
        <v>0</v>
      </c>
      <c r="KV20" s="109">
        <v>0</v>
      </c>
      <c r="KW20" s="110">
        <v>893873</v>
      </c>
      <c r="KX20" s="296">
        <v>893873</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0</v>
      </c>
      <c r="LR20" s="109">
        <v>0</v>
      </c>
      <c r="LS20" s="110">
        <v>0</v>
      </c>
      <c r="LT20" s="296">
        <v>0</v>
      </c>
      <c r="LU20" s="129">
        <v>0</v>
      </c>
      <c r="LV20" s="109">
        <v>0</v>
      </c>
      <c r="LW20" s="110">
        <v>0</v>
      </c>
      <c r="LX20" s="132"/>
      <c r="LY20" s="109">
        <v>0</v>
      </c>
      <c r="LZ20" s="109">
        <v>175857</v>
      </c>
      <c r="MA20" s="109">
        <v>0</v>
      </c>
      <c r="MB20" s="109">
        <v>0</v>
      </c>
      <c r="MC20" s="109">
        <v>0</v>
      </c>
      <c r="MD20" s="110">
        <v>175857</v>
      </c>
      <c r="ME20" s="111">
        <v>175857</v>
      </c>
      <c r="MF20" s="129">
        <v>0</v>
      </c>
      <c r="MG20" s="109">
        <v>0</v>
      </c>
      <c r="MH20" s="110">
        <v>0</v>
      </c>
      <c r="MI20" s="132"/>
      <c r="MJ20" s="109">
        <v>258749</v>
      </c>
      <c r="MK20" s="109">
        <v>495088</v>
      </c>
      <c r="ML20" s="109">
        <v>983200</v>
      </c>
      <c r="MM20" s="109">
        <v>3988469</v>
      </c>
      <c r="MN20" s="109">
        <v>1098439</v>
      </c>
      <c r="MO20" s="110">
        <v>6823945</v>
      </c>
      <c r="MP20" s="130">
        <v>6823945</v>
      </c>
      <c r="MQ20" s="129">
        <v>0</v>
      </c>
      <c r="MR20" s="109">
        <v>0</v>
      </c>
      <c r="MS20" s="110">
        <v>0</v>
      </c>
      <c r="MT20" s="132"/>
      <c r="MU20" s="109">
        <v>0</v>
      </c>
      <c r="MV20" s="109">
        <v>0</v>
      </c>
      <c r="MW20" s="109">
        <v>722302</v>
      </c>
      <c r="MX20" s="109">
        <v>2797466</v>
      </c>
      <c r="MY20" s="109">
        <v>810847</v>
      </c>
      <c r="MZ20" s="110">
        <v>4330615</v>
      </c>
      <c r="NA20" s="130">
        <v>4330615</v>
      </c>
      <c r="NB20" s="129">
        <v>0</v>
      </c>
      <c r="NC20" s="109">
        <v>0</v>
      </c>
      <c r="ND20" s="110">
        <v>0</v>
      </c>
      <c r="NE20" s="132"/>
      <c r="NF20" s="109">
        <v>258749</v>
      </c>
      <c r="NG20" s="109">
        <v>495088</v>
      </c>
      <c r="NH20" s="109">
        <v>260898</v>
      </c>
      <c r="NI20" s="109">
        <v>1191003</v>
      </c>
      <c r="NJ20" s="109">
        <v>287592</v>
      </c>
      <c r="NK20" s="110">
        <v>2493330</v>
      </c>
      <c r="NL20" s="296">
        <v>2493330</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116579</v>
      </c>
      <c r="OJ20" s="109">
        <v>192028</v>
      </c>
      <c r="OK20" s="128">
        <v>308607</v>
      </c>
      <c r="OL20" s="108">
        <v>0</v>
      </c>
      <c r="OM20" s="109">
        <v>4008070</v>
      </c>
      <c r="ON20" s="109">
        <v>3340054</v>
      </c>
      <c r="OO20" s="109">
        <v>4471981</v>
      </c>
      <c r="OP20" s="109">
        <v>5636427</v>
      </c>
      <c r="OQ20" s="109">
        <v>2165301</v>
      </c>
      <c r="OR20" s="110">
        <v>19621833</v>
      </c>
      <c r="OS20" s="130">
        <v>19930440</v>
      </c>
    </row>
    <row r="21" spans="2:409" ht="21" customHeight="1" x14ac:dyDescent="0.2">
      <c r="B21" s="468" t="s">
        <v>16</v>
      </c>
      <c r="C21" s="100">
        <v>309996</v>
      </c>
      <c r="D21" s="104">
        <v>684105</v>
      </c>
      <c r="E21" s="103">
        <v>994101</v>
      </c>
      <c r="F21" s="99">
        <v>0</v>
      </c>
      <c r="G21" s="104">
        <v>4103411</v>
      </c>
      <c r="H21" s="104">
        <v>8460071</v>
      </c>
      <c r="I21" s="104">
        <v>4544084</v>
      </c>
      <c r="J21" s="104">
        <v>4557495</v>
      </c>
      <c r="K21" s="104">
        <v>2163412</v>
      </c>
      <c r="L21" s="99">
        <v>23828473</v>
      </c>
      <c r="M21" s="106">
        <v>24822574</v>
      </c>
      <c r="N21" s="100">
        <v>136643</v>
      </c>
      <c r="O21" s="104">
        <v>214255</v>
      </c>
      <c r="P21" s="103">
        <v>350898</v>
      </c>
      <c r="Q21" s="100">
        <v>0</v>
      </c>
      <c r="R21" s="104">
        <v>1282466</v>
      </c>
      <c r="S21" s="104">
        <v>1683764</v>
      </c>
      <c r="T21" s="104">
        <v>657672</v>
      </c>
      <c r="U21" s="104">
        <v>994000</v>
      </c>
      <c r="V21" s="104">
        <v>780321</v>
      </c>
      <c r="W21" s="103">
        <v>5398223</v>
      </c>
      <c r="X21" s="106">
        <v>5749121</v>
      </c>
      <c r="Y21" s="100">
        <v>0</v>
      </c>
      <c r="Z21" s="104">
        <v>0</v>
      </c>
      <c r="AA21" s="103">
        <v>0</v>
      </c>
      <c r="AB21" s="100">
        <v>0</v>
      </c>
      <c r="AC21" s="104">
        <v>417392</v>
      </c>
      <c r="AD21" s="104">
        <v>372377</v>
      </c>
      <c r="AE21" s="104">
        <v>183927</v>
      </c>
      <c r="AF21" s="104">
        <v>98680</v>
      </c>
      <c r="AG21" s="104">
        <v>350760</v>
      </c>
      <c r="AH21" s="103">
        <v>1423136</v>
      </c>
      <c r="AI21" s="106">
        <v>1423136</v>
      </c>
      <c r="AJ21" s="100">
        <v>0</v>
      </c>
      <c r="AK21" s="104">
        <v>0</v>
      </c>
      <c r="AL21" s="103">
        <v>0</v>
      </c>
      <c r="AM21" s="100">
        <v>0</v>
      </c>
      <c r="AN21" s="104">
        <v>0</v>
      </c>
      <c r="AO21" s="104">
        <v>0</v>
      </c>
      <c r="AP21" s="104">
        <v>13195</v>
      </c>
      <c r="AQ21" s="104">
        <v>56933</v>
      </c>
      <c r="AR21" s="104">
        <v>178596</v>
      </c>
      <c r="AS21" s="103">
        <v>248724</v>
      </c>
      <c r="AT21" s="106">
        <v>248724</v>
      </c>
      <c r="AU21" s="100">
        <v>98555</v>
      </c>
      <c r="AV21" s="104">
        <v>123753</v>
      </c>
      <c r="AW21" s="103">
        <v>222308</v>
      </c>
      <c r="AX21" s="100">
        <v>0</v>
      </c>
      <c r="AY21" s="104">
        <v>607217</v>
      </c>
      <c r="AZ21" s="104">
        <v>890959</v>
      </c>
      <c r="BA21" s="104">
        <v>289942</v>
      </c>
      <c r="BB21" s="104">
        <v>578403</v>
      </c>
      <c r="BC21" s="104">
        <v>48973</v>
      </c>
      <c r="BD21" s="103">
        <v>2415494</v>
      </c>
      <c r="BE21" s="106">
        <v>2637802</v>
      </c>
      <c r="BF21" s="100">
        <v>0</v>
      </c>
      <c r="BG21" s="104">
        <v>35518</v>
      </c>
      <c r="BH21" s="102">
        <v>35518</v>
      </c>
      <c r="BI21" s="101">
        <v>0</v>
      </c>
      <c r="BJ21" s="104">
        <v>52161</v>
      </c>
      <c r="BK21" s="104">
        <v>81308</v>
      </c>
      <c r="BL21" s="104">
        <v>0</v>
      </c>
      <c r="BM21" s="104">
        <v>0</v>
      </c>
      <c r="BN21" s="104">
        <v>0</v>
      </c>
      <c r="BO21" s="103">
        <v>133469</v>
      </c>
      <c r="BP21" s="106">
        <v>168987</v>
      </c>
      <c r="BQ21" s="100">
        <v>38088</v>
      </c>
      <c r="BR21" s="104">
        <v>54984</v>
      </c>
      <c r="BS21" s="103">
        <v>93072</v>
      </c>
      <c r="BT21" s="100">
        <v>0</v>
      </c>
      <c r="BU21" s="104">
        <v>205696</v>
      </c>
      <c r="BV21" s="104">
        <v>339120</v>
      </c>
      <c r="BW21" s="104">
        <v>170608</v>
      </c>
      <c r="BX21" s="104">
        <v>259984</v>
      </c>
      <c r="BY21" s="104">
        <v>201992</v>
      </c>
      <c r="BZ21" s="103">
        <v>1177400</v>
      </c>
      <c r="CA21" s="106">
        <v>1270472</v>
      </c>
      <c r="CB21" s="100">
        <v>42145</v>
      </c>
      <c r="CC21" s="104">
        <v>314074</v>
      </c>
      <c r="CD21" s="103">
        <v>356219</v>
      </c>
      <c r="CE21" s="100">
        <v>0</v>
      </c>
      <c r="CF21" s="104">
        <v>1236327</v>
      </c>
      <c r="CG21" s="104">
        <v>3253104</v>
      </c>
      <c r="CH21" s="104">
        <v>1887423</v>
      </c>
      <c r="CI21" s="104">
        <v>620771</v>
      </c>
      <c r="CJ21" s="104">
        <v>52796</v>
      </c>
      <c r="CK21" s="103">
        <v>7050421</v>
      </c>
      <c r="CL21" s="106">
        <v>7406640</v>
      </c>
      <c r="CM21" s="100">
        <v>0</v>
      </c>
      <c r="CN21" s="104">
        <v>0</v>
      </c>
      <c r="CO21" s="103">
        <v>0</v>
      </c>
      <c r="CP21" s="101">
        <v>0</v>
      </c>
      <c r="CQ21" s="104">
        <v>766982</v>
      </c>
      <c r="CR21" s="104">
        <v>1912867</v>
      </c>
      <c r="CS21" s="104">
        <v>983206</v>
      </c>
      <c r="CT21" s="104">
        <v>438229</v>
      </c>
      <c r="CU21" s="104">
        <v>52796</v>
      </c>
      <c r="CV21" s="103">
        <v>4154080</v>
      </c>
      <c r="CW21" s="106">
        <v>4154080</v>
      </c>
      <c r="CX21" s="100">
        <v>42145</v>
      </c>
      <c r="CY21" s="104">
        <v>314074</v>
      </c>
      <c r="CZ21" s="103">
        <v>356219</v>
      </c>
      <c r="DA21" s="100">
        <v>0</v>
      </c>
      <c r="DB21" s="104">
        <v>469345</v>
      </c>
      <c r="DC21" s="104">
        <v>1340237</v>
      </c>
      <c r="DD21" s="104">
        <v>904217</v>
      </c>
      <c r="DE21" s="104">
        <v>182542</v>
      </c>
      <c r="DF21" s="104">
        <v>0</v>
      </c>
      <c r="DG21" s="103">
        <v>2896341</v>
      </c>
      <c r="DH21" s="106">
        <v>3252560</v>
      </c>
      <c r="DI21" s="100">
        <v>0</v>
      </c>
      <c r="DJ21" s="104">
        <v>0</v>
      </c>
      <c r="DK21" s="102">
        <v>0</v>
      </c>
      <c r="DL21" s="101">
        <v>0</v>
      </c>
      <c r="DM21" s="104">
        <v>49400</v>
      </c>
      <c r="DN21" s="104">
        <v>128135</v>
      </c>
      <c r="DO21" s="104">
        <v>298633</v>
      </c>
      <c r="DP21" s="104">
        <v>260214</v>
      </c>
      <c r="DQ21" s="104">
        <v>0</v>
      </c>
      <c r="DR21" s="103">
        <v>736382</v>
      </c>
      <c r="DS21" s="106">
        <v>736382</v>
      </c>
      <c r="DT21" s="100">
        <v>0</v>
      </c>
      <c r="DU21" s="104">
        <v>0</v>
      </c>
      <c r="DV21" s="103">
        <v>0</v>
      </c>
      <c r="DW21" s="100">
        <v>0</v>
      </c>
      <c r="DX21" s="104">
        <v>0</v>
      </c>
      <c r="DY21" s="104">
        <v>128135</v>
      </c>
      <c r="DZ21" s="104">
        <v>206471</v>
      </c>
      <c r="EA21" s="104">
        <v>181655</v>
      </c>
      <c r="EB21" s="104">
        <v>0</v>
      </c>
      <c r="EC21" s="103">
        <v>516261</v>
      </c>
      <c r="ED21" s="106">
        <v>516261</v>
      </c>
      <c r="EE21" s="100">
        <v>0</v>
      </c>
      <c r="EF21" s="102">
        <v>0</v>
      </c>
      <c r="EG21" s="103">
        <v>0</v>
      </c>
      <c r="EH21" s="100">
        <v>0</v>
      </c>
      <c r="EI21" s="104">
        <v>49400</v>
      </c>
      <c r="EJ21" s="104">
        <v>0</v>
      </c>
      <c r="EK21" s="104">
        <v>92162</v>
      </c>
      <c r="EL21" s="104">
        <v>78559</v>
      </c>
      <c r="EM21" s="104">
        <v>0</v>
      </c>
      <c r="EN21" s="102">
        <v>220121</v>
      </c>
      <c r="EO21" s="106">
        <v>220121</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2"/>
      <c r="FE21" s="104">
        <v>0</v>
      </c>
      <c r="FF21" s="104">
        <v>0</v>
      </c>
      <c r="FG21" s="104">
        <v>0</v>
      </c>
      <c r="FH21" s="104">
        <v>0</v>
      </c>
      <c r="FI21" s="104">
        <v>0</v>
      </c>
      <c r="FJ21" s="103">
        <v>0</v>
      </c>
      <c r="FK21" s="106">
        <v>0</v>
      </c>
      <c r="FL21" s="100">
        <v>29512</v>
      </c>
      <c r="FM21" s="104">
        <v>155776</v>
      </c>
      <c r="FN21" s="103">
        <v>185288</v>
      </c>
      <c r="FO21" s="100">
        <v>0</v>
      </c>
      <c r="FP21" s="104">
        <v>134656</v>
      </c>
      <c r="FQ21" s="104">
        <v>832465</v>
      </c>
      <c r="FR21" s="104">
        <v>364184</v>
      </c>
      <c r="FS21" s="104">
        <v>377337</v>
      </c>
      <c r="FT21" s="104">
        <v>272768</v>
      </c>
      <c r="FU21" s="103">
        <v>1981410</v>
      </c>
      <c r="FV21" s="106">
        <v>2166698</v>
      </c>
      <c r="FW21" s="105">
        <v>29512</v>
      </c>
      <c r="FX21" s="104">
        <v>110720</v>
      </c>
      <c r="FY21" s="102">
        <v>140232</v>
      </c>
      <c r="FZ21" s="101">
        <v>0</v>
      </c>
      <c r="GA21" s="104">
        <v>134656</v>
      </c>
      <c r="GB21" s="104">
        <v>691336</v>
      </c>
      <c r="GC21" s="104">
        <v>364184</v>
      </c>
      <c r="GD21" s="104">
        <v>312864</v>
      </c>
      <c r="GE21" s="104">
        <v>124768</v>
      </c>
      <c r="GF21" s="103">
        <v>1627808</v>
      </c>
      <c r="GG21" s="294">
        <v>1768040</v>
      </c>
      <c r="GH21" s="105">
        <v>0</v>
      </c>
      <c r="GI21" s="104">
        <v>45056</v>
      </c>
      <c r="GJ21" s="102">
        <v>45056</v>
      </c>
      <c r="GK21" s="101">
        <v>0</v>
      </c>
      <c r="GL21" s="104">
        <v>0</v>
      </c>
      <c r="GM21" s="104">
        <v>93129</v>
      </c>
      <c r="GN21" s="104">
        <v>0</v>
      </c>
      <c r="GO21" s="104">
        <v>0</v>
      </c>
      <c r="GP21" s="104">
        <v>14400</v>
      </c>
      <c r="GQ21" s="103">
        <v>107529</v>
      </c>
      <c r="GR21" s="106">
        <v>152585</v>
      </c>
      <c r="GS21" s="100">
        <v>0</v>
      </c>
      <c r="GT21" s="104">
        <v>0</v>
      </c>
      <c r="GU21" s="103">
        <v>0</v>
      </c>
      <c r="GV21" s="100">
        <v>0</v>
      </c>
      <c r="GW21" s="104">
        <v>0</v>
      </c>
      <c r="GX21" s="104">
        <v>48000</v>
      </c>
      <c r="GY21" s="104">
        <v>0</v>
      </c>
      <c r="GZ21" s="104">
        <v>64473</v>
      </c>
      <c r="HA21" s="104">
        <v>133600</v>
      </c>
      <c r="HB21" s="102">
        <v>246073</v>
      </c>
      <c r="HC21" s="106">
        <v>246073</v>
      </c>
      <c r="HD21" s="100">
        <v>101696</v>
      </c>
      <c r="HE21" s="104">
        <v>0</v>
      </c>
      <c r="HF21" s="102">
        <v>101696</v>
      </c>
      <c r="HG21" s="101">
        <v>0</v>
      </c>
      <c r="HH21" s="104">
        <v>1400562</v>
      </c>
      <c r="HI21" s="104">
        <v>2562603</v>
      </c>
      <c r="HJ21" s="104">
        <v>1336172</v>
      </c>
      <c r="HK21" s="104">
        <v>2305173</v>
      </c>
      <c r="HL21" s="104">
        <v>1057527</v>
      </c>
      <c r="HM21" s="103">
        <v>8662037</v>
      </c>
      <c r="HN21" s="99">
        <v>8763733</v>
      </c>
      <c r="HO21" s="304"/>
      <c r="HP21" s="305"/>
      <c r="HQ21" s="306"/>
      <c r="HR21" s="307"/>
      <c r="HS21" s="305"/>
      <c r="HT21" s="305"/>
      <c r="HU21" s="305"/>
      <c r="HV21" s="305"/>
      <c r="HW21" s="305"/>
      <c r="HX21" s="308"/>
      <c r="HY21" s="309"/>
      <c r="HZ21" s="118">
        <v>0</v>
      </c>
      <c r="IA21" s="119">
        <v>0</v>
      </c>
      <c r="IB21" s="120">
        <v>0</v>
      </c>
      <c r="IC21" s="133">
        <v>0</v>
      </c>
      <c r="ID21" s="119">
        <v>395141</v>
      </c>
      <c r="IE21" s="134">
        <v>1171094</v>
      </c>
      <c r="IF21" s="120">
        <v>1182386</v>
      </c>
      <c r="IG21" s="119">
        <v>1023183</v>
      </c>
      <c r="IH21" s="120">
        <v>805505</v>
      </c>
      <c r="II21" s="135">
        <v>4577309</v>
      </c>
      <c r="IJ21" s="126">
        <v>4577309</v>
      </c>
      <c r="IK21" s="219">
        <v>0</v>
      </c>
      <c r="IL21" s="223">
        <v>0</v>
      </c>
      <c r="IM21" s="224">
        <v>0</v>
      </c>
      <c r="IN21" s="127"/>
      <c r="IO21" s="109">
        <v>0</v>
      </c>
      <c r="IP21" s="109">
        <v>0</v>
      </c>
      <c r="IQ21" s="109">
        <v>152080</v>
      </c>
      <c r="IR21" s="109">
        <v>0</v>
      </c>
      <c r="IS21" s="109">
        <v>44788</v>
      </c>
      <c r="IT21" s="128">
        <v>196868</v>
      </c>
      <c r="IU21" s="296">
        <v>196868</v>
      </c>
      <c r="IV21" s="129">
        <v>0</v>
      </c>
      <c r="IW21" s="109">
        <v>0</v>
      </c>
      <c r="IX21" s="110">
        <v>0</v>
      </c>
      <c r="IY21" s="131"/>
      <c r="IZ21" s="109">
        <v>0</v>
      </c>
      <c r="JA21" s="109">
        <v>0</v>
      </c>
      <c r="JB21" s="109">
        <v>22348</v>
      </c>
      <c r="JC21" s="109">
        <v>0</v>
      </c>
      <c r="JD21" s="109">
        <v>0</v>
      </c>
      <c r="JE21" s="110">
        <v>22348</v>
      </c>
      <c r="JF21" s="111">
        <v>22348</v>
      </c>
      <c r="JG21" s="129">
        <v>0</v>
      </c>
      <c r="JH21" s="109">
        <v>0</v>
      </c>
      <c r="JI21" s="128">
        <v>0</v>
      </c>
      <c r="JJ21" s="108">
        <v>0</v>
      </c>
      <c r="JK21" s="109">
        <v>275049</v>
      </c>
      <c r="JL21" s="109">
        <v>395420</v>
      </c>
      <c r="JM21" s="109">
        <v>231523</v>
      </c>
      <c r="JN21" s="109">
        <v>260618</v>
      </c>
      <c r="JO21" s="109">
        <v>0</v>
      </c>
      <c r="JP21" s="110">
        <v>1162610</v>
      </c>
      <c r="JQ21" s="296">
        <v>1162610</v>
      </c>
      <c r="JR21" s="129">
        <v>0</v>
      </c>
      <c r="JS21" s="109">
        <v>0</v>
      </c>
      <c r="JT21" s="128">
        <v>0</v>
      </c>
      <c r="JU21" s="108">
        <v>0</v>
      </c>
      <c r="JV21" s="109">
        <v>120092</v>
      </c>
      <c r="JW21" s="109">
        <v>133520</v>
      </c>
      <c r="JX21" s="109">
        <v>59451</v>
      </c>
      <c r="JY21" s="109">
        <v>0</v>
      </c>
      <c r="JZ21" s="109">
        <v>0</v>
      </c>
      <c r="KA21" s="110">
        <v>313063</v>
      </c>
      <c r="KB21" s="296">
        <v>313063</v>
      </c>
      <c r="KC21" s="221">
        <v>0</v>
      </c>
      <c r="KD21" s="217">
        <v>0</v>
      </c>
      <c r="KE21" s="110">
        <v>0</v>
      </c>
      <c r="KF21" s="108">
        <v>0</v>
      </c>
      <c r="KG21" s="109">
        <v>0</v>
      </c>
      <c r="KH21" s="109">
        <v>0</v>
      </c>
      <c r="KI21" s="109">
        <v>472485</v>
      </c>
      <c r="KJ21" s="109">
        <v>516193</v>
      </c>
      <c r="KK21" s="109">
        <v>0</v>
      </c>
      <c r="KL21" s="110">
        <v>988678</v>
      </c>
      <c r="KM21" s="130">
        <v>988678</v>
      </c>
      <c r="KN21" s="219">
        <v>0</v>
      </c>
      <c r="KO21" s="223">
        <v>0</v>
      </c>
      <c r="KP21" s="224">
        <v>0</v>
      </c>
      <c r="KQ21" s="127"/>
      <c r="KR21" s="109">
        <v>0</v>
      </c>
      <c r="KS21" s="109">
        <v>473396</v>
      </c>
      <c r="KT21" s="109">
        <v>244499</v>
      </c>
      <c r="KU21" s="109">
        <v>246372</v>
      </c>
      <c r="KV21" s="109">
        <v>760717</v>
      </c>
      <c r="KW21" s="110">
        <v>1724984</v>
      </c>
      <c r="KX21" s="296">
        <v>1724984</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6">
        <v>0</v>
      </c>
      <c r="LU21" s="129">
        <v>0</v>
      </c>
      <c r="LV21" s="109">
        <v>0</v>
      </c>
      <c r="LW21" s="110">
        <v>0</v>
      </c>
      <c r="LX21" s="132"/>
      <c r="LY21" s="109">
        <v>0</v>
      </c>
      <c r="LZ21" s="109">
        <v>168758</v>
      </c>
      <c r="MA21" s="109">
        <v>0</v>
      </c>
      <c r="MB21" s="109">
        <v>0</v>
      </c>
      <c r="MC21" s="109">
        <v>0</v>
      </c>
      <c r="MD21" s="110">
        <v>168758</v>
      </c>
      <c r="ME21" s="111">
        <v>168758</v>
      </c>
      <c r="MF21" s="129">
        <v>0</v>
      </c>
      <c r="MG21" s="109">
        <v>0</v>
      </c>
      <c r="MH21" s="110">
        <v>0</v>
      </c>
      <c r="MI21" s="132"/>
      <c r="MJ21" s="109">
        <v>0</v>
      </c>
      <c r="MK21" s="109">
        <v>1174644</v>
      </c>
      <c r="ML21" s="109">
        <v>1756917</v>
      </c>
      <c r="MM21" s="109">
        <v>4278785</v>
      </c>
      <c r="MN21" s="109">
        <v>1984635</v>
      </c>
      <c r="MO21" s="110">
        <v>9194981</v>
      </c>
      <c r="MP21" s="130">
        <v>9194981</v>
      </c>
      <c r="MQ21" s="129">
        <v>0</v>
      </c>
      <c r="MR21" s="109">
        <v>0</v>
      </c>
      <c r="MS21" s="110">
        <v>0</v>
      </c>
      <c r="MT21" s="132"/>
      <c r="MU21" s="109">
        <v>0</v>
      </c>
      <c r="MV21" s="109">
        <v>205194</v>
      </c>
      <c r="MW21" s="109">
        <v>960001</v>
      </c>
      <c r="MX21" s="109">
        <v>2603361</v>
      </c>
      <c r="MY21" s="109">
        <v>1590134</v>
      </c>
      <c r="MZ21" s="110">
        <v>5358690</v>
      </c>
      <c r="NA21" s="130">
        <v>5358690</v>
      </c>
      <c r="NB21" s="129">
        <v>0</v>
      </c>
      <c r="NC21" s="109">
        <v>0</v>
      </c>
      <c r="ND21" s="110">
        <v>0</v>
      </c>
      <c r="NE21" s="132"/>
      <c r="NF21" s="109">
        <v>0</v>
      </c>
      <c r="NG21" s="109">
        <v>969450</v>
      </c>
      <c r="NH21" s="109">
        <v>796916</v>
      </c>
      <c r="NI21" s="109">
        <v>1675424</v>
      </c>
      <c r="NJ21" s="109">
        <v>0</v>
      </c>
      <c r="NK21" s="110">
        <v>3441790</v>
      </c>
      <c r="NL21" s="296">
        <v>3441790</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394501</v>
      </c>
      <c r="OG21" s="110">
        <v>394501</v>
      </c>
      <c r="OH21" s="111">
        <v>394501</v>
      </c>
      <c r="OI21" s="129">
        <v>309996</v>
      </c>
      <c r="OJ21" s="109">
        <v>684105</v>
      </c>
      <c r="OK21" s="128">
        <v>994101</v>
      </c>
      <c r="OL21" s="108">
        <v>0</v>
      </c>
      <c r="OM21" s="109">
        <v>4498552</v>
      </c>
      <c r="ON21" s="109">
        <v>10805809</v>
      </c>
      <c r="OO21" s="109">
        <v>7483387</v>
      </c>
      <c r="OP21" s="109">
        <v>9859463</v>
      </c>
      <c r="OQ21" s="109">
        <v>4953552</v>
      </c>
      <c r="OR21" s="110">
        <v>37600763</v>
      </c>
      <c r="OS21" s="130">
        <v>38594864</v>
      </c>
    </row>
    <row r="22" spans="2:409" ht="21" customHeight="1" x14ac:dyDescent="0.2">
      <c r="B22" s="468" t="s">
        <v>17</v>
      </c>
      <c r="C22" s="100">
        <v>445652</v>
      </c>
      <c r="D22" s="104">
        <v>596788</v>
      </c>
      <c r="E22" s="103">
        <v>1042440</v>
      </c>
      <c r="F22" s="99">
        <v>0</v>
      </c>
      <c r="G22" s="104">
        <v>3672860</v>
      </c>
      <c r="H22" s="104">
        <v>7008866</v>
      </c>
      <c r="I22" s="104">
        <v>4971714</v>
      </c>
      <c r="J22" s="104">
        <v>2093723</v>
      </c>
      <c r="K22" s="104">
        <v>3017039</v>
      </c>
      <c r="L22" s="99">
        <v>20764202</v>
      </c>
      <c r="M22" s="106">
        <v>21806642</v>
      </c>
      <c r="N22" s="100">
        <v>92160</v>
      </c>
      <c r="O22" s="104">
        <v>138379</v>
      </c>
      <c r="P22" s="103">
        <v>230539</v>
      </c>
      <c r="Q22" s="100">
        <v>0</v>
      </c>
      <c r="R22" s="104">
        <v>1088292</v>
      </c>
      <c r="S22" s="104">
        <v>1509453</v>
      </c>
      <c r="T22" s="104">
        <v>1694181</v>
      </c>
      <c r="U22" s="104">
        <v>244595</v>
      </c>
      <c r="V22" s="104">
        <v>1422553</v>
      </c>
      <c r="W22" s="103">
        <v>5959074</v>
      </c>
      <c r="X22" s="106">
        <v>6189613</v>
      </c>
      <c r="Y22" s="100">
        <v>0</v>
      </c>
      <c r="Z22" s="104">
        <v>0</v>
      </c>
      <c r="AA22" s="103">
        <v>0</v>
      </c>
      <c r="AB22" s="100">
        <v>0</v>
      </c>
      <c r="AC22" s="104">
        <v>362016</v>
      </c>
      <c r="AD22" s="104">
        <v>732587</v>
      </c>
      <c r="AE22" s="104">
        <v>641318</v>
      </c>
      <c r="AF22" s="104">
        <v>21610</v>
      </c>
      <c r="AG22" s="104">
        <v>920208</v>
      </c>
      <c r="AH22" s="103">
        <v>2677739</v>
      </c>
      <c r="AI22" s="106">
        <v>2677739</v>
      </c>
      <c r="AJ22" s="100">
        <v>0</v>
      </c>
      <c r="AK22" s="104">
        <v>0</v>
      </c>
      <c r="AL22" s="103">
        <v>0</v>
      </c>
      <c r="AM22" s="100">
        <v>0</v>
      </c>
      <c r="AN22" s="104">
        <v>0</v>
      </c>
      <c r="AO22" s="104">
        <v>25217</v>
      </c>
      <c r="AP22" s="104">
        <v>47374</v>
      </c>
      <c r="AQ22" s="104">
        <v>46716</v>
      </c>
      <c r="AR22" s="104">
        <v>118077</v>
      </c>
      <c r="AS22" s="103">
        <v>237384</v>
      </c>
      <c r="AT22" s="106">
        <v>237384</v>
      </c>
      <c r="AU22" s="100">
        <v>0</v>
      </c>
      <c r="AV22" s="104">
        <v>61379</v>
      </c>
      <c r="AW22" s="103">
        <v>61379</v>
      </c>
      <c r="AX22" s="100">
        <v>0</v>
      </c>
      <c r="AY22" s="104">
        <v>505284</v>
      </c>
      <c r="AZ22" s="104">
        <v>372426</v>
      </c>
      <c r="BA22" s="104">
        <v>669440</v>
      </c>
      <c r="BB22" s="104">
        <v>72693</v>
      </c>
      <c r="BC22" s="104">
        <v>199164</v>
      </c>
      <c r="BD22" s="103">
        <v>1819007</v>
      </c>
      <c r="BE22" s="106">
        <v>1880386</v>
      </c>
      <c r="BF22" s="100">
        <v>0</v>
      </c>
      <c r="BG22" s="104">
        <v>31416</v>
      </c>
      <c r="BH22" s="102">
        <v>31416</v>
      </c>
      <c r="BI22" s="101">
        <v>0</v>
      </c>
      <c r="BJ22" s="104">
        <v>0</v>
      </c>
      <c r="BK22" s="104">
        <v>54799</v>
      </c>
      <c r="BL22" s="104">
        <v>58817</v>
      </c>
      <c r="BM22" s="104">
        <v>0</v>
      </c>
      <c r="BN22" s="104">
        <v>0</v>
      </c>
      <c r="BO22" s="103">
        <v>113616</v>
      </c>
      <c r="BP22" s="106">
        <v>145032</v>
      </c>
      <c r="BQ22" s="100">
        <v>92160</v>
      </c>
      <c r="BR22" s="104">
        <v>45584</v>
      </c>
      <c r="BS22" s="103">
        <v>137744</v>
      </c>
      <c r="BT22" s="100">
        <v>0</v>
      </c>
      <c r="BU22" s="104">
        <v>220992</v>
      </c>
      <c r="BV22" s="104">
        <v>324424</v>
      </c>
      <c r="BW22" s="104">
        <v>277232</v>
      </c>
      <c r="BX22" s="104">
        <v>103576</v>
      </c>
      <c r="BY22" s="104">
        <v>185104</v>
      </c>
      <c r="BZ22" s="103">
        <v>1111328</v>
      </c>
      <c r="CA22" s="106">
        <v>1249072</v>
      </c>
      <c r="CB22" s="100">
        <v>67292</v>
      </c>
      <c r="CC22" s="104">
        <v>149408</v>
      </c>
      <c r="CD22" s="103">
        <v>216700</v>
      </c>
      <c r="CE22" s="100">
        <v>0</v>
      </c>
      <c r="CF22" s="104">
        <v>1159498</v>
      </c>
      <c r="CG22" s="104">
        <v>2489230</v>
      </c>
      <c r="CH22" s="104">
        <v>1004659</v>
      </c>
      <c r="CI22" s="104">
        <v>357457</v>
      </c>
      <c r="CJ22" s="104">
        <v>356060</v>
      </c>
      <c r="CK22" s="103">
        <v>5366904</v>
      </c>
      <c r="CL22" s="106">
        <v>5583604</v>
      </c>
      <c r="CM22" s="100">
        <v>0</v>
      </c>
      <c r="CN22" s="104">
        <v>0</v>
      </c>
      <c r="CO22" s="103">
        <v>0</v>
      </c>
      <c r="CP22" s="101">
        <v>0</v>
      </c>
      <c r="CQ22" s="104">
        <v>1099019</v>
      </c>
      <c r="CR22" s="104">
        <v>1976841</v>
      </c>
      <c r="CS22" s="104">
        <v>539641</v>
      </c>
      <c r="CT22" s="104">
        <v>293447</v>
      </c>
      <c r="CU22" s="104">
        <v>209891</v>
      </c>
      <c r="CV22" s="103">
        <v>4118839</v>
      </c>
      <c r="CW22" s="106">
        <v>4118839</v>
      </c>
      <c r="CX22" s="100">
        <v>67292</v>
      </c>
      <c r="CY22" s="104">
        <v>149408</v>
      </c>
      <c r="CZ22" s="103">
        <v>216700</v>
      </c>
      <c r="DA22" s="100">
        <v>0</v>
      </c>
      <c r="DB22" s="104">
        <v>60479</v>
      </c>
      <c r="DC22" s="104">
        <v>512389</v>
      </c>
      <c r="DD22" s="104">
        <v>465018</v>
      </c>
      <c r="DE22" s="104">
        <v>64010</v>
      </c>
      <c r="DF22" s="104">
        <v>146169</v>
      </c>
      <c r="DG22" s="103">
        <v>1248065</v>
      </c>
      <c r="DH22" s="106">
        <v>1464765</v>
      </c>
      <c r="DI22" s="100">
        <v>0</v>
      </c>
      <c r="DJ22" s="104">
        <v>0</v>
      </c>
      <c r="DK22" s="102">
        <v>0</v>
      </c>
      <c r="DL22" s="101">
        <v>0</v>
      </c>
      <c r="DM22" s="104">
        <v>201223</v>
      </c>
      <c r="DN22" s="104">
        <v>432733</v>
      </c>
      <c r="DO22" s="104">
        <v>219531</v>
      </c>
      <c r="DP22" s="104">
        <v>720444</v>
      </c>
      <c r="DQ22" s="104">
        <v>311655</v>
      </c>
      <c r="DR22" s="103">
        <v>1885586</v>
      </c>
      <c r="DS22" s="106">
        <v>1885586</v>
      </c>
      <c r="DT22" s="100">
        <v>0</v>
      </c>
      <c r="DU22" s="104">
        <v>0</v>
      </c>
      <c r="DV22" s="103">
        <v>0</v>
      </c>
      <c r="DW22" s="100">
        <v>0</v>
      </c>
      <c r="DX22" s="104">
        <v>201223</v>
      </c>
      <c r="DY22" s="104">
        <v>405422</v>
      </c>
      <c r="DZ22" s="104">
        <v>143020</v>
      </c>
      <c r="EA22" s="104">
        <v>690005</v>
      </c>
      <c r="EB22" s="104">
        <v>311655</v>
      </c>
      <c r="EC22" s="103">
        <v>1751325</v>
      </c>
      <c r="ED22" s="106">
        <v>1751325</v>
      </c>
      <c r="EE22" s="100">
        <v>0</v>
      </c>
      <c r="EF22" s="102">
        <v>0</v>
      </c>
      <c r="EG22" s="103">
        <v>0</v>
      </c>
      <c r="EH22" s="100">
        <v>0</v>
      </c>
      <c r="EI22" s="104">
        <v>0</v>
      </c>
      <c r="EJ22" s="104">
        <v>27311</v>
      </c>
      <c r="EK22" s="104">
        <v>76511</v>
      </c>
      <c r="EL22" s="104">
        <v>30439</v>
      </c>
      <c r="EM22" s="104">
        <v>0</v>
      </c>
      <c r="EN22" s="102">
        <v>134261</v>
      </c>
      <c r="EO22" s="106">
        <v>134261</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2"/>
      <c r="FE22" s="104">
        <v>0</v>
      </c>
      <c r="FF22" s="104">
        <v>0</v>
      </c>
      <c r="FG22" s="104">
        <v>0</v>
      </c>
      <c r="FH22" s="104">
        <v>0</v>
      </c>
      <c r="FI22" s="104">
        <v>0</v>
      </c>
      <c r="FJ22" s="103">
        <v>0</v>
      </c>
      <c r="FK22" s="106">
        <v>0</v>
      </c>
      <c r="FL22" s="100">
        <v>68784</v>
      </c>
      <c r="FM22" s="104">
        <v>124576</v>
      </c>
      <c r="FN22" s="103">
        <v>193360</v>
      </c>
      <c r="FO22" s="100">
        <v>0</v>
      </c>
      <c r="FP22" s="104">
        <v>129552</v>
      </c>
      <c r="FQ22" s="104">
        <v>802336</v>
      </c>
      <c r="FR22" s="104">
        <v>549992</v>
      </c>
      <c r="FS22" s="104">
        <v>128272</v>
      </c>
      <c r="FT22" s="104">
        <v>223224</v>
      </c>
      <c r="FU22" s="103">
        <v>1833376</v>
      </c>
      <c r="FV22" s="106">
        <v>2026736</v>
      </c>
      <c r="FW22" s="105">
        <v>68784</v>
      </c>
      <c r="FX22" s="104">
        <v>124576</v>
      </c>
      <c r="FY22" s="102">
        <v>193360</v>
      </c>
      <c r="FZ22" s="101">
        <v>0</v>
      </c>
      <c r="GA22" s="104">
        <v>115152</v>
      </c>
      <c r="GB22" s="104">
        <v>802336</v>
      </c>
      <c r="GC22" s="104">
        <v>483592</v>
      </c>
      <c r="GD22" s="104">
        <v>128272</v>
      </c>
      <c r="GE22" s="104">
        <v>223224</v>
      </c>
      <c r="GF22" s="103">
        <v>1752576</v>
      </c>
      <c r="GG22" s="294">
        <v>1945936</v>
      </c>
      <c r="GH22" s="105">
        <v>0</v>
      </c>
      <c r="GI22" s="104">
        <v>0</v>
      </c>
      <c r="GJ22" s="102">
        <v>0</v>
      </c>
      <c r="GK22" s="101">
        <v>0</v>
      </c>
      <c r="GL22" s="104">
        <v>14400</v>
      </c>
      <c r="GM22" s="104">
        <v>0</v>
      </c>
      <c r="GN22" s="104">
        <v>0</v>
      </c>
      <c r="GO22" s="104">
        <v>0</v>
      </c>
      <c r="GP22" s="104">
        <v>0</v>
      </c>
      <c r="GQ22" s="103">
        <v>14400</v>
      </c>
      <c r="GR22" s="106">
        <v>14400</v>
      </c>
      <c r="GS22" s="100">
        <v>0</v>
      </c>
      <c r="GT22" s="104">
        <v>0</v>
      </c>
      <c r="GU22" s="103">
        <v>0</v>
      </c>
      <c r="GV22" s="100">
        <v>0</v>
      </c>
      <c r="GW22" s="104">
        <v>0</v>
      </c>
      <c r="GX22" s="104">
        <v>0</v>
      </c>
      <c r="GY22" s="104">
        <v>66400</v>
      </c>
      <c r="GZ22" s="104">
        <v>0</v>
      </c>
      <c r="HA22" s="104">
        <v>0</v>
      </c>
      <c r="HB22" s="102">
        <v>66400</v>
      </c>
      <c r="HC22" s="106">
        <v>66400</v>
      </c>
      <c r="HD22" s="100">
        <v>217416</v>
      </c>
      <c r="HE22" s="104">
        <v>184425</v>
      </c>
      <c r="HF22" s="102">
        <v>401841</v>
      </c>
      <c r="HG22" s="101">
        <v>0</v>
      </c>
      <c r="HH22" s="104">
        <v>1094295</v>
      </c>
      <c r="HI22" s="104">
        <v>1775114</v>
      </c>
      <c r="HJ22" s="104">
        <v>1503351</v>
      </c>
      <c r="HK22" s="104">
        <v>642955</v>
      </c>
      <c r="HL22" s="104">
        <v>703547</v>
      </c>
      <c r="HM22" s="103">
        <v>5719262</v>
      </c>
      <c r="HN22" s="99">
        <v>6121103</v>
      </c>
      <c r="HO22" s="304"/>
      <c r="HP22" s="305"/>
      <c r="HQ22" s="306"/>
      <c r="HR22" s="307"/>
      <c r="HS22" s="305"/>
      <c r="HT22" s="305"/>
      <c r="HU22" s="305"/>
      <c r="HV22" s="305"/>
      <c r="HW22" s="305"/>
      <c r="HX22" s="308"/>
      <c r="HY22" s="309"/>
      <c r="HZ22" s="137">
        <v>0</v>
      </c>
      <c r="IA22" s="122">
        <v>0</v>
      </c>
      <c r="IB22" s="137">
        <v>0</v>
      </c>
      <c r="IC22" s="121">
        <v>0</v>
      </c>
      <c r="ID22" s="122">
        <v>1704636</v>
      </c>
      <c r="IE22" s="123">
        <v>2189247</v>
      </c>
      <c r="IF22" s="124">
        <v>3244376</v>
      </c>
      <c r="IG22" s="122">
        <v>1489199</v>
      </c>
      <c r="IH22" s="124">
        <v>882487</v>
      </c>
      <c r="II22" s="125">
        <v>9509945</v>
      </c>
      <c r="IJ22" s="137">
        <v>9509945</v>
      </c>
      <c r="IK22" s="219">
        <v>0</v>
      </c>
      <c r="IL22" s="223">
        <v>0</v>
      </c>
      <c r="IM22" s="224">
        <v>0</v>
      </c>
      <c r="IN22" s="127"/>
      <c r="IO22" s="109">
        <v>0</v>
      </c>
      <c r="IP22" s="109">
        <v>0</v>
      </c>
      <c r="IQ22" s="109">
        <v>0</v>
      </c>
      <c r="IR22" s="109">
        <v>0</v>
      </c>
      <c r="IS22" s="109">
        <v>242829</v>
      </c>
      <c r="IT22" s="128">
        <v>242829</v>
      </c>
      <c r="IU22" s="296">
        <v>242829</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894430</v>
      </c>
      <c r="JL22" s="109">
        <v>1214996</v>
      </c>
      <c r="JM22" s="109">
        <v>754319</v>
      </c>
      <c r="JN22" s="109">
        <v>148723</v>
      </c>
      <c r="JO22" s="109">
        <v>275556</v>
      </c>
      <c r="JP22" s="110">
        <v>3288024</v>
      </c>
      <c r="JQ22" s="296">
        <v>3288024</v>
      </c>
      <c r="JR22" s="129">
        <v>0</v>
      </c>
      <c r="JS22" s="109">
        <v>0</v>
      </c>
      <c r="JT22" s="128">
        <v>0</v>
      </c>
      <c r="JU22" s="108">
        <v>0</v>
      </c>
      <c r="JV22" s="109">
        <v>0</v>
      </c>
      <c r="JW22" s="109">
        <v>57248</v>
      </c>
      <c r="JX22" s="109">
        <v>0</v>
      </c>
      <c r="JY22" s="109">
        <v>0</v>
      </c>
      <c r="JZ22" s="109">
        <v>0</v>
      </c>
      <c r="KA22" s="110">
        <v>57248</v>
      </c>
      <c r="KB22" s="296">
        <v>57248</v>
      </c>
      <c r="KC22" s="221">
        <v>0</v>
      </c>
      <c r="KD22" s="217">
        <v>0</v>
      </c>
      <c r="KE22" s="110">
        <v>0</v>
      </c>
      <c r="KF22" s="108">
        <v>0</v>
      </c>
      <c r="KG22" s="109">
        <v>128499</v>
      </c>
      <c r="KH22" s="109">
        <v>180537</v>
      </c>
      <c r="KI22" s="109">
        <v>502468</v>
      </c>
      <c r="KJ22" s="109">
        <v>272896</v>
      </c>
      <c r="KK22" s="109">
        <v>0</v>
      </c>
      <c r="KL22" s="110">
        <v>1084400</v>
      </c>
      <c r="KM22" s="130">
        <v>1084400</v>
      </c>
      <c r="KN22" s="219">
        <v>0</v>
      </c>
      <c r="KO22" s="223">
        <v>0</v>
      </c>
      <c r="KP22" s="224">
        <v>0</v>
      </c>
      <c r="KQ22" s="127"/>
      <c r="KR22" s="109">
        <v>681707</v>
      </c>
      <c r="KS22" s="109">
        <v>736466</v>
      </c>
      <c r="KT22" s="109">
        <v>1217129</v>
      </c>
      <c r="KU22" s="109">
        <v>256096</v>
      </c>
      <c r="KV22" s="109">
        <v>0</v>
      </c>
      <c r="KW22" s="110">
        <v>2891398</v>
      </c>
      <c r="KX22" s="296">
        <v>2891398</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478616</v>
      </c>
      <c r="LQ22" s="109">
        <v>811484</v>
      </c>
      <c r="LR22" s="109">
        <v>0</v>
      </c>
      <c r="LS22" s="110">
        <v>1290100</v>
      </c>
      <c r="LT22" s="296">
        <v>1290100</v>
      </c>
      <c r="LU22" s="129">
        <v>0</v>
      </c>
      <c r="LV22" s="109">
        <v>0</v>
      </c>
      <c r="LW22" s="110">
        <v>0</v>
      </c>
      <c r="LX22" s="132"/>
      <c r="LY22" s="109">
        <v>0</v>
      </c>
      <c r="LZ22" s="109">
        <v>0</v>
      </c>
      <c r="MA22" s="109">
        <v>291844</v>
      </c>
      <c r="MB22" s="109">
        <v>0</v>
      </c>
      <c r="MC22" s="109">
        <v>364102</v>
      </c>
      <c r="MD22" s="110">
        <v>655946</v>
      </c>
      <c r="ME22" s="111">
        <v>655946</v>
      </c>
      <c r="MF22" s="129">
        <v>0</v>
      </c>
      <c r="MG22" s="109">
        <v>0</v>
      </c>
      <c r="MH22" s="110">
        <v>0</v>
      </c>
      <c r="MI22" s="132"/>
      <c r="MJ22" s="109">
        <v>949558</v>
      </c>
      <c r="MK22" s="109">
        <v>999932</v>
      </c>
      <c r="ML22" s="109">
        <v>3536371</v>
      </c>
      <c r="MM22" s="109">
        <v>3850533</v>
      </c>
      <c r="MN22" s="109">
        <v>2265643</v>
      </c>
      <c r="MO22" s="110">
        <v>11602037</v>
      </c>
      <c r="MP22" s="130">
        <v>11602037</v>
      </c>
      <c r="MQ22" s="129">
        <v>0</v>
      </c>
      <c r="MR22" s="109">
        <v>0</v>
      </c>
      <c r="MS22" s="110">
        <v>0</v>
      </c>
      <c r="MT22" s="132"/>
      <c r="MU22" s="109">
        <v>0</v>
      </c>
      <c r="MV22" s="109">
        <v>0</v>
      </c>
      <c r="MW22" s="109">
        <v>2456463</v>
      </c>
      <c r="MX22" s="109">
        <v>3313289</v>
      </c>
      <c r="MY22" s="109">
        <v>296001</v>
      </c>
      <c r="MZ22" s="110">
        <v>6065753</v>
      </c>
      <c r="NA22" s="130">
        <v>6065753</v>
      </c>
      <c r="NB22" s="129">
        <v>0</v>
      </c>
      <c r="NC22" s="109">
        <v>0</v>
      </c>
      <c r="ND22" s="110">
        <v>0</v>
      </c>
      <c r="NE22" s="132"/>
      <c r="NF22" s="109">
        <v>949558</v>
      </c>
      <c r="NG22" s="109">
        <v>999932</v>
      </c>
      <c r="NH22" s="109">
        <v>1079908</v>
      </c>
      <c r="NI22" s="109">
        <v>537244</v>
      </c>
      <c r="NJ22" s="109">
        <v>1969642</v>
      </c>
      <c r="NK22" s="110">
        <v>5536284</v>
      </c>
      <c r="NL22" s="296">
        <v>5536284</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0</v>
      </c>
      <c r="OG22" s="110">
        <v>0</v>
      </c>
      <c r="OH22" s="111">
        <v>0</v>
      </c>
      <c r="OI22" s="129">
        <v>445652</v>
      </c>
      <c r="OJ22" s="109">
        <v>596788</v>
      </c>
      <c r="OK22" s="128">
        <v>1042440</v>
      </c>
      <c r="OL22" s="108">
        <v>0</v>
      </c>
      <c r="OM22" s="109">
        <v>6327054</v>
      </c>
      <c r="ON22" s="109">
        <v>10198045</v>
      </c>
      <c r="OO22" s="109">
        <v>11752461</v>
      </c>
      <c r="OP22" s="109">
        <v>7433455</v>
      </c>
      <c r="OQ22" s="109">
        <v>6165169</v>
      </c>
      <c r="OR22" s="110">
        <v>41876184</v>
      </c>
      <c r="OS22" s="130">
        <v>42918624</v>
      </c>
    </row>
    <row r="23" spans="2:409" ht="21" customHeight="1" x14ac:dyDescent="0.2">
      <c r="B23" s="468" t="s">
        <v>18</v>
      </c>
      <c r="C23" s="100">
        <v>419031</v>
      </c>
      <c r="D23" s="104">
        <v>1045073</v>
      </c>
      <c r="E23" s="103">
        <v>1464104</v>
      </c>
      <c r="F23" s="99">
        <v>0</v>
      </c>
      <c r="G23" s="104">
        <v>7848809</v>
      </c>
      <c r="H23" s="104">
        <v>8176737</v>
      </c>
      <c r="I23" s="104">
        <v>8337672</v>
      </c>
      <c r="J23" s="104">
        <v>6794881</v>
      </c>
      <c r="K23" s="104">
        <v>1853618</v>
      </c>
      <c r="L23" s="99">
        <v>33011717</v>
      </c>
      <c r="M23" s="106">
        <v>34475821</v>
      </c>
      <c r="N23" s="100">
        <v>155945</v>
      </c>
      <c r="O23" s="104">
        <v>384482</v>
      </c>
      <c r="P23" s="103">
        <v>540427</v>
      </c>
      <c r="Q23" s="100">
        <v>0</v>
      </c>
      <c r="R23" s="104">
        <v>2542975</v>
      </c>
      <c r="S23" s="104">
        <v>2107416</v>
      </c>
      <c r="T23" s="104">
        <v>2753312</v>
      </c>
      <c r="U23" s="104">
        <v>2380723</v>
      </c>
      <c r="V23" s="104">
        <v>728488</v>
      </c>
      <c r="W23" s="103">
        <v>10512914</v>
      </c>
      <c r="X23" s="106">
        <v>11053341</v>
      </c>
      <c r="Y23" s="100">
        <v>0</v>
      </c>
      <c r="Z23" s="104">
        <v>0</v>
      </c>
      <c r="AA23" s="103">
        <v>0</v>
      </c>
      <c r="AB23" s="100">
        <v>0</v>
      </c>
      <c r="AC23" s="104">
        <v>1116732</v>
      </c>
      <c r="AD23" s="104">
        <v>863708</v>
      </c>
      <c r="AE23" s="104">
        <v>1669447</v>
      </c>
      <c r="AF23" s="104">
        <v>1573773</v>
      </c>
      <c r="AG23" s="104">
        <v>210916</v>
      </c>
      <c r="AH23" s="103">
        <v>5434576</v>
      </c>
      <c r="AI23" s="106">
        <v>5434576</v>
      </c>
      <c r="AJ23" s="100">
        <v>0</v>
      </c>
      <c r="AK23" s="104">
        <v>0</v>
      </c>
      <c r="AL23" s="103">
        <v>0</v>
      </c>
      <c r="AM23" s="100">
        <v>0</v>
      </c>
      <c r="AN23" s="104">
        <v>58969</v>
      </c>
      <c r="AO23" s="104">
        <v>0</v>
      </c>
      <c r="AP23" s="104">
        <v>25572</v>
      </c>
      <c r="AQ23" s="104">
        <v>0</v>
      </c>
      <c r="AR23" s="104">
        <v>138461</v>
      </c>
      <c r="AS23" s="103">
        <v>223002</v>
      </c>
      <c r="AT23" s="106">
        <v>223002</v>
      </c>
      <c r="AU23" s="100">
        <v>67449</v>
      </c>
      <c r="AV23" s="104">
        <v>264908</v>
      </c>
      <c r="AW23" s="103">
        <v>332357</v>
      </c>
      <c r="AX23" s="100">
        <v>0</v>
      </c>
      <c r="AY23" s="104">
        <v>725463</v>
      </c>
      <c r="AZ23" s="104">
        <v>695084</v>
      </c>
      <c r="BA23" s="104">
        <v>605217</v>
      </c>
      <c r="BB23" s="104">
        <v>311188</v>
      </c>
      <c r="BC23" s="104">
        <v>233719</v>
      </c>
      <c r="BD23" s="103">
        <v>2570671</v>
      </c>
      <c r="BE23" s="106">
        <v>2903028</v>
      </c>
      <c r="BF23" s="100">
        <v>0</v>
      </c>
      <c r="BG23" s="104">
        <v>86518</v>
      </c>
      <c r="BH23" s="102">
        <v>86518</v>
      </c>
      <c r="BI23" s="101">
        <v>0</v>
      </c>
      <c r="BJ23" s="104">
        <v>144043</v>
      </c>
      <c r="BK23" s="104">
        <v>110048</v>
      </c>
      <c r="BL23" s="104">
        <v>60556</v>
      </c>
      <c r="BM23" s="104">
        <v>218442</v>
      </c>
      <c r="BN23" s="104">
        <v>0</v>
      </c>
      <c r="BO23" s="103">
        <v>533089</v>
      </c>
      <c r="BP23" s="106">
        <v>619607</v>
      </c>
      <c r="BQ23" s="100">
        <v>88496</v>
      </c>
      <c r="BR23" s="104">
        <v>33056</v>
      </c>
      <c r="BS23" s="103">
        <v>121552</v>
      </c>
      <c r="BT23" s="100">
        <v>0</v>
      </c>
      <c r="BU23" s="104">
        <v>497768</v>
      </c>
      <c r="BV23" s="104">
        <v>438576</v>
      </c>
      <c r="BW23" s="104">
        <v>392520</v>
      </c>
      <c r="BX23" s="104">
        <v>277320</v>
      </c>
      <c r="BY23" s="104">
        <v>145392</v>
      </c>
      <c r="BZ23" s="103">
        <v>1751576</v>
      </c>
      <c r="CA23" s="106">
        <v>1873128</v>
      </c>
      <c r="CB23" s="100">
        <v>82980</v>
      </c>
      <c r="CC23" s="104">
        <v>310357</v>
      </c>
      <c r="CD23" s="103">
        <v>393337</v>
      </c>
      <c r="CE23" s="100">
        <v>0</v>
      </c>
      <c r="CF23" s="104">
        <v>2513868</v>
      </c>
      <c r="CG23" s="104">
        <v>2943901</v>
      </c>
      <c r="CH23" s="104">
        <v>2506663</v>
      </c>
      <c r="CI23" s="104">
        <v>503211</v>
      </c>
      <c r="CJ23" s="104">
        <v>229820</v>
      </c>
      <c r="CK23" s="103">
        <v>8697463</v>
      </c>
      <c r="CL23" s="106">
        <v>9090800</v>
      </c>
      <c r="CM23" s="100">
        <v>0</v>
      </c>
      <c r="CN23" s="104">
        <v>0</v>
      </c>
      <c r="CO23" s="103">
        <v>0</v>
      </c>
      <c r="CP23" s="101">
        <v>0</v>
      </c>
      <c r="CQ23" s="104">
        <v>2098849</v>
      </c>
      <c r="CR23" s="104">
        <v>2401488</v>
      </c>
      <c r="CS23" s="104">
        <v>1744857</v>
      </c>
      <c r="CT23" s="104">
        <v>347654</v>
      </c>
      <c r="CU23" s="104">
        <v>118640</v>
      </c>
      <c r="CV23" s="103">
        <v>6711488</v>
      </c>
      <c r="CW23" s="106">
        <v>6711488</v>
      </c>
      <c r="CX23" s="100">
        <v>82980</v>
      </c>
      <c r="CY23" s="104">
        <v>310357</v>
      </c>
      <c r="CZ23" s="103">
        <v>393337</v>
      </c>
      <c r="DA23" s="100">
        <v>0</v>
      </c>
      <c r="DB23" s="104">
        <v>415019</v>
      </c>
      <c r="DC23" s="104">
        <v>542413</v>
      </c>
      <c r="DD23" s="104">
        <v>761806</v>
      </c>
      <c r="DE23" s="104">
        <v>155557</v>
      </c>
      <c r="DF23" s="104">
        <v>111180</v>
      </c>
      <c r="DG23" s="103">
        <v>1985975</v>
      </c>
      <c r="DH23" s="106">
        <v>2379312</v>
      </c>
      <c r="DI23" s="100">
        <v>0</v>
      </c>
      <c r="DJ23" s="104">
        <v>17352</v>
      </c>
      <c r="DK23" s="102">
        <v>17352</v>
      </c>
      <c r="DL23" s="101">
        <v>0</v>
      </c>
      <c r="DM23" s="104">
        <v>243701</v>
      </c>
      <c r="DN23" s="104">
        <v>491486</v>
      </c>
      <c r="DO23" s="104">
        <v>817769</v>
      </c>
      <c r="DP23" s="104">
        <v>1659702</v>
      </c>
      <c r="DQ23" s="104">
        <v>216072</v>
      </c>
      <c r="DR23" s="103">
        <v>3428730</v>
      </c>
      <c r="DS23" s="106">
        <v>3446082</v>
      </c>
      <c r="DT23" s="100">
        <v>0</v>
      </c>
      <c r="DU23" s="104">
        <v>17352</v>
      </c>
      <c r="DV23" s="103">
        <v>17352</v>
      </c>
      <c r="DW23" s="100">
        <v>0</v>
      </c>
      <c r="DX23" s="104">
        <v>243701</v>
      </c>
      <c r="DY23" s="104">
        <v>491486</v>
      </c>
      <c r="DZ23" s="104">
        <v>817769</v>
      </c>
      <c r="EA23" s="104">
        <v>1659702</v>
      </c>
      <c r="EB23" s="104">
        <v>216072</v>
      </c>
      <c r="EC23" s="103">
        <v>3428730</v>
      </c>
      <c r="ED23" s="106">
        <v>3446082</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2"/>
      <c r="FE23" s="104">
        <v>0</v>
      </c>
      <c r="FF23" s="104">
        <v>0</v>
      </c>
      <c r="FG23" s="104">
        <v>0</v>
      </c>
      <c r="FH23" s="104">
        <v>0</v>
      </c>
      <c r="FI23" s="104">
        <v>0</v>
      </c>
      <c r="FJ23" s="103">
        <v>0</v>
      </c>
      <c r="FK23" s="106">
        <v>0</v>
      </c>
      <c r="FL23" s="100">
        <v>17888</v>
      </c>
      <c r="FM23" s="104">
        <v>329288</v>
      </c>
      <c r="FN23" s="103">
        <v>347176</v>
      </c>
      <c r="FO23" s="100">
        <v>0</v>
      </c>
      <c r="FP23" s="104">
        <v>737680</v>
      </c>
      <c r="FQ23" s="104">
        <v>590024</v>
      </c>
      <c r="FR23" s="104">
        <v>541640</v>
      </c>
      <c r="FS23" s="104">
        <v>472544</v>
      </c>
      <c r="FT23" s="104">
        <v>222240</v>
      </c>
      <c r="FU23" s="103">
        <v>2564128</v>
      </c>
      <c r="FV23" s="106">
        <v>2911304</v>
      </c>
      <c r="FW23" s="105">
        <v>17888</v>
      </c>
      <c r="FX23" s="104">
        <v>173768</v>
      </c>
      <c r="FY23" s="102">
        <v>191656</v>
      </c>
      <c r="FZ23" s="101">
        <v>0</v>
      </c>
      <c r="GA23" s="104">
        <v>290632</v>
      </c>
      <c r="GB23" s="104">
        <v>590024</v>
      </c>
      <c r="GC23" s="104">
        <v>522200</v>
      </c>
      <c r="GD23" s="104">
        <v>286144</v>
      </c>
      <c r="GE23" s="104">
        <v>222240</v>
      </c>
      <c r="GF23" s="103">
        <v>1911240</v>
      </c>
      <c r="GG23" s="294">
        <v>2102896</v>
      </c>
      <c r="GH23" s="105">
        <v>0</v>
      </c>
      <c r="GI23" s="104">
        <v>0</v>
      </c>
      <c r="GJ23" s="102">
        <v>0</v>
      </c>
      <c r="GK23" s="101">
        <v>0</v>
      </c>
      <c r="GL23" s="104">
        <v>59048</v>
      </c>
      <c r="GM23" s="104">
        <v>0</v>
      </c>
      <c r="GN23" s="104">
        <v>19440</v>
      </c>
      <c r="GO23" s="104">
        <v>26400</v>
      </c>
      <c r="GP23" s="104">
        <v>0</v>
      </c>
      <c r="GQ23" s="103">
        <v>104888</v>
      </c>
      <c r="GR23" s="106">
        <v>104888</v>
      </c>
      <c r="GS23" s="100">
        <v>0</v>
      </c>
      <c r="GT23" s="104">
        <v>155520</v>
      </c>
      <c r="GU23" s="103">
        <v>155520</v>
      </c>
      <c r="GV23" s="100">
        <v>0</v>
      </c>
      <c r="GW23" s="104">
        <v>388000</v>
      </c>
      <c r="GX23" s="104">
        <v>0</v>
      </c>
      <c r="GY23" s="104">
        <v>0</v>
      </c>
      <c r="GZ23" s="104">
        <v>160000</v>
      </c>
      <c r="HA23" s="104">
        <v>0</v>
      </c>
      <c r="HB23" s="102">
        <v>548000</v>
      </c>
      <c r="HC23" s="106">
        <v>703520</v>
      </c>
      <c r="HD23" s="100">
        <v>162218</v>
      </c>
      <c r="HE23" s="104">
        <v>3594</v>
      </c>
      <c r="HF23" s="102">
        <v>165812</v>
      </c>
      <c r="HG23" s="101">
        <v>0</v>
      </c>
      <c r="HH23" s="104">
        <v>1810585</v>
      </c>
      <c r="HI23" s="104">
        <v>2043910</v>
      </c>
      <c r="HJ23" s="104">
        <v>1718288</v>
      </c>
      <c r="HK23" s="104">
        <v>1778701</v>
      </c>
      <c r="HL23" s="104">
        <v>456998</v>
      </c>
      <c r="HM23" s="103">
        <v>7808482</v>
      </c>
      <c r="HN23" s="99">
        <v>7974294</v>
      </c>
      <c r="HO23" s="304"/>
      <c r="HP23" s="305"/>
      <c r="HQ23" s="306"/>
      <c r="HR23" s="307"/>
      <c r="HS23" s="305"/>
      <c r="HT23" s="305"/>
      <c r="HU23" s="305"/>
      <c r="HV23" s="305"/>
      <c r="HW23" s="305"/>
      <c r="HX23" s="308"/>
      <c r="HY23" s="309"/>
      <c r="HZ23" s="118">
        <v>46082</v>
      </c>
      <c r="IA23" s="119">
        <v>0</v>
      </c>
      <c r="IB23" s="120">
        <v>46082</v>
      </c>
      <c r="IC23" s="133">
        <v>0</v>
      </c>
      <c r="ID23" s="119">
        <v>1938062</v>
      </c>
      <c r="IE23" s="134">
        <v>2354033</v>
      </c>
      <c r="IF23" s="120">
        <v>4505430</v>
      </c>
      <c r="IG23" s="119">
        <v>2112795</v>
      </c>
      <c r="IH23" s="120">
        <v>785845</v>
      </c>
      <c r="II23" s="135">
        <v>11696165</v>
      </c>
      <c r="IJ23" s="126">
        <v>11742247</v>
      </c>
      <c r="IK23" s="219">
        <v>0</v>
      </c>
      <c r="IL23" s="223">
        <v>0</v>
      </c>
      <c r="IM23" s="224">
        <v>0</v>
      </c>
      <c r="IN23" s="127"/>
      <c r="IO23" s="109">
        <v>0</v>
      </c>
      <c r="IP23" s="109">
        <v>0</v>
      </c>
      <c r="IQ23" s="109">
        <v>0</v>
      </c>
      <c r="IR23" s="109">
        <v>0</v>
      </c>
      <c r="IS23" s="109">
        <v>265687</v>
      </c>
      <c r="IT23" s="128">
        <v>265687</v>
      </c>
      <c r="IU23" s="296">
        <v>265687</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948581</v>
      </c>
      <c r="JL23" s="109">
        <v>752346</v>
      </c>
      <c r="JM23" s="109">
        <v>458298</v>
      </c>
      <c r="JN23" s="109">
        <v>0</v>
      </c>
      <c r="JO23" s="109">
        <v>0</v>
      </c>
      <c r="JP23" s="110">
        <v>2159225</v>
      </c>
      <c r="JQ23" s="296">
        <v>2159225</v>
      </c>
      <c r="JR23" s="129">
        <v>0</v>
      </c>
      <c r="JS23" s="109">
        <v>0</v>
      </c>
      <c r="JT23" s="128">
        <v>0</v>
      </c>
      <c r="JU23" s="108">
        <v>0</v>
      </c>
      <c r="JV23" s="109">
        <v>0</v>
      </c>
      <c r="JW23" s="109">
        <v>187737</v>
      </c>
      <c r="JX23" s="109">
        <v>550319</v>
      </c>
      <c r="JY23" s="109">
        <v>285172</v>
      </c>
      <c r="JZ23" s="109">
        <v>0</v>
      </c>
      <c r="KA23" s="110">
        <v>1023228</v>
      </c>
      <c r="KB23" s="296">
        <v>1023228</v>
      </c>
      <c r="KC23" s="221">
        <v>46082</v>
      </c>
      <c r="KD23" s="217">
        <v>0</v>
      </c>
      <c r="KE23" s="110">
        <v>46082</v>
      </c>
      <c r="KF23" s="108">
        <v>0</v>
      </c>
      <c r="KG23" s="109">
        <v>526163</v>
      </c>
      <c r="KH23" s="109">
        <v>469482</v>
      </c>
      <c r="KI23" s="109">
        <v>1419577</v>
      </c>
      <c r="KJ23" s="109">
        <v>787441</v>
      </c>
      <c r="KK23" s="109">
        <v>0</v>
      </c>
      <c r="KL23" s="110">
        <v>3202663</v>
      </c>
      <c r="KM23" s="130">
        <v>3248745</v>
      </c>
      <c r="KN23" s="219">
        <v>0</v>
      </c>
      <c r="KO23" s="223">
        <v>0</v>
      </c>
      <c r="KP23" s="224">
        <v>0</v>
      </c>
      <c r="KQ23" s="127"/>
      <c r="KR23" s="109">
        <v>463318</v>
      </c>
      <c r="KS23" s="109">
        <v>944468</v>
      </c>
      <c r="KT23" s="109">
        <v>1251888</v>
      </c>
      <c r="KU23" s="109">
        <v>763684</v>
      </c>
      <c r="KV23" s="109">
        <v>520158</v>
      </c>
      <c r="KW23" s="110">
        <v>3943516</v>
      </c>
      <c r="KX23" s="296">
        <v>3943516</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256451</v>
      </c>
      <c r="LQ23" s="109">
        <v>276498</v>
      </c>
      <c r="LR23" s="109">
        <v>0</v>
      </c>
      <c r="LS23" s="110">
        <v>532949</v>
      </c>
      <c r="LT23" s="296">
        <v>532949</v>
      </c>
      <c r="LU23" s="129">
        <v>0</v>
      </c>
      <c r="LV23" s="109">
        <v>0</v>
      </c>
      <c r="LW23" s="110">
        <v>0</v>
      </c>
      <c r="LX23" s="132"/>
      <c r="LY23" s="109">
        <v>0</v>
      </c>
      <c r="LZ23" s="109">
        <v>0</v>
      </c>
      <c r="MA23" s="109">
        <v>568897</v>
      </c>
      <c r="MB23" s="109">
        <v>0</v>
      </c>
      <c r="MC23" s="109">
        <v>0</v>
      </c>
      <c r="MD23" s="110">
        <v>568897</v>
      </c>
      <c r="ME23" s="111">
        <v>568897</v>
      </c>
      <c r="MF23" s="129">
        <v>0</v>
      </c>
      <c r="MG23" s="109">
        <v>0</v>
      </c>
      <c r="MH23" s="110">
        <v>0</v>
      </c>
      <c r="MI23" s="132"/>
      <c r="MJ23" s="109">
        <v>227450</v>
      </c>
      <c r="MK23" s="109">
        <v>1519868</v>
      </c>
      <c r="ML23" s="109">
        <v>2140312</v>
      </c>
      <c r="MM23" s="109">
        <v>5226755</v>
      </c>
      <c r="MN23" s="109">
        <v>2868879</v>
      </c>
      <c r="MO23" s="110">
        <v>11983264</v>
      </c>
      <c r="MP23" s="130">
        <v>11983264</v>
      </c>
      <c r="MQ23" s="129">
        <v>0</v>
      </c>
      <c r="MR23" s="109">
        <v>0</v>
      </c>
      <c r="MS23" s="110">
        <v>0</v>
      </c>
      <c r="MT23" s="132"/>
      <c r="MU23" s="109">
        <v>0</v>
      </c>
      <c r="MV23" s="109">
        <v>0</v>
      </c>
      <c r="MW23" s="109">
        <v>981096</v>
      </c>
      <c r="MX23" s="109">
        <v>4668586</v>
      </c>
      <c r="MY23" s="109">
        <v>1546610</v>
      </c>
      <c r="MZ23" s="110">
        <v>7196292</v>
      </c>
      <c r="NA23" s="130">
        <v>7196292</v>
      </c>
      <c r="NB23" s="129">
        <v>0</v>
      </c>
      <c r="NC23" s="109">
        <v>0</v>
      </c>
      <c r="ND23" s="110">
        <v>0</v>
      </c>
      <c r="NE23" s="132"/>
      <c r="NF23" s="109">
        <v>227450</v>
      </c>
      <c r="NG23" s="109">
        <v>1519868</v>
      </c>
      <c r="NH23" s="109">
        <v>1159216</v>
      </c>
      <c r="NI23" s="109">
        <v>397690</v>
      </c>
      <c r="NJ23" s="109">
        <v>908484</v>
      </c>
      <c r="NK23" s="110">
        <v>4212708</v>
      </c>
      <c r="NL23" s="296">
        <v>4212708</v>
      </c>
      <c r="NM23" s="129">
        <v>0</v>
      </c>
      <c r="NN23" s="109">
        <v>0</v>
      </c>
      <c r="NO23" s="110">
        <v>0</v>
      </c>
      <c r="NP23" s="132"/>
      <c r="NQ23" s="109">
        <v>0</v>
      </c>
      <c r="NR23" s="109">
        <v>0</v>
      </c>
      <c r="NS23" s="109">
        <v>0</v>
      </c>
      <c r="NT23" s="109">
        <v>0</v>
      </c>
      <c r="NU23" s="109">
        <v>0</v>
      </c>
      <c r="NV23" s="110">
        <v>0</v>
      </c>
      <c r="NW23" s="111">
        <v>0</v>
      </c>
      <c r="NX23" s="129">
        <v>0</v>
      </c>
      <c r="NY23" s="109">
        <v>0</v>
      </c>
      <c r="NZ23" s="110">
        <v>0</v>
      </c>
      <c r="OA23" s="132"/>
      <c r="OB23" s="109">
        <v>0</v>
      </c>
      <c r="OC23" s="109">
        <v>0</v>
      </c>
      <c r="OD23" s="109">
        <v>0</v>
      </c>
      <c r="OE23" s="109">
        <v>160479</v>
      </c>
      <c r="OF23" s="109">
        <v>413785</v>
      </c>
      <c r="OG23" s="110">
        <v>574264</v>
      </c>
      <c r="OH23" s="111">
        <v>574264</v>
      </c>
      <c r="OI23" s="129">
        <v>465113</v>
      </c>
      <c r="OJ23" s="109">
        <v>1045073</v>
      </c>
      <c r="OK23" s="128">
        <v>1510186</v>
      </c>
      <c r="OL23" s="108">
        <v>0</v>
      </c>
      <c r="OM23" s="109">
        <v>10014321</v>
      </c>
      <c r="ON23" s="109">
        <v>12050638</v>
      </c>
      <c r="OO23" s="109">
        <v>14983414</v>
      </c>
      <c r="OP23" s="109">
        <v>14134431</v>
      </c>
      <c r="OQ23" s="109">
        <v>5508342</v>
      </c>
      <c r="OR23" s="110">
        <v>56691146</v>
      </c>
      <c r="OS23" s="130">
        <v>58201332</v>
      </c>
    </row>
    <row r="24" spans="2:409" ht="21" customHeight="1" x14ac:dyDescent="0.2">
      <c r="B24" s="468" t="s">
        <v>19</v>
      </c>
      <c r="C24" s="100">
        <v>404449</v>
      </c>
      <c r="D24" s="104">
        <v>384013</v>
      </c>
      <c r="E24" s="103">
        <v>788462</v>
      </c>
      <c r="F24" s="99">
        <v>0</v>
      </c>
      <c r="G24" s="104">
        <v>3558994</v>
      </c>
      <c r="H24" s="104">
        <v>3950972</v>
      </c>
      <c r="I24" s="104">
        <v>2301417</v>
      </c>
      <c r="J24" s="104">
        <v>1741957</v>
      </c>
      <c r="K24" s="104">
        <v>2090427</v>
      </c>
      <c r="L24" s="99">
        <v>13643767</v>
      </c>
      <c r="M24" s="106">
        <v>14432229</v>
      </c>
      <c r="N24" s="100">
        <v>101131</v>
      </c>
      <c r="O24" s="104">
        <v>112295</v>
      </c>
      <c r="P24" s="103">
        <v>213426</v>
      </c>
      <c r="Q24" s="100">
        <v>0</v>
      </c>
      <c r="R24" s="104">
        <v>940751</v>
      </c>
      <c r="S24" s="104">
        <v>965102</v>
      </c>
      <c r="T24" s="104">
        <v>897004</v>
      </c>
      <c r="U24" s="104">
        <v>698296</v>
      </c>
      <c r="V24" s="104">
        <v>855342</v>
      </c>
      <c r="W24" s="103">
        <v>4356495</v>
      </c>
      <c r="X24" s="106">
        <v>4569921</v>
      </c>
      <c r="Y24" s="100">
        <v>0</v>
      </c>
      <c r="Z24" s="104">
        <v>0</v>
      </c>
      <c r="AA24" s="103">
        <v>0</v>
      </c>
      <c r="AB24" s="100">
        <v>0</v>
      </c>
      <c r="AC24" s="104">
        <v>254069</v>
      </c>
      <c r="AD24" s="104">
        <v>245307</v>
      </c>
      <c r="AE24" s="104">
        <v>446436</v>
      </c>
      <c r="AF24" s="104">
        <v>254648</v>
      </c>
      <c r="AG24" s="104">
        <v>287510</v>
      </c>
      <c r="AH24" s="103">
        <v>1487970</v>
      </c>
      <c r="AI24" s="106">
        <v>1487970</v>
      </c>
      <c r="AJ24" s="100">
        <v>0</v>
      </c>
      <c r="AK24" s="104">
        <v>0</v>
      </c>
      <c r="AL24" s="103">
        <v>0</v>
      </c>
      <c r="AM24" s="100">
        <v>0</v>
      </c>
      <c r="AN24" s="104">
        <v>0</v>
      </c>
      <c r="AO24" s="104">
        <v>60835</v>
      </c>
      <c r="AP24" s="104">
        <v>44850</v>
      </c>
      <c r="AQ24" s="104">
        <v>104592</v>
      </c>
      <c r="AR24" s="104">
        <v>97335</v>
      </c>
      <c r="AS24" s="103">
        <v>307612</v>
      </c>
      <c r="AT24" s="106">
        <v>307612</v>
      </c>
      <c r="AU24" s="100">
        <v>36275</v>
      </c>
      <c r="AV24" s="104">
        <v>58215</v>
      </c>
      <c r="AW24" s="103">
        <v>94490</v>
      </c>
      <c r="AX24" s="100">
        <v>0</v>
      </c>
      <c r="AY24" s="104">
        <v>403116</v>
      </c>
      <c r="AZ24" s="104">
        <v>274786</v>
      </c>
      <c r="BA24" s="104">
        <v>281678</v>
      </c>
      <c r="BB24" s="104">
        <v>263928</v>
      </c>
      <c r="BC24" s="104">
        <v>315561</v>
      </c>
      <c r="BD24" s="103">
        <v>1539069</v>
      </c>
      <c r="BE24" s="106">
        <v>1633559</v>
      </c>
      <c r="BF24" s="100">
        <v>0</v>
      </c>
      <c r="BG24" s="104">
        <v>0</v>
      </c>
      <c r="BH24" s="102">
        <v>0</v>
      </c>
      <c r="BI24" s="101">
        <v>0</v>
      </c>
      <c r="BJ24" s="104">
        <v>25294</v>
      </c>
      <c r="BK24" s="104">
        <v>25294</v>
      </c>
      <c r="BL24" s="104">
        <v>0</v>
      </c>
      <c r="BM24" s="104">
        <v>0</v>
      </c>
      <c r="BN24" s="104">
        <v>0</v>
      </c>
      <c r="BO24" s="103">
        <v>50588</v>
      </c>
      <c r="BP24" s="106">
        <v>50588</v>
      </c>
      <c r="BQ24" s="100">
        <v>64856</v>
      </c>
      <c r="BR24" s="104">
        <v>54080</v>
      </c>
      <c r="BS24" s="103">
        <v>118936</v>
      </c>
      <c r="BT24" s="100">
        <v>0</v>
      </c>
      <c r="BU24" s="104">
        <v>258272</v>
      </c>
      <c r="BV24" s="104">
        <v>358880</v>
      </c>
      <c r="BW24" s="104">
        <v>124040</v>
      </c>
      <c r="BX24" s="104">
        <v>75128</v>
      </c>
      <c r="BY24" s="104">
        <v>154936</v>
      </c>
      <c r="BZ24" s="103">
        <v>971256</v>
      </c>
      <c r="CA24" s="106">
        <v>1090192</v>
      </c>
      <c r="CB24" s="100">
        <v>42823</v>
      </c>
      <c r="CC24" s="104">
        <v>117242</v>
      </c>
      <c r="CD24" s="103">
        <v>160065</v>
      </c>
      <c r="CE24" s="100">
        <v>0</v>
      </c>
      <c r="CF24" s="104">
        <v>1555787</v>
      </c>
      <c r="CG24" s="104">
        <v>1236378</v>
      </c>
      <c r="CH24" s="104">
        <v>639522</v>
      </c>
      <c r="CI24" s="104">
        <v>220055</v>
      </c>
      <c r="CJ24" s="104">
        <v>42685</v>
      </c>
      <c r="CK24" s="103">
        <v>3694427</v>
      </c>
      <c r="CL24" s="106">
        <v>3854492</v>
      </c>
      <c r="CM24" s="100">
        <v>0</v>
      </c>
      <c r="CN24" s="104">
        <v>0</v>
      </c>
      <c r="CO24" s="103">
        <v>0</v>
      </c>
      <c r="CP24" s="101">
        <v>0</v>
      </c>
      <c r="CQ24" s="104">
        <v>1099043</v>
      </c>
      <c r="CR24" s="104">
        <v>871462</v>
      </c>
      <c r="CS24" s="104">
        <v>438439</v>
      </c>
      <c r="CT24" s="104">
        <v>125014</v>
      </c>
      <c r="CU24" s="104">
        <v>42685</v>
      </c>
      <c r="CV24" s="103">
        <v>2576643</v>
      </c>
      <c r="CW24" s="106">
        <v>2576643</v>
      </c>
      <c r="CX24" s="100">
        <v>42823</v>
      </c>
      <c r="CY24" s="104">
        <v>117242</v>
      </c>
      <c r="CZ24" s="103">
        <v>160065</v>
      </c>
      <c r="DA24" s="100">
        <v>0</v>
      </c>
      <c r="DB24" s="104">
        <v>456744</v>
      </c>
      <c r="DC24" s="104">
        <v>364916</v>
      </c>
      <c r="DD24" s="104">
        <v>201083</v>
      </c>
      <c r="DE24" s="104">
        <v>95041</v>
      </c>
      <c r="DF24" s="104">
        <v>0</v>
      </c>
      <c r="DG24" s="103">
        <v>1117784</v>
      </c>
      <c r="DH24" s="106">
        <v>1277849</v>
      </c>
      <c r="DI24" s="100">
        <v>0</v>
      </c>
      <c r="DJ24" s="104">
        <v>0</v>
      </c>
      <c r="DK24" s="102">
        <v>0</v>
      </c>
      <c r="DL24" s="101">
        <v>0</v>
      </c>
      <c r="DM24" s="104">
        <v>49685</v>
      </c>
      <c r="DN24" s="104">
        <v>33256</v>
      </c>
      <c r="DO24" s="104">
        <v>97146</v>
      </c>
      <c r="DP24" s="104">
        <v>223241</v>
      </c>
      <c r="DQ24" s="104">
        <v>264222</v>
      </c>
      <c r="DR24" s="103">
        <v>667550</v>
      </c>
      <c r="DS24" s="106">
        <v>667550</v>
      </c>
      <c r="DT24" s="100">
        <v>0</v>
      </c>
      <c r="DU24" s="104">
        <v>0</v>
      </c>
      <c r="DV24" s="103">
        <v>0</v>
      </c>
      <c r="DW24" s="100">
        <v>0</v>
      </c>
      <c r="DX24" s="104">
        <v>49685</v>
      </c>
      <c r="DY24" s="104">
        <v>0</v>
      </c>
      <c r="DZ24" s="104">
        <v>97146</v>
      </c>
      <c r="EA24" s="104">
        <v>67136</v>
      </c>
      <c r="EB24" s="104">
        <v>264222</v>
      </c>
      <c r="EC24" s="103">
        <v>478189</v>
      </c>
      <c r="ED24" s="106">
        <v>478189</v>
      </c>
      <c r="EE24" s="100">
        <v>0</v>
      </c>
      <c r="EF24" s="102">
        <v>0</v>
      </c>
      <c r="EG24" s="103">
        <v>0</v>
      </c>
      <c r="EH24" s="100">
        <v>0</v>
      </c>
      <c r="EI24" s="104">
        <v>0</v>
      </c>
      <c r="EJ24" s="104">
        <v>33256</v>
      </c>
      <c r="EK24" s="104">
        <v>0</v>
      </c>
      <c r="EL24" s="104">
        <v>156105</v>
      </c>
      <c r="EM24" s="104">
        <v>0</v>
      </c>
      <c r="EN24" s="102">
        <v>189361</v>
      </c>
      <c r="EO24" s="106">
        <v>189361</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2"/>
      <c r="FE24" s="104">
        <v>0</v>
      </c>
      <c r="FF24" s="104">
        <v>0</v>
      </c>
      <c r="FG24" s="104">
        <v>0</v>
      </c>
      <c r="FH24" s="104">
        <v>0</v>
      </c>
      <c r="FI24" s="104">
        <v>0</v>
      </c>
      <c r="FJ24" s="103">
        <v>0</v>
      </c>
      <c r="FK24" s="106">
        <v>0</v>
      </c>
      <c r="FL24" s="100">
        <v>20240</v>
      </c>
      <c r="FM24" s="104">
        <v>65568</v>
      </c>
      <c r="FN24" s="103">
        <v>85808</v>
      </c>
      <c r="FO24" s="100">
        <v>0</v>
      </c>
      <c r="FP24" s="104">
        <v>403384</v>
      </c>
      <c r="FQ24" s="104">
        <v>301256</v>
      </c>
      <c r="FR24" s="104">
        <v>239309</v>
      </c>
      <c r="FS24" s="104">
        <v>223712</v>
      </c>
      <c r="FT24" s="104">
        <v>303464</v>
      </c>
      <c r="FU24" s="103">
        <v>1471125</v>
      </c>
      <c r="FV24" s="106">
        <v>1556933</v>
      </c>
      <c r="FW24" s="105">
        <v>20240</v>
      </c>
      <c r="FX24" s="104">
        <v>65568</v>
      </c>
      <c r="FY24" s="102">
        <v>85808</v>
      </c>
      <c r="FZ24" s="101">
        <v>0</v>
      </c>
      <c r="GA24" s="104">
        <v>271384</v>
      </c>
      <c r="GB24" s="104">
        <v>301256</v>
      </c>
      <c r="GC24" s="104">
        <v>198376</v>
      </c>
      <c r="GD24" s="104">
        <v>184392</v>
      </c>
      <c r="GE24" s="104">
        <v>303464</v>
      </c>
      <c r="GF24" s="103">
        <v>1258872</v>
      </c>
      <c r="GG24" s="294">
        <v>1344680</v>
      </c>
      <c r="GH24" s="105">
        <v>0</v>
      </c>
      <c r="GI24" s="104">
        <v>0</v>
      </c>
      <c r="GJ24" s="102">
        <v>0</v>
      </c>
      <c r="GK24" s="101">
        <v>0</v>
      </c>
      <c r="GL24" s="104">
        <v>0</v>
      </c>
      <c r="GM24" s="104">
        <v>0</v>
      </c>
      <c r="GN24" s="104">
        <v>0</v>
      </c>
      <c r="GO24" s="104">
        <v>0</v>
      </c>
      <c r="GP24" s="104">
        <v>0</v>
      </c>
      <c r="GQ24" s="103">
        <v>0</v>
      </c>
      <c r="GR24" s="106">
        <v>0</v>
      </c>
      <c r="GS24" s="100">
        <v>0</v>
      </c>
      <c r="GT24" s="104">
        <v>0</v>
      </c>
      <c r="GU24" s="103">
        <v>0</v>
      </c>
      <c r="GV24" s="100">
        <v>0</v>
      </c>
      <c r="GW24" s="104">
        <v>132000</v>
      </c>
      <c r="GX24" s="104">
        <v>0</v>
      </c>
      <c r="GY24" s="104">
        <v>40933</v>
      </c>
      <c r="GZ24" s="104">
        <v>39320</v>
      </c>
      <c r="HA24" s="104">
        <v>0</v>
      </c>
      <c r="HB24" s="102">
        <v>212253</v>
      </c>
      <c r="HC24" s="106">
        <v>212253</v>
      </c>
      <c r="HD24" s="100">
        <v>240255</v>
      </c>
      <c r="HE24" s="104">
        <v>88908</v>
      </c>
      <c r="HF24" s="102">
        <v>329163</v>
      </c>
      <c r="HG24" s="101">
        <v>0</v>
      </c>
      <c r="HH24" s="104">
        <v>609387</v>
      </c>
      <c r="HI24" s="104">
        <v>1414980</v>
      </c>
      <c r="HJ24" s="104">
        <v>428436</v>
      </c>
      <c r="HK24" s="104">
        <v>376653</v>
      </c>
      <c r="HL24" s="104">
        <v>624714</v>
      </c>
      <c r="HM24" s="103">
        <v>3454170</v>
      </c>
      <c r="HN24" s="99">
        <v>3783333</v>
      </c>
      <c r="HO24" s="304"/>
      <c r="HP24" s="305"/>
      <c r="HQ24" s="306"/>
      <c r="HR24" s="307"/>
      <c r="HS24" s="305"/>
      <c r="HT24" s="305"/>
      <c r="HU24" s="305"/>
      <c r="HV24" s="305"/>
      <c r="HW24" s="305"/>
      <c r="HX24" s="308"/>
      <c r="HY24" s="309"/>
      <c r="HZ24" s="137">
        <v>0</v>
      </c>
      <c r="IA24" s="122">
        <v>0</v>
      </c>
      <c r="IB24" s="137">
        <v>0</v>
      </c>
      <c r="IC24" s="121">
        <v>0</v>
      </c>
      <c r="ID24" s="122">
        <v>1325094</v>
      </c>
      <c r="IE24" s="123">
        <v>1307675</v>
      </c>
      <c r="IF24" s="124">
        <v>1147792</v>
      </c>
      <c r="IG24" s="122">
        <v>118658</v>
      </c>
      <c r="IH24" s="124">
        <v>2215783</v>
      </c>
      <c r="II24" s="125">
        <v>6115002</v>
      </c>
      <c r="IJ24" s="137">
        <v>6115002</v>
      </c>
      <c r="IK24" s="219">
        <v>0</v>
      </c>
      <c r="IL24" s="223">
        <v>0</v>
      </c>
      <c r="IM24" s="224">
        <v>0</v>
      </c>
      <c r="IN24" s="127"/>
      <c r="IO24" s="109">
        <v>104388</v>
      </c>
      <c r="IP24" s="109">
        <v>0</v>
      </c>
      <c r="IQ24" s="109">
        <v>0</v>
      </c>
      <c r="IR24" s="109">
        <v>118658</v>
      </c>
      <c r="IS24" s="109">
        <v>406504</v>
      </c>
      <c r="IT24" s="128">
        <v>629550</v>
      </c>
      <c r="IU24" s="296">
        <v>629550</v>
      </c>
      <c r="IV24" s="129">
        <v>0</v>
      </c>
      <c r="IW24" s="109">
        <v>0</v>
      </c>
      <c r="IX24" s="110">
        <v>0</v>
      </c>
      <c r="IY24" s="131"/>
      <c r="IZ24" s="109">
        <v>0</v>
      </c>
      <c r="JA24" s="109">
        <v>0</v>
      </c>
      <c r="JB24" s="109">
        <v>0</v>
      </c>
      <c r="JC24" s="109">
        <v>0</v>
      </c>
      <c r="JD24" s="109">
        <v>0</v>
      </c>
      <c r="JE24" s="110">
        <v>0</v>
      </c>
      <c r="JF24" s="111">
        <v>0</v>
      </c>
      <c r="JG24" s="129">
        <v>0</v>
      </c>
      <c r="JH24" s="109">
        <v>0</v>
      </c>
      <c r="JI24" s="128">
        <v>0</v>
      </c>
      <c r="JJ24" s="108">
        <v>0</v>
      </c>
      <c r="JK24" s="109">
        <v>350060</v>
      </c>
      <c r="JL24" s="109">
        <v>355095</v>
      </c>
      <c r="JM24" s="109">
        <v>162412</v>
      </c>
      <c r="JN24" s="109">
        <v>0</v>
      </c>
      <c r="JO24" s="109">
        <v>0</v>
      </c>
      <c r="JP24" s="110">
        <v>867567</v>
      </c>
      <c r="JQ24" s="296">
        <v>867567</v>
      </c>
      <c r="JR24" s="129">
        <v>0</v>
      </c>
      <c r="JS24" s="109">
        <v>0</v>
      </c>
      <c r="JT24" s="128">
        <v>0</v>
      </c>
      <c r="JU24" s="108">
        <v>0</v>
      </c>
      <c r="JV24" s="109">
        <v>100214</v>
      </c>
      <c r="JW24" s="109">
        <v>120184</v>
      </c>
      <c r="JX24" s="109">
        <v>284164</v>
      </c>
      <c r="JY24" s="109">
        <v>0</v>
      </c>
      <c r="JZ24" s="109">
        <v>0</v>
      </c>
      <c r="KA24" s="110">
        <v>504562</v>
      </c>
      <c r="KB24" s="296">
        <v>504562</v>
      </c>
      <c r="KC24" s="221">
        <v>0</v>
      </c>
      <c r="KD24" s="217">
        <v>0</v>
      </c>
      <c r="KE24" s="110">
        <v>0</v>
      </c>
      <c r="KF24" s="108">
        <v>0</v>
      </c>
      <c r="KG24" s="109">
        <v>370176</v>
      </c>
      <c r="KH24" s="109">
        <v>352250</v>
      </c>
      <c r="KI24" s="109">
        <v>449732</v>
      </c>
      <c r="KJ24" s="109">
        <v>0</v>
      </c>
      <c r="KK24" s="109">
        <v>0</v>
      </c>
      <c r="KL24" s="110">
        <v>1172158</v>
      </c>
      <c r="KM24" s="130">
        <v>1172158</v>
      </c>
      <c r="KN24" s="219">
        <v>0</v>
      </c>
      <c r="KO24" s="223">
        <v>0</v>
      </c>
      <c r="KP24" s="224">
        <v>0</v>
      </c>
      <c r="KQ24" s="127"/>
      <c r="KR24" s="109">
        <v>224967</v>
      </c>
      <c r="KS24" s="109">
        <v>480146</v>
      </c>
      <c r="KT24" s="109">
        <v>251484</v>
      </c>
      <c r="KU24" s="109">
        <v>0</v>
      </c>
      <c r="KV24" s="109">
        <v>0</v>
      </c>
      <c r="KW24" s="110">
        <v>956597</v>
      </c>
      <c r="KX24" s="296">
        <v>956597</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6">
        <v>0</v>
      </c>
      <c r="LU24" s="129">
        <v>0</v>
      </c>
      <c r="LV24" s="109">
        <v>0</v>
      </c>
      <c r="LW24" s="110">
        <v>0</v>
      </c>
      <c r="LX24" s="132"/>
      <c r="LY24" s="109">
        <v>175289</v>
      </c>
      <c r="LZ24" s="109">
        <v>0</v>
      </c>
      <c r="MA24" s="109">
        <v>0</v>
      </c>
      <c r="MB24" s="109">
        <v>0</v>
      </c>
      <c r="MC24" s="109">
        <v>1809279</v>
      </c>
      <c r="MD24" s="110">
        <v>1984568</v>
      </c>
      <c r="ME24" s="111">
        <v>1984568</v>
      </c>
      <c r="MF24" s="129">
        <v>0</v>
      </c>
      <c r="MG24" s="109">
        <v>0</v>
      </c>
      <c r="MH24" s="110">
        <v>0</v>
      </c>
      <c r="MI24" s="132"/>
      <c r="MJ24" s="109">
        <v>236479</v>
      </c>
      <c r="MK24" s="109">
        <v>0</v>
      </c>
      <c r="ML24" s="109">
        <v>1896552</v>
      </c>
      <c r="MM24" s="109">
        <v>2459381</v>
      </c>
      <c r="MN24" s="109">
        <v>1382491</v>
      </c>
      <c r="MO24" s="110">
        <v>5974903</v>
      </c>
      <c r="MP24" s="130">
        <v>5974903</v>
      </c>
      <c r="MQ24" s="129">
        <v>0</v>
      </c>
      <c r="MR24" s="109">
        <v>0</v>
      </c>
      <c r="MS24" s="110">
        <v>0</v>
      </c>
      <c r="MT24" s="132"/>
      <c r="MU24" s="109">
        <v>0</v>
      </c>
      <c r="MV24" s="109">
        <v>0</v>
      </c>
      <c r="MW24" s="109">
        <v>1625973</v>
      </c>
      <c r="MX24" s="109">
        <v>1297342</v>
      </c>
      <c r="MY24" s="109">
        <v>1382491</v>
      </c>
      <c r="MZ24" s="110">
        <v>4305806</v>
      </c>
      <c r="NA24" s="130">
        <v>4305806</v>
      </c>
      <c r="NB24" s="129">
        <v>0</v>
      </c>
      <c r="NC24" s="109">
        <v>0</v>
      </c>
      <c r="ND24" s="110">
        <v>0</v>
      </c>
      <c r="NE24" s="132"/>
      <c r="NF24" s="109">
        <v>236479</v>
      </c>
      <c r="NG24" s="109">
        <v>0</v>
      </c>
      <c r="NH24" s="109">
        <v>270579</v>
      </c>
      <c r="NI24" s="109">
        <v>1162039</v>
      </c>
      <c r="NJ24" s="109">
        <v>0</v>
      </c>
      <c r="NK24" s="110">
        <v>1669097</v>
      </c>
      <c r="NL24" s="296">
        <v>166909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404449</v>
      </c>
      <c r="OJ24" s="109">
        <v>384013</v>
      </c>
      <c r="OK24" s="128">
        <v>788462</v>
      </c>
      <c r="OL24" s="108">
        <v>0</v>
      </c>
      <c r="OM24" s="109">
        <v>5120567</v>
      </c>
      <c r="ON24" s="109">
        <v>5258647</v>
      </c>
      <c r="OO24" s="109">
        <v>5345761</v>
      </c>
      <c r="OP24" s="109">
        <v>4319996</v>
      </c>
      <c r="OQ24" s="109">
        <v>5688701</v>
      </c>
      <c r="OR24" s="110">
        <v>25733672</v>
      </c>
      <c r="OS24" s="130">
        <v>26522134</v>
      </c>
    </row>
    <row r="25" spans="2:409" ht="21" customHeight="1" x14ac:dyDescent="0.2">
      <c r="B25" s="468" t="s">
        <v>20</v>
      </c>
      <c r="C25" s="100">
        <v>332100</v>
      </c>
      <c r="D25" s="104">
        <v>575547</v>
      </c>
      <c r="E25" s="103">
        <v>907647</v>
      </c>
      <c r="F25" s="100">
        <v>0</v>
      </c>
      <c r="G25" s="104">
        <v>5069250</v>
      </c>
      <c r="H25" s="104">
        <v>4800399</v>
      </c>
      <c r="I25" s="104">
        <v>4820649</v>
      </c>
      <c r="J25" s="104">
        <v>5382510</v>
      </c>
      <c r="K25" s="104">
        <v>3524101</v>
      </c>
      <c r="L25" s="160">
        <v>23596909</v>
      </c>
      <c r="M25" s="106">
        <v>24504556</v>
      </c>
      <c r="N25" s="100">
        <v>147786</v>
      </c>
      <c r="O25" s="104">
        <v>158481</v>
      </c>
      <c r="P25" s="103">
        <v>306267</v>
      </c>
      <c r="Q25" s="100">
        <v>0</v>
      </c>
      <c r="R25" s="104">
        <v>2051821</v>
      </c>
      <c r="S25" s="104">
        <v>1754123</v>
      </c>
      <c r="T25" s="104">
        <v>1530700</v>
      </c>
      <c r="U25" s="104">
        <v>1743856</v>
      </c>
      <c r="V25" s="104">
        <v>1990927</v>
      </c>
      <c r="W25" s="103">
        <v>9071427</v>
      </c>
      <c r="X25" s="106">
        <v>9377694</v>
      </c>
      <c r="Y25" s="100">
        <v>0</v>
      </c>
      <c r="Z25" s="104">
        <v>0</v>
      </c>
      <c r="AA25" s="103">
        <v>0</v>
      </c>
      <c r="AB25" s="100">
        <v>0</v>
      </c>
      <c r="AC25" s="104">
        <v>946509</v>
      </c>
      <c r="AD25" s="104">
        <v>602074</v>
      </c>
      <c r="AE25" s="104">
        <v>481780</v>
      </c>
      <c r="AF25" s="104">
        <v>698908</v>
      </c>
      <c r="AG25" s="104">
        <v>972483</v>
      </c>
      <c r="AH25" s="103">
        <v>3701754</v>
      </c>
      <c r="AI25" s="106">
        <v>3701754</v>
      </c>
      <c r="AJ25" s="100">
        <v>0</v>
      </c>
      <c r="AK25" s="104">
        <v>0</v>
      </c>
      <c r="AL25" s="103">
        <v>0</v>
      </c>
      <c r="AM25" s="100">
        <v>0</v>
      </c>
      <c r="AN25" s="104">
        <v>0</v>
      </c>
      <c r="AO25" s="104">
        <v>0</v>
      </c>
      <c r="AP25" s="104">
        <v>94758</v>
      </c>
      <c r="AQ25" s="104">
        <v>95452</v>
      </c>
      <c r="AR25" s="104">
        <v>177660</v>
      </c>
      <c r="AS25" s="103">
        <v>367870</v>
      </c>
      <c r="AT25" s="106">
        <v>367870</v>
      </c>
      <c r="AU25" s="100">
        <v>83246</v>
      </c>
      <c r="AV25" s="104">
        <v>14277</v>
      </c>
      <c r="AW25" s="103">
        <v>97523</v>
      </c>
      <c r="AX25" s="100">
        <v>0</v>
      </c>
      <c r="AY25" s="104">
        <v>778320</v>
      </c>
      <c r="AZ25" s="104">
        <v>623800</v>
      </c>
      <c r="BA25" s="104">
        <v>459790</v>
      </c>
      <c r="BB25" s="104">
        <v>600652</v>
      </c>
      <c r="BC25" s="104">
        <v>469927</v>
      </c>
      <c r="BD25" s="103">
        <v>2932489</v>
      </c>
      <c r="BE25" s="106">
        <v>3030012</v>
      </c>
      <c r="BF25" s="100">
        <v>49068</v>
      </c>
      <c r="BG25" s="104">
        <v>82804</v>
      </c>
      <c r="BH25" s="102">
        <v>131872</v>
      </c>
      <c r="BI25" s="101">
        <v>0</v>
      </c>
      <c r="BJ25" s="104">
        <v>126440</v>
      </c>
      <c r="BK25" s="104">
        <v>236569</v>
      </c>
      <c r="BL25" s="104">
        <v>163980</v>
      </c>
      <c r="BM25" s="104">
        <v>89444</v>
      </c>
      <c r="BN25" s="104">
        <v>156017</v>
      </c>
      <c r="BO25" s="103">
        <v>772450</v>
      </c>
      <c r="BP25" s="106">
        <v>904322</v>
      </c>
      <c r="BQ25" s="100">
        <v>15472</v>
      </c>
      <c r="BR25" s="104">
        <v>61400</v>
      </c>
      <c r="BS25" s="103">
        <v>76872</v>
      </c>
      <c r="BT25" s="100">
        <v>0</v>
      </c>
      <c r="BU25" s="104">
        <v>200552</v>
      </c>
      <c r="BV25" s="104">
        <v>291680</v>
      </c>
      <c r="BW25" s="104">
        <v>330392</v>
      </c>
      <c r="BX25" s="104">
        <v>259400</v>
      </c>
      <c r="BY25" s="104">
        <v>214840</v>
      </c>
      <c r="BZ25" s="103">
        <v>1296864</v>
      </c>
      <c r="CA25" s="106">
        <v>1373736</v>
      </c>
      <c r="CB25" s="100">
        <v>62243</v>
      </c>
      <c r="CC25" s="104">
        <v>40413</v>
      </c>
      <c r="CD25" s="103">
        <v>102656</v>
      </c>
      <c r="CE25" s="100">
        <v>0</v>
      </c>
      <c r="CF25" s="104">
        <v>1936594</v>
      </c>
      <c r="CG25" s="104">
        <v>2039738</v>
      </c>
      <c r="CH25" s="104">
        <v>1191608</v>
      </c>
      <c r="CI25" s="104">
        <v>818606</v>
      </c>
      <c r="CJ25" s="104">
        <v>422517</v>
      </c>
      <c r="CK25" s="103">
        <v>6409063</v>
      </c>
      <c r="CL25" s="106">
        <v>6511719</v>
      </c>
      <c r="CM25" s="100">
        <v>0</v>
      </c>
      <c r="CN25" s="104">
        <v>0</v>
      </c>
      <c r="CO25" s="103">
        <v>0</v>
      </c>
      <c r="CP25" s="101">
        <v>0</v>
      </c>
      <c r="CQ25" s="104">
        <v>1511439</v>
      </c>
      <c r="CR25" s="104">
        <v>1243711</v>
      </c>
      <c r="CS25" s="104">
        <v>899972</v>
      </c>
      <c r="CT25" s="104">
        <v>407227</v>
      </c>
      <c r="CU25" s="104">
        <v>322075</v>
      </c>
      <c r="CV25" s="103">
        <v>4384424</v>
      </c>
      <c r="CW25" s="106">
        <v>4384424</v>
      </c>
      <c r="CX25" s="100">
        <v>62243</v>
      </c>
      <c r="CY25" s="104">
        <v>40413</v>
      </c>
      <c r="CZ25" s="103">
        <v>102656</v>
      </c>
      <c r="DA25" s="100">
        <v>0</v>
      </c>
      <c r="DB25" s="104">
        <v>425155</v>
      </c>
      <c r="DC25" s="104">
        <v>796027</v>
      </c>
      <c r="DD25" s="104">
        <v>291636</v>
      </c>
      <c r="DE25" s="104">
        <v>411379</v>
      </c>
      <c r="DF25" s="104">
        <v>100442</v>
      </c>
      <c r="DG25" s="103">
        <v>2024639</v>
      </c>
      <c r="DH25" s="106">
        <v>2127295</v>
      </c>
      <c r="DI25" s="100">
        <v>0</v>
      </c>
      <c r="DJ25" s="104">
        <v>32789</v>
      </c>
      <c r="DK25" s="102">
        <v>32789</v>
      </c>
      <c r="DL25" s="101">
        <v>0</v>
      </c>
      <c r="DM25" s="104">
        <v>102180</v>
      </c>
      <c r="DN25" s="104">
        <v>67566</v>
      </c>
      <c r="DO25" s="104">
        <v>299819</v>
      </c>
      <c r="DP25" s="104">
        <v>1262608</v>
      </c>
      <c r="DQ25" s="104">
        <v>62876</v>
      </c>
      <c r="DR25" s="103">
        <v>1795049</v>
      </c>
      <c r="DS25" s="106">
        <v>1827838</v>
      </c>
      <c r="DT25" s="100">
        <v>0</v>
      </c>
      <c r="DU25" s="104">
        <v>32789</v>
      </c>
      <c r="DV25" s="103">
        <v>32789</v>
      </c>
      <c r="DW25" s="100">
        <v>0</v>
      </c>
      <c r="DX25" s="104">
        <v>102180</v>
      </c>
      <c r="DY25" s="104">
        <v>67566</v>
      </c>
      <c r="DZ25" s="104">
        <v>241605</v>
      </c>
      <c r="EA25" s="104">
        <v>1123625</v>
      </c>
      <c r="EB25" s="104">
        <v>62876</v>
      </c>
      <c r="EC25" s="103">
        <v>1597852</v>
      </c>
      <c r="ED25" s="106">
        <v>1630641</v>
      </c>
      <c r="EE25" s="100">
        <v>0</v>
      </c>
      <c r="EF25" s="102">
        <v>0</v>
      </c>
      <c r="EG25" s="103">
        <v>0</v>
      </c>
      <c r="EH25" s="100">
        <v>0</v>
      </c>
      <c r="EI25" s="104">
        <v>0</v>
      </c>
      <c r="EJ25" s="104">
        <v>0</v>
      </c>
      <c r="EK25" s="104">
        <v>58214</v>
      </c>
      <c r="EL25" s="104">
        <v>138983</v>
      </c>
      <c r="EM25" s="104">
        <v>0</v>
      </c>
      <c r="EN25" s="102">
        <v>197197</v>
      </c>
      <c r="EO25" s="106">
        <v>197197</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2"/>
      <c r="FE25" s="104">
        <v>0</v>
      </c>
      <c r="FF25" s="104">
        <v>0</v>
      </c>
      <c r="FG25" s="104">
        <v>0</v>
      </c>
      <c r="FH25" s="104">
        <v>0</v>
      </c>
      <c r="FI25" s="104">
        <v>0</v>
      </c>
      <c r="FJ25" s="103">
        <v>0</v>
      </c>
      <c r="FK25" s="106">
        <v>0</v>
      </c>
      <c r="FL25" s="100">
        <v>70064</v>
      </c>
      <c r="FM25" s="104">
        <v>163016</v>
      </c>
      <c r="FN25" s="103">
        <v>233080</v>
      </c>
      <c r="FO25" s="100">
        <v>0</v>
      </c>
      <c r="FP25" s="104">
        <v>399664</v>
      </c>
      <c r="FQ25" s="104">
        <v>417788</v>
      </c>
      <c r="FR25" s="104">
        <v>427152</v>
      </c>
      <c r="FS25" s="104">
        <v>473080</v>
      </c>
      <c r="FT25" s="104">
        <v>583976</v>
      </c>
      <c r="FU25" s="103">
        <v>2301660</v>
      </c>
      <c r="FV25" s="106">
        <v>2534740</v>
      </c>
      <c r="FW25" s="105">
        <v>50624</v>
      </c>
      <c r="FX25" s="104">
        <v>163016</v>
      </c>
      <c r="FY25" s="102">
        <v>213640</v>
      </c>
      <c r="FZ25" s="101">
        <v>0</v>
      </c>
      <c r="GA25" s="104">
        <v>381184</v>
      </c>
      <c r="GB25" s="104">
        <v>396096</v>
      </c>
      <c r="GC25" s="104">
        <v>427152</v>
      </c>
      <c r="GD25" s="104">
        <v>445880</v>
      </c>
      <c r="GE25" s="104">
        <v>419056</v>
      </c>
      <c r="GF25" s="103">
        <v>2069368</v>
      </c>
      <c r="GG25" s="294">
        <v>2283008</v>
      </c>
      <c r="GH25" s="105">
        <v>19440</v>
      </c>
      <c r="GI25" s="104">
        <v>0</v>
      </c>
      <c r="GJ25" s="102">
        <v>19440</v>
      </c>
      <c r="GK25" s="101">
        <v>0</v>
      </c>
      <c r="GL25" s="104">
        <v>18480</v>
      </c>
      <c r="GM25" s="104">
        <v>21692</v>
      </c>
      <c r="GN25" s="104">
        <v>0</v>
      </c>
      <c r="GO25" s="104">
        <v>27200</v>
      </c>
      <c r="GP25" s="104">
        <v>81720</v>
      </c>
      <c r="GQ25" s="103">
        <v>149092</v>
      </c>
      <c r="GR25" s="106">
        <v>168532</v>
      </c>
      <c r="GS25" s="100">
        <v>0</v>
      </c>
      <c r="GT25" s="104">
        <v>0</v>
      </c>
      <c r="GU25" s="103">
        <v>0</v>
      </c>
      <c r="GV25" s="100">
        <v>0</v>
      </c>
      <c r="GW25" s="104">
        <v>0</v>
      </c>
      <c r="GX25" s="104">
        <v>0</v>
      </c>
      <c r="GY25" s="104">
        <v>0</v>
      </c>
      <c r="GZ25" s="104">
        <v>0</v>
      </c>
      <c r="HA25" s="104">
        <v>83200</v>
      </c>
      <c r="HB25" s="102">
        <v>83200</v>
      </c>
      <c r="HC25" s="106">
        <v>83200</v>
      </c>
      <c r="HD25" s="100">
        <v>52007</v>
      </c>
      <c r="HE25" s="104">
        <v>180848</v>
      </c>
      <c r="HF25" s="102">
        <v>232855</v>
      </c>
      <c r="HG25" s="101">
        <v>0</v>
      </c>
      <c r="HH25" s="104">
        <v>578991</v>
      </c>
      <c r="HI25" s="104">
        <v>521184</v>
      </c>
      <c r="HJ25" s="104">
        <v>1371370</v>
      </c>
      <c r="HK25" s="104">
        <v>1084360</v>
      </c>
      <c r="HL25" s="104">
        <v>463805</v>
      </c>
      <c r="HM25" s="103">
        <v>4019710</v>
      </c>
      <c r="HN25" s="99">
        <v>4252565</v>
      </c>
      <c r="HO25" s="304"/>
      <c r="HP25" s="305"/>
      <c r="HQ25" s="306"/>
      <c r="HR25" s="307"/>
      <c r="HS25" s="305"/>
      <c r="HT25" s="305"/>
      <c r="HU25" s="305"/>
      <c r="HV25" s="305"/>
      <c r="HW25" s="305"/>
      <c r="HX25" s="308"/>
      <c r="HY25" s="309"/>
      <c r="HZ25" s="118">
        <v>0</v>
      </c>
      <c r="IA25" s="119">
        <v>0</v>
      </c>
      <c r="IB25" s="120">
        <v>0</v>
      </c>
      <c r="IC25" s="133">
        <v>0</v>
      </c>
      <c r="ID25" s="119">
        <v>643801</v>
      </c>
      <c r="IE25" s="134">
        <v>1173711</v>
      </c>
      <c r="IF25" s="120">
        <v>1089979</v>
      </c>
      <c r="IG25" s="119">
        <v>64926</v>
      </c>
      <c r="IH25" s="120">
        <v>428041</v>
      </c>
      <c r="II25" s="135">
        <v>3400458</v>
      </c>
      <c r="IJ25" s="126">
        <v>3400458</v>
      </c>
      <c r="IK25" s="219">
        <v>0</v>
      </c>
      <c r="IL25" s="223">
        <v>0</v>
      </c>
      <c r="IM25" s="224">
        <v>0</v>
      </c>
      <c r="IN25" s="127"/>
      <c r="IO25" s="109">
        <v>0</v>
      </c>
      <c r="IP25" s="109">
        <v>0</v>
      </c>
      <c r="IQ25" s="109">
        <v>0</v>
      </c>
      <c r="IR25" s="109">
        <v>0</v>
      </c>
      <c r="IS25" s="109">
        <v>0</v>
      </c>
      <c r="IT25" s="128">
        <v>0</v>
      </c>
      <c r="IU25" s="296">
        <v>0</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411905</v>
      </c>
      <c r="JL25" s="109">
        <v>513307</v>
      </c>
      <c r="JM25" s="109">
        <v>346537</v>
      </c>
      <c r="JN25" s="109">
        <v>64926</v>
      </c>
      <c r="JO25" s="109">
        <v>168926</v>
      </c>
      <c r="JP25" s="110">
        <v>1505601</v>
      </c>
      <c r="JQ25" s="296">
        <v>1505601</v>
      </c>
      <c r="JR25" s="129">
        <v>0</v>
      </c>
      <c r="JS25" s="109">
        <v>0</v>
      </c>
      <c r="JT25" s="128">
        <v>0</v>
      </c>
      <c r="JU25" s="108">
        <v>0</v>
      </c>
      <c r="JV25" s="109">
        <v>0</v>
      </c>
      <c r="JW25" s="109">
        <v>0</v>
      </c>
      <c r="JX25" s="109">
        <v>0</v>
      </c>
      <c r="JY25" s="109">
        <v>0</v>
      </c>
      <c r="JZ25" s="109">
        <v>0</v>
      </c>
      <c r="KA25" s="110">
        <v>0</v>
      </c>
      <c r="KB25" s="296">
        <v>0</v>
      </c>
      <c r="KC25" s="221">
        <v>0</v>
      </c>
      <c r="KD25" s="217">
        <v>0</v>
      </c>
      <c r="KE25" s="110">
        <v>0</v>
      </c>
      <c r="KF25" s="108">
        <v>0</v>
      </c>
      <c r="KG25" s="109">
        <v>0</v>
      </c>
      <c r="KH25" s="109">
        <v>168854</v>
      </c>
      <c r="KI25" s="109">
        <v>229590</v>
      </c>
      <c r="KJ25" s="109">
        <v>0</v>
      </c>
      <c r="KK25" s="109">
        <v>0</v>
      </c>
      <c r="KL25" s="110">
        <v>398444</v>
      </c>
      <c r="KM25" s="130">
        <v>398444</v>
      </c>
      <c r="KN25" s="219">
        <v>0</v>
      </c>
      <c r="KO25" s="223">
        <v>0</v>
      </c>
      <c r="KP25" s="224">
        <v>0</v>
      </c>
      <c r="KQ25" s="127"/>
      <c r="KR25" s="109">
        <v>231896</v>
      </c>
      <c r="KS25" s="109">
        <v>491550</v>
      </c>
      <c r="KT25" s="109">
        <v>513852</v>
      </c>
      <c r="KU25" s="109">
        <v>0</v>
      </c>
      <c r="KV25" s="109">
        <v>259115</v>
      </c>
      <c r="KW25" s="110">
        <v>1496413</v>
      </c>
      <c r="KX25" s="296">
        <v>1496413</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6">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253665</v>
      </c>
      <c r="MK25" s="109">
        <v>465296</v>
      </c>
      <c r="ML25" s="109">
        <v>2002290</v>
      </c>
      <c r="MM25" s="109">
        <v>4218190</v>
      </c>
      <c r="MN25" s="109">
        <v>837160</v>
      </c>
      <c r="MO25" s="110">
        <v>7776601</v>
      </c>
      <c r="MP25" s="130">
        <v>7776601</v>
      </c>
      <c r="MQ25" s="129">
        <v>0</v>
      </c>
      <c r="MR25" s="109">
        <v>0</v>
      </c>
      <c r="MS25" s="110">
        <v>0</v>
      </c>
      <c r="MT25" s="132"/>
      <c r="MU25" s="109">
        <v>0</v>
      </c>
      <c r="MV25" s="109">
        <v>243372</v>
      </c>
      <c r="MW25" s="109">
        <v>1691875</v>
      </c>
      <c r="MX25" s="109">
        <v>3477998</v>
      </c>
      <c r="MY25" s="109">
        <v>837160</v>
      </c>
      <c r="MZ25" s="110">
        <v>6250405</v>
      </c>
      <c r="NA25" s="130">
        <v>6250405</v>
      </c>
      <c r="NB25" s="129">
        <v>0</v>
      </c>
      <c r="NC25" s="109">
        <v>0</v>
      </c>
      <c r="ND25" s="110">
        <v>0</v>
      </c>
      <c r="NE25" s="132"/>
      <c r="NF25" s="109">
        <v>253665</v>
      </c>
      <c r="NG25" s="109">
        <v>221924</v>
      </c>
      <c r="NH25" s="109">
        <v>310415</v>
      </c>
      <c r="NI25" s="109">
        <v>740192</v>
      </c>
      <c r="NJ25" s="109">
        <v>0</v>
      </c>
      <c r="NK25" s="110">
        <v>1526196</v>
      </c>
      <c r="NL25" s="296">
        <v>1526196</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332100</v>
      </c>
      <c r="OJ25" s="109">
        <v>575547</v>
      </c>
      <c r="OK25" s="128">
        <v>907647</v>
      </c>
      <c r="OL25" s="108">
        <v>0</v>
      </c>
      <c r="OM25" s="109">
        <v>5966716</v>
      </c>
      <c r="ON25" s="109">
        <v>6439406</v>
      </c>
      <c r="OO25" s="109">
        <v>7912918</v>
      </c>
      <c r="OP25" s="109">
        <v>9665626</v>
      </c>
      <c r="OQ25" s="109">
        <v>4789302</v>
      </c>
      <c r="OR25" s="110">
        <v>34773968</v>
      </c>
      <c r="OS25" s="130">
        <v>35681615</v>
      </c>
    </row>
    <row r="26" spans="2:409" ht="21" customHeight="1" x14ac:dyDescent="0.2">
      <c r="B26" s="468" t="s">
        <v>21</v>
      </c>
      <c r="C26" s="100">
        <v>303262</v>
      </c>
      <c r="D26" s="104">
        <v>663753</v>
      </c>
      <c r="E26" s="103">
        <v>967015</v>
      </c>
      <c r="F26" s="99">
        <v>0</v>
      </c>
      <c r="G26" s="104">
        <v>3408560</v>
      </c>
      <c r="H26" s="104">
        <v>4276258</v>
      </c>
      <c r="I26" s="104">
        <v>2905082</v>
      </c>
      <c r="J26" s="104">
        <v>3016218</v>
      </c>
      <c r="K26" s="104">
        <v>3168942</v>
      </c>
      <c r="L26" s="160">
        <v>16775060</v>
      </c>
      <c r="M26" s="106">
        <v>17742075</v>
      </c>
      <c r="N26" s="100">
        <v>158852</v>
      </c>
      <c r="O26" s="104">
        <v>140070</v>
      </c>
      <c r="P26" s="103">
        <v>298922</v>
      </c>
      <c r="Q26" s="100">
        <v>0</v>
      </c>
      <c r="R26" s="104">
        <v>1308174</v>
      </c>
      <c r="S26" s="104">
        <v>1538674</v>
      </c>
      <c r="T26" s="104">
        <v>674931</v>
      </c>
      <c r="U26" s="104">
        <v>1433402</v>
      </c>
      <c r="V26" s="104">
        <v>1619762</v>
      </c>
      <c r="W26" s="103">
        <v>6574943</v>
      </c>
      <c r="X26" s="106">
        <v>6873865</v>
      </c>
      <c r="Y26" s="100">
        <v>0</v>
      </c>
      <c r="Z26" s="104">
        <v>0</v>
      </c>
      <c r="AA26" s="103">
        <v>0</v>
      </c>
      <c r="AB26" s="100">
        <v>0</v>
      </c>
      <c r="AC26" s="104">
        <v>366174</v>
      </c>
      <c r="AD26" s="104">
        <v>504359</v>
      </c>
      <c r="AE26" s="104">
        <v>254268</v>
      </c>
      <c r="AF26" s="104">
        <v>805424</v>
      </c>
      <c r="AG26" s="104">
        <v>1123837</v>
      </c>
      <c r="AH26" s="103">
        <v>3054062</v>
      </c>
      <c r="AI26" s="106">
        <v>3054062</v>
      </c>
      <c r="AJ26" s="100">
        <v>0</v>
      </c>
      <c r="AK26" s="104">
        <v>0</v>
      </c>
      <c r="AL26" s="103">
        <v>0</v>
      </c>
      <c r="AM26" s="100">
        <v>0</v>
      </c>
      <c r="AN26" s="104">
        <v>0</v>
      </c>
      <c r="AO26" s="104">
        <v>0</v>
      </c>
      <c r="AP26" s="104">
        <v>0</v>
      </c>
      <c r="AQ26" s="104">
        <v>0</v>
      </c>
      <c r="AR26" s="104">
        <v>128663</v>
      </c>
      <c r="AS26" s="103">
        <v>128663</v>
      </c>
      <c r="AT26" s="106">
        <v>128663</v>
      </c>
      <c r="AU26" s="100">
        <v>93975</v>
      </c>
      <c r="AV26" s="104">
        <v>96710</v>
      </c>
      <c r="AW26" s="103">
        <v>190685</v>
      </c>
      <c r="AX26" s="100">
        <v>0</v>
      </c>
      <c r="AY26" s="104">
        <v>666643</v>
      </c>
      <c r="AZ26" s="104">
        <v>780210</v>
      </c>
      <c r="BA26" s="104">
        <v>271847</v>
      </c>
      <c r="BB26" s="104">
        <v>462106</v>
      </c>
      <c r="BC26" s="104">
        <v>171076</v>
      </c>
      <c r="BD26" s="103">
        <v>2351882</v>
      </c>
      <c r="BE26" s="106">
        <v>2542567</v>
      </c>
      <c r="BF26" s="100">
        <v>37405</v>
      </c>
      <c r="BG26" s="104">
        <v>0</v>
      </c>
      <c r="BH26" s="102">
        <v>37405</v>
      </c>
      <c r="BI26" s="101">
        <v>0</v>
      </c>
      <c r="BJ26" s="104">
        <v>96053</v>
      </c>
      <c r="BK26" s="104">
        <v>51921</v>
      </c>
      <c r="BL26" s="104">
        <v>0</v>
      </c>
      <c r="BM26" s="104">
        <v>0</v>
      </c>
      <c r="BN26" s="104">
        <v>39954</v>
      </c>
      <c r="BO26" s="103">
        <v>187928</v>
      </c>
      <c r="BP26" s="106">
        <v>225333</v>
      </c>
      <c r="BQ26" s="100">
        <v>27472</v>
      </c>
      <c r="BR26" s="104">
        <v>43360</v>
      </c>
      <c r="BS26" s="103">
        <v>70832</v>
      </c>
      <c r="BT26" s="100">
        <v>0</v>
      </c>
      <c r="BU26" s="104">
        <v>179304</v>
      </c>
      <c r="BV26" s="104">
        <v>202184</v>
      </c>
      <c r="BW26" s="104">
        <v>148816</v>
      </c>
      <c r="BX26" s="104">
        <v>165872</v>
      </c>
      <c r="BY26" s="104">
        <v>156232</v>
      </c>
      <c r="BZ26" s="103">
        <v>852408</v>
      </c>
      <c r="CA26" s="106">
        <v>923240</v>
      </c>
      <c r="CB26" s="100">
        <v>60698</v>
      </c>
      <c r="CC26" s="104">
        <v>37583</v>
      </c>
      <c r="CD26" s="103">
        <v>98281</v>
      </c>
      <c r="CE26" s="100">
        <v>0</v>
      </c>
      <c r="CF26" s="104">
        <v>1177084</v>
      </c>
      <c r="CG26" s="104">
        <v>1288708</v>
      </c>
      <c r="CH26" s="104">
        <v>800683</v>
      </c>
      <c r="CI26" s="104">
        <v>122021</v>
      </c>
      <c r="CJ26" s="104">
        <v>141443</v>
      </c>
      <c r="CK26" s="103">
        <v>3529939</v>
      </c>
      <c r="CL26" s="106">
        <v>3628220</v>
      </c>
      <c r="CM26" s="100">
        <v>0</v>
      </c>
      <c r="CN26" s="104">
        <v>0</v>
      </c>
      <c r="CO26" s="103">
        <v>0</v>
      </c>
      <c r="CP26" s="101">
        <v>0</v>
      </c>
      <c r="CQ26" s="104">
        <v>872904</v>
      </c>
      <c r="CR26" s="104">
        <v>929529</v>
      </c>
      <c r="CS26" s="104">
        <v>651474</v>
      </c>
      <c r="CT26" s="104">
        <v>122021</v>
      </c>
      <c r="CU26" s="104">
        <v>102207</v>
      </c>
      <c r="CV26" s="103">
        <v>2678135</v>
      </c>
      <c r="CW26" s="106">
        <v>2678135</v>
      </c>
      <c r="CX26" s="100">
        <v>60698</v>
      </c>
      <c r="CY26" s="104">
        <v>37583</v>
      </c>
      <c r="CZ26" s="103">
        <v>98281</v>
      </c>
      <c r="DA26" s="100">
        <v>0</v>
      </c>
      <c r="DB26" s="104">
        <v>304180</v>
      </c>
      <c r="DC26" s="104">
        <v>359179</v>
      </c>
      <c r="DD26" s="104">
        <v>149209</v>
      </c>
      <c r="DE26" s="104">
        <v>0</v>
      </c>
      <c r="DF26" s="104">
        <v>39236</v>
      </c>
      <c r="DG26" s="103">
        <v>851804</v>
      </c>
      <c r="DH26" s="106">
        <v>950085</v>
      </c>
      <c r="DI26" s="100">
        <v>0</v>
      </c>
      <c r="DJ26" s="104">
        <v>95464</v>
      </c>
      <c r="DK26" s="102">
        <v>95464</v>
      </c>
      <c r="DL26" s="101">
        <v>0</v>
      </c>
      <c r="DM26" s="104">
        <v>177761</v>
      </c>
      <c r="DN26" s="104">
        <v>198506</v>
      </c>
      <c r="DO26" s="104">
        <v>760236</v>
      </c>
      <c r="DP26" s="104">
        <v>204214</v>
      </c>
      <c r="DQ26" s="104">
        <v>264619</v>
      </c>
      <c r="DR26" s="103">
        <v>1605336</v>
      </c>
      <c r="DS26" s="106">
        <v>1700800</v>
      </c>
      <c r="DT26" s="100">
        <v>0</v>
      </c>
      <c r="DU26" s="104">
        <v>95464</v>
      </c>
      <c r="DV26" s="103">
        <v>95464</v>
      </c>
      <c r="DW26" s="100">
        <v>0</v>
      </c>
      <c r="DX26" s="104">
        <v>177761</v>
      </c>
      <c r="DY26" s="104">
        <v>198506</v>
      </c>
      <c r="DZ26" s="104">
        <v>760236</v>
      </c>
      <c r="EA26" s="104">
        <v>204214</v>
      </c>
      <c r="EB26" s="104">
        <v>264619</v>
      </c>
      <c r="EC26" s="103">
        <v>1605336</v>
      </c>
      <c r="ED26" s="106">
        <v>1700800</v>
      </c>
      <c r="EE26" s="100">
        <v>0</v>
      </c>
      <c r="EF26" s="102">
        <v>0</v>
      </c>
      <c r="EG26" s="103">
        <v>0</v>
      </c>
      <c r="EH26" s="100">
        <v>0</v>
      </c>
      <c r="EI26" s="104">
        <v>0</v>
      </c>
      <c r="EJ26" s="104">
        <v>0</v>
      </c>
      <c r="EK26" s="104">
        <v>0</v>
      </c>
      <c r="EL26" s="104">
        <v>0</v>
      </c>
      <c r="EM26" s="104">
        <v>0</v>
      </c>
      <c r="EN26" s="102">
        <v>0</v>
      </c>
      <c r="EO26" s="106">
        <v>0</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2"/>
      <c r="FE26" s="104">
        <v>0</v>
      </c>
      <c r="FF26" s="104">
        <v>0</v>
      </c>
      <c r="FG26" s="104">
        <v>0</v>
      </c>
      <c r="FH26" s="104">
        <v>0</v>
      </c>
      <c r="FI26" s="104">
        <v>0</v>
      </c>
      <c r="FJ26" s="103">
        <v>0</v>
      </c>
      <c r="FK26" s="106">
        <v>0</v>
      </c>
      <c r="FL26" s="100">
        <v>83712</v>
      </c>
      <c r="FM26" s="104">
        <v>125344</v>
      </c>
      <c r="FN26" s="103">
        <v>209056</v>
      </c>
      <c r="FO26" s="100">
        <v>0</v>
      </c>
      <c r="FP26" s="104">
        <v>283692</v>
      </c>
      <c r="FQ26" s="104">
        <v>356872</v>
      </c>
      <c r="FR26" s="104">
        <v>274568</v>
      </c>
      <c r="FS26" s="104">
        <v>196224</v>
      </c>
      <c r="FT26" s="104">
        <v>203720</v>
      </c>
      <c r="FU26" s="103">
        <v>1315076</v>
      </c>
      <c r="FV26" s="106">
        <v>1524132</v>
      </c>
      <c r="FW26" s="105">
        <v>83712</v>
      </c>
      <c r="FX26" s="104">
        <v>85888</v>
      </c>
      <c r="FY26" s="102">
        <v>169600</v>
      </c>
      <c r="FZ26" s="101">
        <v>0</v>
      </c>
      <c r="GA26" s="104">
        <v>113264</v>
      </c>
      <c r="GB26" s="104">
        <v>356872</v>
      </c>
      <c r="GC26" s="104">
        <v>274568</v>
      </c>
      <c r="GD26" s="104">
        <v>196224</v>
      </c>
      <c r="GE26" s="104">
        <v>203720</v>
      </c>
      <c r="GF26" s="103">
        <v>1144648</v>
      </c>
      <c r="GG26" s="294">
        <v>1314248</v>
      </c>
      <c r="GH26" s="105">
        <v>0</v>
      </c>
      <c r="GI26" s="104">
        <v>39456</v>
      </c>
      <c r="GJ26" s="102">
        <v>39456</v>
      </c>
      <c r="GK26" s="101">
        <v>0</v>
      </c>
      <c r="GL26" s="104">
        <v>52668</v>
      </c>
      <c r="GM26" s="104">
        <v>0</v>
      </c>
      <c r="GN26" s="104">
        <v>0</v>
      </c>
      <c r="GO26" s="104">
        <v>0</v>
      </c>
      <c r="GP26" s="104">
        <v>0</v>
      </c>
      <c r="GQ26" s="103">
        <v>52668</v>
      </c>
      <c r="GR26" s="106">
        <v>92124</v>
      </c>
      <c r="GS26" s="100">
        <v>0</v>
      </c>
      <c r="GT26" s="104">
        <v>0</v>
      </c>
      <c r="GU26" s="103">
        <v>0</v>
      </c>
      <c r="GV26" s="100">
        <v>0</v>
      </c>
      <c r="GW26" s="104">
        <v>117760</v>
      </c>
      <c r="GX26" s="104">
        <v>0</v>
      </c>
      <c r="GY26" s="104">
        <v>0</v>
      </c>
      <c r="GZ26" s="104">
        <v>0</v>
      </c>
      <c r="HA26" s="104">
        <v>0</v>
      </c>
      <c r="HB26" s="102">
        <v>117760</v>
      </c>
      <c r="HC26" s="106">
        <v>117760</v>
      </c>
      <c r="HD26" s="100">
        <v>0</v>
      </c>
      <c r="HE26" s="104">
        <v>265292</v>
      </c>
      <c r="HF26" s="102">
        <v>265292</v>
      </c>
      <c r="HG26" s="101">
        <v>0</v>
      </c>
      <c r="HH26" s="104">
        <v>461849</v>
      </c>
      <c r="HI26" s="104">
        <v>893498</v>
      </c>
      <c r="HJ26" s="104">
        <v>394664</v>
      </c>
      <c r="HK26" s="104">
        <v>1060357</v>
      </c>
      <c r="HL26" s="104">
        <v>939398</v>
      </c>
      <c r="HM26" s="103">
        <v>3749766</v>
      </c>
      <c r="HN26" s="99">
        <v>4015058</v>
      </c>
      <c r="HO26" s="304"/>
      <c r="HP26" s="305"/>
      <c r="HQ26" s="306"/>
      <c r="HR26" s="307"/>
      <c r="HS26" s="305"/>
      <c r="HT26" s="305"/>
      <c r="HU26" s="305"/>
      <c r="HV26" s="305"/>
      <c r="HW26" s="305"/>
      <c r="HX26" s="308"/>
      <c r="HY26" s="309"/>
      <c r="HZ26" s="137">
        <v>0</v>
      </c>
      <c r="IA26" s="122">
        <v>0</v>
      </c>
      <c r="IB26" s="137">
        <v>0</v>
      </c>
      <c r="IC26" s="121">
        <v>0</v>
      </c>
      <c r="ID26" s="122">
        <v>971433</v>
      </c>
      <c r="IE26" s="123">
        <v>736060</v>
      </c>
      <c r="IF26" s="124">
        <v>872405</v>
      </c>
      <c r="IG26" s="122">
        <v>120316</v>
      </c>
      <c r="IH26" s="124">
        <v>59183</v>
      </c>
      <c r="II26" s="125">
        <v>2759397</v>
      </c>
      <c r="IJ26" s="137">
        <v>2759397</v>
      </c>
      <c r="IK26" s="219">
        <v>0</v>
      </c>
      <c r="IL26" s="223">
        <v>0</v>
      </c>
      <c r="IM26" s="224">
        <v>0</v>
      </c>
      <c r="IN26" s="127"/>
      <c r="IO26" s="109">
        <v>0</v>
      </c>
      <c r="IP26" s="109">
        <v>0</v>
      </c>
      <c r="IQ26" s="109">
        <v>0</v>
      </c>
      <c r="IR26" s="109">
        <v>0</v>
      </c>
      <c r="IS26" s="109">
        <v>59183</v>
      </c>
      <c r="IT26" s="128">
        <v>59183</v>
      </c>
      <c r="IU26" s="296">
        <v>59183</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509277</v>
      </c>
      <c r="JL26" s="109">
        <v>244235</v>
      </c>
      <c r="JM26" s="109">
        <v>151799</v>
      </c>
      <c r="JN26" s="109">
        <v>120316</v>
      </c>
      <c r="JO26" s="109">
        <v>0</v>
      </c>
      <c r="JP26" s="110">
        <v>1025627</v>
      </c>
      <c r="JQ26" s="296">
        <v>1025627</v>
      </c>
      <c r="JR26" s="129">
        <v>0</v>
      </c>
      <c r="JS26" s="109">
        <v>0</v>
      </c>
      <c r="JT26" s="128">
        <v>0</v>
      </c>
      <c r="JU26" s="108">
        <v>0</v>
      </c>
      <c r="JV26" s="109">
        <v>0</v>
      </c>
      <c r="JW26" s="109">
        <v>0</v>
      </c>
      <c r="JX26" s="109">
        <v>0</v>
      </c>
      <c r="JY26" s="109">
        <v>0</v>
      </c>
      <c r="JZ26" s="109">
        <v>0</v>
      </c>
      <c r="KA26" s="110">
        <v>0</v>
      </c>
      <c r="KB26" s="296">
        <v>0</v>
      </c>
      <c r="KC26" s="221">
        <v>0</v>
      </c>
      <c r="KD26" s="217">
        <v>0</v>
      </c>
      <c r="KE26" s="110">
        <v>0</v>
      </c>
      <c r="KF26" s="108">
        <v>0</v>
      </c>
      <c r="KG26" s="109">
        <v>0</v>
      </c>
      <c r="KH26" s="109">
        <v>0</v>
      </c>
      <c r="KI26" s="109">
        <v>226056</v>
      </c>
      <c r="KJ26" s="109">
        <v>0</v>
      </c>
      <c r="KK26" s="109">
        <v>0</v>
      </c>
      <c r="KL26" s="110">
        <v>226056</v>
      </c>
      <c r="KM26" s="130">
        <v>226056</v>
      </c>
      <c r="KN26" s="219">
        <v>0</v>
      </c>
      <c r="KO26" s="223">
        <v>0</v>
      </c>
      <c r="KP26" s="224">
        <v>0</v>
      </c>
      <c r="KQ26" s="127"/>
      <c r="KR26" s="109">
        <v>462156</v>
      </c>
      <c r="KS26" s="109">
        <v>491825</v>
      </c>
      <c r="KT26" s="109">
        <v>494550</v>
      </c>
      <c r="KU26" s="109">
        <v>0</v>
      </c>
      <c r="KV26" s="109">
        <v>0</v>
      </c>
      <c r="KW26" s="110">
        <v>1448531</v>
      </c>
      <c r="KX26" s="296">
        <v>1448531</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6">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268932</v>
      </c>
      <c r="ML26" s="109">
        <v>2356803</v>
      </c>
      <c r="MM26" s="109">
        <v>3422219</v>
      </c>
      <c r="MN26" s="109">
        <v>3202717</v>
      </c>
      <c r="MO26" s="110">
        <v>9250671</v>
      </c>
      <c r="MP26" s="130">
        <v>9250671</v>
      </c>
      <c r="MQ26" s="129">
        <v>0</v>
      </c>
      <c r="MR26" s="109">
        <v>0</v>
      </c>
      <c r="MS26" s="110">
        <v>0</v>
      </c>
      <c r="MT26" s="132"/>
      <c r="MU26" s="109">
        <v>0</v>
      </c>
      <c r="MV26" s="109">
        <v>0</v>
      </c>
      <c r="MW26" s="109">
        <v>1506007</v>
      </c>
      <c r="MX26" s="109">
        <v>3422219</v>
      </c>
      <c r="MY26" s="109">
        <v>2859688</v>
      </c>
      <c r="MZ26" s="110">
        <v>7787914</v>
      </c>
      <c r="NA26" s="130">
        <v>7787914</v>
      </c>
      <c r="NB26" s="129">
        <v>0</v>
      </c>
      <c r="NC26" s="109">
        <v>0</v>
      </c>
      <c r="ND26" s="110">
        <v>0</v>
      </c>
      <c r="NE26" s="132"/>
      <c r="NF26" s="109">
        <v>0</v>
      </c>
      <c r="NG26" s="109">
        <v>268932</v>
      </c>
      <c r="NH26" s="109">
        <v>850796</v>
      </c>
      <c r="NI26" s="109">
        <v>0</v>
      </c>
      <c r="NJ26" s="109">
        <v>0</v>
      </c>
      <c r="NK26" s="110">
        <v>1119728</v>
      </c>
      <c r="NL26" s="296">
        <v>1119728</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43029</v>
      </c>
      <c r="OG26" s="110">
        <v>343029</v>
      </c>
      <c r="OH26" s="111">
        <v>343029</v>
      </c>
      <c r="OI26" s="129">
        <v>303262</v>
      </c>
      <c r="OJ26" s="109">
        <v>663753</v>
      </c>
      <c r="OK26" s="128">
        <v>967015</v>
      </c>
      <c r="OL26" s="108">
        <v>0</v>
      </c>
      <c r="OM26" s="109">
        <v>4379993</v>
      </c>
      <c r="ON26" s="109">
        <v>5281250</v>
      </c>
      <c r="OO26" s="109">
        <v>6134290</v>
      </c>
      <c r="OP26" s="109">
        <v>6558753</v>
      </c>
      <c r="OQ26" s="109">
        <v>6430842</v>
      </c>
      <c r="OR26" s="110">
        <v>28785128</v>
      </c>
      <c r="OS26" s="130">
        <v>29752143</v>
      </c>
    </row>
    <row r="27" spans="2:409" ht="21" customHeight="1" x14ac:dyDescent="0.2">
      <c r="B27" s="468" t="s">
        <v>22</v>
      </c>
      <c r="C27" s="100">
        <v>205520</v>
      </c>
      <c r="D27" s="104">
        <v>259349</v>
      </c>
      <c r="E27" s="103">
        <v>464869</v>
      </c>
      <c r="F27" s="99">
        <v>0</v>
      </c>
      <c r="G27" s="104">
        <v>1924634</v>
      </c>
      <c r="H27" s="104">
        <v>1793818</v>
      </c>
      <c r="I27" s="104">
        <v>543732</v>
      </c>
      <c r="J27" s="104">
        <v>671913</v>
      </c>
      <c r="K27" s="104">
        <v>1091501</v>
      </c>
      <c r="L27" s="160">
        <v>6025598</v>
      </c>
      <c r="M27" s="106">
        <v>6490467</v>
      </c>
      <c r="N27" s="100">
        <v>22576</v>
      </c>
      <c r="O27" s="104">
        <v>58459</v>
      </c>
      <c r="P27" s="103">
        <v>81035</v>
      </c>
      <c r="Q27" s="100">
        <v>0</v>
      </c>
      <c r="R27" s="104">
        <v>385496</v>
      </c>
      <c r="S27" s="104">
        <v>355786</v>
      </c>
      <c r="T27" s="104">
        <v>142732</v>
      </c>
      <c r="U27" s="104">
        <v>107408</v>
      </c>
      <c r="V27" s="104">
        <v>286728</v>
      </c>
      <c r="W27" s="103">
        <v>1278150</v>
      </c>
      <c r="X27" s="106">
        <v>1359185</v>
      </c>
      <c r="Y27" s="100">
        <v>0</v>
      </c>
      <c r="Z27" s="104">
        <v>0</v>
      </c>
      <c r="AA27" s="103">
        <v>0</v>
      </c>
      <c r="AB27" s="100">
        <v>0</v>
      </c>
      <c r="AC27" s="104">
        <v>125830</v>
      </c>
      <c r="AD27" s="104">
        <v>96211</v>
      </c>
      <c r="AE27" s="104">
        <v>0</v>
      </c>
      <c r="AF27" s="104">
        <v>0</v>
      </c>
      <c r="AG27" s="104">
        <v>150912</v>
      </c>
      <c r="AH27" s="103">
        <v>372953</v>
      </c>
      <c r="AI27" s="106">
        <v>372953</v>
      </c>
      <c r="AJ27" s="100">
        <v>0</v>
      </c>
      <c r="AK27" s="104">
        <v>0</v>
      </c>
      <c r="AL27" s="103">
        <v>0</v>
      </c>
      <c r="AM27" s="100">
        <v>0</v>
      </c>
      <c r="AN27" s="104">
        <v>69172</v>
      </c>
      <c r="AO27" s="104">
        <v>0</v>
      </c>
      <c r="AP27" s="104">
        <v>0</v>
      </c>
      <c r="AQ27" s="104">
        <v>0</v>
      </c>
      <c r="AR27" s="104">
        <v>0</v>
      </c>
      <c r="AS27" s="103">
        <v>69172</v>
      </c>
      <c r="AT27" s="106">
        <v>69172</v>
      </c>
      <c r="AU27" s="100">
        <v>0</v>
      </c>
      <c r="AV27" s="104">
        <v>58459</v>
      </c>
      <c r="AW27" s="103">
        <v>58459</v>
      </c>
      <c r="AX27" s="100">
        <v>0</v>
      </c>
      <c r="AY27" s="104">
        <v>111974</v>
      </c>
      <c r="AZ27" s="104">
        <v>103598</v>
      </c>
      <c r="BA27" s="104">
        <v>128620</v>
      </c>
      <c r="BB27" s="104">
        <v>0</v>
      </c>
      <c r="BC27" s="104">
        <v>112208</v>
      </c>
      <c r="BD27" s="103">
        <v>456400</v>
      </c>
      <c r="BE27" s="106">
        <v>514859</v>
      </c>
      <c r="BF27" s="100">
        <v>0</v>
      </c>
      <c r="BG27" s="104">
        <v>0</v>
      </c>
      <c r="BH27" s="102">
        <v>0</v>
      </c>
      <c r="BI27" s="101">
        <v>0</v>
      </c>
      <c r="BJ27" s="104">
        <v>0</v>
      </c>
      <c r="BK27" s="104">
        <v>62793</v>
      </c>
      <c r="BL27" s="104">
        <v>0</v>
      </c>
      <c r="BM27" s="104">
        <v>0</v>
      </c>
      <c r="BN27" s="104">
        <v>0</v>
      </c>
      <c r="BO27" s="103">
        <v>62793</v>
      </c>
      <c r="BP27" s="106">
        <v>62793</v>
      </c>
      <c r="BQ27" s="100">
        <v>22576</v>
      </c>
      <c r="BR27" s="104">
        <v>0</v>
      </c>
      <c r="BS27" s="103">
        <v>22576</v>
      </c>
      <c r="BT27" s="100">
        <v>0</v>
      </c>
      <c r="BU27" s="104">
        <v>78520</v>
      </c>
      <c r="BV27" s="104">
        <v>93184</v>
      </c>
      <c r="BW27" s="104">
        <v>14112</v>
      </c>
      <c r="BX27" s="104">
        <v>107408</v>
      </c>
      <c r="BY27" s="104">
        <v>23608</v>
      </c>
      <c r="BZ27" s="103">
        <v>316832</v>
      </c>
      <c r="CA27" s="106">
        <v>339408</v>
      </c>
      <c r="CB27" s="100">
        <v>18544</v>
      </c>
      <c r="CC27" s="104">
        <v>34112</v>
      </c>
      <c r="CD27" s="103">
        <v>52656</v>
      </c>
      <c r="CE27" s="100">
        <v>0</v>
      </c>
      <c r="CF27" s="104">
        <v>556711</v>
      </c>
      <c r="CG27" s="104">
        <v>438677</v>
      </c>
      <c r="CH27" s="104">
        <v>253712</v>
      </c>
      <c r="CI27" s="104">
        <v>80232</v>
      </c>
      <c r="CJ27" s="104">
        <v>330680</v>
      </c>
      <c r="CK27" s="103">
        <v>1660012</v>
      </c>
      <c r="CL27" s="106">
        <v>1712668</v>
      </c>
      <c r="CM27" s="100">
        <v>0</v>
      </c>
      <c r="CN27" s="104">
        <v>0</v>
      </c>
      <c r="CO27" s="103">
        <v>0</v>
      </c>
      <c r="CP27" s="101">
        <v>0</v>
      </c>
      <c r="CQ27" s="104">
        <v>439188</v>
      </c>
      <c r="CR27" s="104">
        <v>292413</v>
      </c>
      <c r="CS27" s="104">
        <v>253712</v>
      </c>
      <c r="CT27" s="104">
        <v>80232</v>
      </c>
      <c r="CU27" s="104">
        <v>179296</v>
      </c>
      <c r="CV27" s="103">
        <v>1244841</v>
      </c>
      <c r="CW27" s="106">
        <v>1244841</v>
      </c>
      <c r="CX27" s="100">
        <v>18544</v>
      </c>
      <c r="CY27" s="104">
        <v>34112</v>
      </c>
      <c r="CZ27" s="103">
        <v>52656</v>
      </c>
      <c r="DA27" s="100">
        <v>0</v>
      </c>
      <c r="DB27" s="104">
        <v>117523</v>
      </c>
      <c r="DC27" s="104">
        <v>146264</v>
      </c>
      <c r="DD27" s="104">
        <v>0</v>
      </c>
      <c r="DE27" s="104">
        <v>0</v>
      </c>
      <c r="DF27" s="104">
        <v>151384</v>
      </c>
      <c r="DG27" s="103">
        <v>415171</v>
      </c>
      <c r="DH27" s="106">
        <v>467827</v>
      </c>
      <c r="DI27" s="100">
        <v>0</v>
      </c>
      <c r="DJ27" s="104">
        <v>0</v>
      </c>
      <c r="DK27" s="102">
        <v>0</v>
      </c>
      <c r="DL27" s="101">
        <v>0</v>
      </c>
      <c r="DM27" s="104">
        <v>21868</v>
      </c>
      <c r="DN27" s="104">
        <v>54495</v>
      </c>
      <c r="DO27" s="104">
        <v>19167</v>
      </c>
      <c r="DP27" s="104">
        <v>51449</v>
      </c>
      <c r="DQ27" s="104">
        <v>123805</v>
      </c>
      <c r="DR27" s="103">
        <v>270784</v>
      </c>
      <c r="DS27" s="106">
        <v>270784</v>
      </c>
      <c r="DT27" s="100">
        <v>0</v>
      </c>
      <c r="DU27" s="104">
        <v>0</v>
      </c>
      <c r="DV27" s="103">
        <v>0</v>
      </c>
      <c r="DW27" s="100">
        <v>0</v>
      </c>
      <c r="DX27" s="104">
        <v>21868</v>
      </c>
      <c r="DY27" s="104">
        <v>54495</v>
      </c>
      <c r="DZ27" s="104">
        <v>19167</v>
      </c>
      <c r="EA27" s="104">
        <v>51449</v>
      </c>
      <c r="EB27" s="104">
        <v>123805</v>
      </c>
      <c r="EC27" s="103">
        <v>270784</v>
      </c>
      <c r="ED27" s="106">
        <v>270784</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2"/>
      <c r="FE27" s="104">
        <v>0</v>
      </c>
      <c r="FF27" s="104">
        <v>0</v>
      </c>
      <c r="FG27" s="104">
        <v>0</v>
      </c>
      <c r="FH27" s="104">
        <v>0</v>
      </c>
      <c r="FI27" s="104">
        <v>0</v>
      </c>
      <c r="FJ27" s="103">
        <v>0</v>
      </c>
      <c r="FK27" s="106">
        <v>0</v>
      </c>
      <c r="FL27" s="100">
        <v>164400</v>
      </c>
      <c r="FM27" s="104">
        <v>69744</v>
      </c>
      <c r="FN27" s="103">
        <v>234144</v>
      </c>
      <c r="FO27" s="100">
        <v>0</v>
      </c>
      <c r="FP27" s="104">
        <v>90760</v>
      </c>
      <c r="FQ27" s="104">
        <v>141936</v>
      </c>
      <c r="FR27" s="104">
        <v>108376</v>
      </c>
      <c r="FS27" s="104">
        <v>28792</v>
      </c>
      <c r="FT27" s="104">
        <v>120032</v>
      </c>
      <c r="FU27" s="103">
        <v>489896</v>
      </c>
      <c r="FV27" s="106">
        <v>724040</v>
      </c>
      <c r="FW27" s="105">
        <v>4400</v>
      </c>
      <c r="FX27" s="104">
        <v>42544</v>
      </c>
      <c r="FY27" s="102">
        <v>46944</v>
      </c>
      <c r="FZ27" s="101">
        <v>0</v>
      </c>
      <c r="GA27" s="104">
        <v>90760</v>
      </c>
      <c r="GB27" s="104">
        <v>141936</v>
      </c>
      <c r="GC27" s="104">
        <v>108376</v>
      </c>
      <c r="GD27" s="104">
        <v>28792</v>
      </c>
      <c r="GE27" s="104">
        <v>120032</v>
      </c>
      <c r="GF27" s="103">
        <v>489896</v>
      </c>
      <c r="GG27" s="294">
        <v>536840</v>
      </c>
      <c r="GH27" s="105">
        <v>0</v>
      </c>
      <c r="GI27" s="104">
        <v>27200</v>
      </c>
      <c r="GJ27" s="102">
        <v>27200</v>
      </c>
      <c r="GK27" s="101">
        <v>0</v>
      </c>
      <c r="GL27" s="104">
        <v>0</v>
      </c>
      <c r="GM27" s="104">
        <v>0</v>
      </c>
      <c r="GN27" s="104">
        <v>0</v>
      </c>
      <c r="GO27" s="104">
        <v>0</v>
      </c>
      <c r="GP27" s="104">
        <v>0</v>
      </c>
      <c r="GQ27" s="103">
        <v>0</v>
      </c>
      <c r="GR27" s="106">
        <v>27200</v>
      </c>
      <c r="GS27" s="100">
        <v>160000</v>
      </c>
      <c r="GT27" s="104">
        <v>0</v>
      </c>
      <c r="GU27" s="103">
        <v>160000</v>
      </c>
      <c r="GV27" s="100">
        <v>0</v>
      </c>
      <c r="GW27" s="104">
        <v>0</v>
      </c>
      <c r="GX27" s="104">
        <v>0</v>
      </c>
      <c r="GY27" s="104">
        <v>0</v>
      </c>
      <c r="GZ27" s="104">
        <v>0</v>
      </c>
      <c r="HA27" s="104">
        <v>0</v>
      </c>
      <c r="HB27" s="102">
        <v>0</v>
      </c>
      <c r="HC27" s="106">
        <v>160000</v>
      </c>
      <c r="HD27" s="100">
        <v>0</v>
      </c>
      <c r="HE27" s="104">
        <v>97034</v>
      </c>
      <c r="HF27" s="102">
        <v>97034</v>
      </c>
      <c r="HG27" s="101">
        <v>0</v>
      </c>
      <c r="HH27" s="104">
        <v>869799</v>
      </c>
      <c r="HI27" s="104">
        <v>802924</v>
      </c>
      <c r="HJ27" s="104">
        <v>19745</v>
      </c>
      <c r="HK27" s="104">
        <v>404032</v>
      </c>
      <c r="HL27" s="104">
        <v>230256</v>
      </c>
      <c r="HM27" s="103">
        <v>2326756</v>
      </c>
      <c r="HN27" s="99">
        <v>2423790</v>
      </c>
      <c r="HO27" s="304"/>
      <c r="HP27" s="305"/>
      <c r="HQ27" s="306"/>
      <c r="HR27" s="307"/>
      <c r="HS27" s="305"/>
      <c r="HT27" s="305"/>
      <c r="HU27" s="305"/>
      <c r="HV27" s="305"/>
      <c r="HW27" s="305"/>
      <c r="HX27" s="308"/>
      <c r="HY27" s="309"/>
      <c r="HZ27" s="118">
        <v>0</v>
      </c>
      <c r="IA27" s="119">
        <v>0</v>
      </c>
      <c r="IB27" s="120">
        <v>0</v>
      </c>
      <c r="IC27" s="133">
        <v>0</v>
      </c>
      <c r="ID27" s="119">
        <v>376920</v>
      </c>
      <c r="IE27" s="134">
        <v>1219168</v>
      </c>
      <c r="IF27" s="120">
        <v>1208484</v>
      </c>
      <c r="IG27" s="119">
        <v>1003824</v>
      </c>
      <c r="IH27" s="120">
        <v>0</v>
      </c>
      <c r="II27" s="135">
        <v>3808396</v>
      </c>
      <c r="IJ27" s="126">
        <v>3808396</v>
      </c>
      <c r="IK27" s="219">
        <v>0</v>
      </c>
      <c r="IL27" s="223">
        <v>0</v>
      </c>
      <c r="IM27" s="224">
        <v>0</v>
      </c>
      <c r="IN27" s="127"/>
      <c r="IO27" s="109">
        <v>0</v>
      </c>
      <c r="IP27" s="109">
        <v>205360</v>
      </c>
      <c r="IQ27" s="109">
        <v>0</v>
      </c>
      <c r="IR27" s="109">
        <v>0</v>
      </c>
      <c r="IS27" s="109">
        <v>0</v>
      </c>
      <c r="IT27" s="128">
        <v>205360</v>
      </c>
      <c r="IU27" s="296">
        <v>205360</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61856</v>
      </c>
      <c r="JL27" s="109">
        <v>122968</v>
      </c>
      <c r="JM27" s="109">
        <v>33320</v>
      </c>
      <c r="JN27" s="109">
        <v>23120</v>
      </c>
      <c r="JO27" s="109">
        <v>0</v>
      </c>
      <c r="JP27" s="110">
        <v>241264</v>
      </c>
      <c r="JQ27" s="296">
        <v>241264</v>
      </c>
      <c r="JR27" s="129">
        <v>0</v>
      </c>
      <c r="JS27" s="109">
        <v>0</v>
      </c>
      <c r="JT27" s="128">
        <v>0</v>
      </c>
      <c r="JU27" s="108">
        <v>0</v>
      </c>
      <c r="JV27" s="109">
        <v>0</v>
      </c>
      <c r="JW27" s="109">
        <v>0</v>
      </c>
      <c r="JX27" s="109">
        <v>0</v>
      </c>
      <c r="JY27" s="109">
        <v>0</v>
      </c>
      <c r="JZ27" s="109">
        <v>0</v>
      </c>
      <c r="KA27" s="110">
        <v>0</v>
      </c>
      <c r="KB27" s="296">
        <v>0</v>
      </c>
      <c r="KC27" s="221">
        <v>0</v>
      </c>
      <c r="KD27" s="217">
        <v>0</v>
      </c>
      <c r="KE27" s="110">
        <v>0</v>
      </c>
      <c r="KF27" s="108">
        <v>0</v>
      </c>
      <c r="KG27" s="109">
        <v>91968</v>
      </c>
      <c r="KH27" s="109">
        <v>651872</v>
      </c>
      <c r="KI27" s="109">
        <v>0</v>
      </c>
      <c r="KJ27" s="109">
        <v>0</v>
      </c>
      <c r="KK27" s="109">
        <v>0</v>
      </c>
      <c r="KL27" s="110">
        <v>743840</v>
      </c>
      <c r="KM27" s="130">
        <v>743840</v>
      </c>
      <c r="KN27" s="219">
        <v>0</v>
      </c>
      <c r="KO27" s="223">
        <v>0</v>
      </c>
      <c r="KP27" s="224">
        <v>0</v>
      </c>
      <c r="KQ27" s="127"/>
      <c r="KR27" s="109">
        <v>223096</v>
      </c>
      <c r="KS27" s="109">
        <v>238968</v>
      </c>
      <c r="KT27" s="109">
        <v>239700</v>
      </c>
      <c r="KU27" s="109">
        <v>490256</v>
      </c>
      <c r="KV27" s="109">
        <v>0</v>
      </c>
      <c r="KW27" s="110">
        <v>1192020</v>
      </c>
      <c r="KX27" s="296">
        <v>119202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935464</v>
      </c>
      <c r="LQ27" s="109">
        <v>490448</v>
      </c>
      <c r="LR27" s="109">
        <v>0</v>
      </c>
      <c r="LS27" s="110">
        <v>1425912</v>
      </c>
      <c r="LT27" s="296">
        <v>142591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31384</v>
      </c>
      <c r="MK27" s="109">
        <v>149400</v>
      </c>
      <c r="ML27" s="109">
        <v>1175802</v>
      </c>
      <c r="MM27" s="109">
        <v>1824543</v>
      </c>
      <c r="MN27" s="109">
        <v>337860</v>
      </c>
      <c r="MO27" s="110">
        <v>3718989</v>
      </c>
      <c r="MP27" s="130">
        <v>3718989</v>
      </c>
      <c r="MQ27" s="129">
        <v>0</v>
      </c>
      <c r="MR27" s="109">
        <v>0</v>
      </c>
      <c r="MS27" s="110">
        <v>0</v>
      </c>
      <c r="MT27" s="132"/>
      <c r="MU27" s="109">
        <v>0</v>
      </c>
      <c r="MV27" s="109">
        <v>0</v>
      </c>
      <c r="MW27" s="109">
        <v>892800</v>
      </c>
      <c r="MX27" s="109">
        <v>1185254</v>
      </c>
      <c r="MY27" s="109">
        <v>0</v>
      </c>
      <c r="MZ27" s="110">
        <v>2078054</v>
      </c>
      <c r="NA27" s="130">
        <v>2078054</v>
      </c>
      <c r="NB27" s="129">
        <v>0</v>
      </c>
      <c r="NC27" s="109">
        <v>0</v>
      </c>
      <c r="ND27" s="110">
        <v>0</v>
      </c>
      <c r="NE27" s="132"/>
      <c r="NF27" s="109">
        <v>231384</v>
      </c>
      <c r="NG27" s="109">
        <v>149400</v>
      </c>
      <c r="NH27" s="109">
        <v>283002</v>
      </c>
      <c r="NI27" s="109">
        <v>277536</v>
      </c>
      <c r="NJ27" s="109">
        <v>337860</v>
      </c>
      <c r="NK27" s="110">
        <v>1279182</v>
      </c>
      <c r="NL27" s="296">
        <v>1279182</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361753</v>
      </c>
      <c r="OF27" s="109">
        <v>0</v>
      </c>
      <c r="OG27" s="110">
        <v>361753</v>
      </c>
      <c r="OH27" s="111">
        <v>361753</v>
      </c>
      <c r="OI27" s="129">
        <v>205520</v>
      </c>
      <c r="OJ27" s="109">
        <v>259349</v>
      </c>
      <c r="OK27" s="128">
        <v>464869</v>
      </c>
      <c r="OL27" s="108">
        <v>0</v>
      </c>
      <c r="OM27" s="109">
        <v>2532938</v>
      </c>
      <c r="ON27" s="109">
        <v>3162386</v>
      </c>
      <c r="OO27" s="109">
        <v>2928018</v>
      </c>
      <c r="OP27" s="109">
        <v>3500280</v>
      </c>
      <c r="OQ27" s="109">
        <v>1429361</v>
      </c>
      <c r="OR27" s="110">
        <v>13552983</v>
      </c>
      <c r="OS27" s="130">
        <v>14017852</v>
      </c>
    </row>
    <row r="28" spans="2:409" ht="21" customHeight="1" x14ac:dyDescent="0.2">
      <c r="B28" s="468" t="s">
        <v>23</v>
      </c>
      <c r="C28" s="100">
        <v>358786</v>
      </c>
      <c r="D28" s="104">
        <v>172735</v>
      </c>
      <c r="E28" s="103">
        <v>531521</v>
      </c>
      <c r="F28" s="99">
        <v>0</v>
      </c>
      <c r="G28" s="104">
        <v>2996395</v>
      </c>
      <c r="H28" s="104">
        <v>2717516</v>
      </c>
      <c r="I28" s="104">
        <v>2130219</v>
      </c>
      <c r="J28" s="104">
        <v>2809273</v>
      </c>
      <c r="K28" s="104">
        <v>1776759</v>
      </c>
      <c r="L28" s="160">
        <v>12430162</v>
      </c>
      <c r="M28" s="106">
        <v>12961683</v>
      </c>
      <c r="N28" s="100">
        <v>135573</v>
      </c>
      <c r="O28" s="104">
        <v>79271</v>
      </c>
      <c r="P28" s="103">
        <v>214844</v>
      </c>
      <c r="Q28" s="100">
        <v>0</v>
      </c>
      <c r="R28" s="104">
        <v>715440</v>
      </c>
      <c r="S28" s="104">
        <v>1175019</v>
      </c>
      <c r="T28" s="104">
        <v>714753</v>
      </c>
      <c r="U28" s="104">
        <v>563511</v>
      </c>
      <c r="V28" s="104">
        <v>658253</v>
      </c>
      <c r="W28" s="103">
        <v>3826976</v>
      </c>
      <c r="X28" s="106">
        <v>4041820</v>
      </c>
      <c r="Y28" s="100">
        <v>0</v>
      </c>
      <c r="Z28" s="104">
        <v>0</v>
      </c>
      <c r="AA28" s="103">
        <v>0</v>
      </c>
      <c r="AB28" s="100">
        <v>0</v>
      </c>
      <c r="AC28" s="104">
        <v>214999</v>
      </c>
      <c r="AD28" s="104">
        <v>557398</v>
      </c>
      <c r="AE28" s="104">
        <v>429881</v>
      </c>
      <c r="AF28" s="104">
        <v>100014</v>
      </c>
      <c r="AG28" s="104">
        <v>358534</v>
      </c>
      <c r="AH28" s="103">
        <v>1660826</v>
      </c>
      <c r="AI28" s="106">
        <v>1660826</v>
      </c>
      <c r="AJ28" s="100">
        <v>0</v>
      </c>
      <c r="AK28" s="104">
        <v>0</v>
      </c>
      <c r="AL28" s="103">
        <v>0</v>
      </c>
      <c r="AM28" s="100">
        <v>0</v>
      </c>
      <c r="AN28" s="104">
        <v>0</v>
      </c>
      <c r="AO28" s="104">
        <v>0</v>
      </c>
      <c r="AP28" s="104">
        <v>0</v>
      </c>
      <c r="AQ28" s="104">
        <v>118440</v>
      </c>
      <c r="AR28" s="104">
        <v>0</v>
      </c>
      <c r="AS28" s="103">
        <v>118440</v>
      </c>
      <c r="AT28" s="106">
        <v>118440</v>
      </c>
      <c r="AU28" s="100">
        <v>89989</v>
      </c>
      <c r="AV28" s="104">
        <v>58138</v>
      </c>
      <c r="AW28" s="103">
        <v>148127</v>
      </c>
      <c r="AX28" s="100">
        <v>0</v>
      </c>
      <c r="AY28" s="104">
        <v>225953</v>
      </c>
      <c r="AZ28" s="104">
        <v>533205</v>
      </c>
      <c r="BA28" s="104">
        <v>150128</v>
      </c>
      <c r="BB28" s="104">
        <v>156217</v>
      </c>
      <c r="BC28" s="104">
        <v>209943</v>
      </c>
      <c r="BD28" s="103">
        <v>1275446</v>
      </c>
      <c r="BE28" s="106">
        <v>1423573</v>
      </c>
      <c r="BF28" s="100">
        <v>0</v>
      </c>
      <c r="BG28" s="104">
        <v>21133</v>
      </c>
      <c r="BH28" s="102">
        <v>21133</v>
      </c>
      <c r="BI28" s="101">
        <v>0</v>
      </c>
      <c r="BJ28" s="104">
        <v>0</v>
      </c>
      <c r="BK28" s="104">
        <v>0</v>
      </c>
      <c r="BL28" s="104">
        <v>0</v>
      </c>
      <c r="BM28" s="104">
        <v>0</v>
      </c>
      <c r="BN28" s="104">
        <v>0</v>
      </c>
      <c r="BO28" s="103">
        <v>0</v>
      </c>
      <c r="BP28" s="106">
        <v>21133</v>
      </c>
      <c r="BQ28" s="100">
        <v>45584</v>
      </c>
      <c r="BR28" s="104">
        <v>0</v>
      </c>
      <c r="BS28" s="103">
        <v>45584</v>
      </c>
      <c r="BT28" s="100">
        <v>0</v>
      </c>
      <c r="BU28" s="104">
        <v>274488</v>
      </c>
      <c r="BV28" s="104">
        <v>84416</v>
      </c>
      <c r="BW28" s="104">
        <v>134744</v>
      </c>
      <c r="BX28" s="104">
        <v>188840</v>
      </c>
      <c r="BY28" s="104">
        <v>89776</v>
      </c>
      <c r="BZ28" s="103">
        <v>772264</v>
      </c>
      <c r="CA28" s="106">
        <v>817848</v>
      </c>
      <c r="CB28" s="100">
        <v>0</v>
      </c>
      <c r="CC28" s="104">
        <v>0</v>
      </c>
      <c r="CD28" s="103">
        <v>0</v>
      </c>
      <c r="CE28" s="100">
        <v>0</v>
      </c>
      <c r="CF28" s="104">
        <v>861604</v>
      </c>
      <c r="CG28" s="104">
        <v>883643</v>
      </c>
      <c r="CH28" s="104">
        <v>954656</v>
      </c>
      <c r="CI28" s="104">
        <v>480104</v>
      </c>
      <c r="CJ28" s="104">
        <v>339690</v>
      </c>
      <c r="CK28" s="103">
        <v>3519697</v>
      </c>
      <c r="CL28" s="106">
        <v>3519697</v>
      </c>
      <c r="CM28" s="100">
        <v>0</v>
      </c>
      <c r="CN28" s="104">
        <v>0</v>
      </c>
      <c r="CO28" s="103">
        <v>0</v>
      </c>
      <c r="CP28" s="101">
        <v>0</v>
      </c>
      <c r="CQ28" s="104">
        <v>625490</v>
      </c>
      <c r="CR28" s="104">
        <v>813689</v>
      </c>
      <c r="CS28" s="104">
        <v>763611</v>
      </c>
      <c r="CT28" s="104">
        <v>222809</v>
      </c>
      <c r="CU28" s="104">
        <v>339690</v>
      </c>
      <c r="CV28" s="103">
        <v>2765289</v>
      </c>
      <c r="CW28" s="106">
        <v>2765289</v>
      </c>
      <c r="CX28" s="100">
        <v>0</v>
      </c>
      <c r="CY28" s="104">
        <v>0</v>
      </c>
      <c r="CZ28" s="103">
        <v>0</v>
      </c>
      <c r="DA28" s="100">
        <v>0</v>
      </c>
      <c r="DB28" s="104">
        <v>236114</v>
      </c>
      <c r="DC28" s="104">
        <v>69954</v>
      </c>
      <c r="DD28" s="104">
        <v>191045</v>
      </c>
      <c r="DE28" s="104">
        <v>257295</v>
      </c>
      <c r="DF28" s="104">
        <v>0</v>
      </c>
      <c r="DG28" s="103">
        <v>754408</v>
      </c>
      <c r="DH28" s="106">
        <v>754408</v>
      </c>
      <c r="DI28" s="100">
        <v>44172</v>
      </c>
      <c r="DJ28" s="104">
        <v>0</v>
      </c>
      <c r="DK28" s="102">
        <v>44172</v>
      </c>
      <c r="DL28" s="101">
        <v>0</v>
      </c>
      <c r="DM28" s="104">
        <v>31608</v>
      </c>
      <c r="DN28" s="104">
        <v>179965</v>
      </c>
      <c r="DO28" s="104">
        <v>329170</v>
      </c>
      <c r="DP28" s="104">
        <v>117593</v>
      </c>
      <c r="DQ28" s="104">
        <v>0</v>
      </c>
      <c r="DR28" s="103">
        <v>658336</v>
      </c>
      <c r="DS28" s="106">
        <v>702508</v>
      </c>
      <c r="DT28" s="100">
        <v>0</v>
      </c>
      <c r="DU28" s="104">
        <v>0</v>
      </c>
      <c r="DV28" s="103">
        <v>0</v>
      </c>
      <c r="DW28" s="100">
        <v>0</v>
      </c>
      <c r="DX28" s="104">
        <v>0</v>
      </c>
      <c r="DY28" s="104">
        <v>179965</v>
      </c>
      <c r="DZ28" s="104">
        <v>329170</v>
      </c>
      <c r="EA28" s="104">
        <v>117593</v>
      </c>
      <c r="EB28" s="104">
        <v>0</v>
      </c>
      <c r="EC28" s="103">
        <v>626728</v>
      </c>
      <c r="ED28" s="106">
        <v>626728</v>
      </c>
      <c r="EE28" s="100">
        <v>44172</v>
      </c>
      <c r="EF28" s="102">
        <v>0</v>
      </c>
      <c r="EG28" s="103">
        <v>44172</v>
      </c>
      <c r="EH28" s="100">
        <v>0</v>
      </c>
      <c r="EI28" s="104">
        <v>31608</v>
      </c>
      <c r="EJ28" s="104">
        <v>0</v>
      </c>
      <c r="EK28" s="104">
        <v>0</v>
      </c>
      <c r="EL28" s="104">
        <v>0</v>
      </c>
      <c r="EM28" s="104">
        <v>0</v>
      </c>
      <c r="EN28" s="102">
        <v>31608</v>
      </c>
      <c r="EO28" s="106">
        <v>75780</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2"/>
      <c r="FE28" s="104">
        <v>0</v>
      </c>
      <c r="FF28" s="104">
        <v>0</v>
      </c>
      <c r="FG28" s="104">
        <v>0</v>
      </c>
      <c r="FH28" s="104">
        <v>0</v>
      </c>
      <c r="FI28" s="104">
        <v>0</v>
      </c>
      <c r="FJ28" s="103">
        <v>0</v>
      </c>
      <c r="FK28" s="106">
        <v>0</v>
      </c>
      <c r="FL28" s="100">
        <v>15728</v>
      </c>
      <c r="FM28" s="104">
        <v>93464</v>
      </c>
      <c r="FN28" s="103">
        <v>109192</v>
      </c>
      <c r="FO28" s="100">
        <v>0</v>
      </c>
      <c r="FP28" s="104">
        <v>69240</v>
      </c>
      <c r="FQ28" s="104">
        <v>309232</v>
      </c>
      <c r="FR28" s="104">
        <v>131640</v>
      </c>
      <c r="FS28" s="104">
        <v>143824</v>
      </c>
      <c r="FT28" s="104">
        <v>79496</v>
      </c>
      <c r="FU28" s="103">
        <v>733432</v>
      </c>
      <c r="FV28" s="106">
        <v>842624</v>
      </c>
      <c r="FW28" s="105">
        <v>15728</v>
      </c>
      <c r="FX28" s="104">
        <v>93464</v>
      </c>
      <c r="FY28" s="102">
        <v>109192</v>
      </c>
      <c r="FZ28" s="101">
        <v>0</v>
      </c>
      <c r="GA28" s="104">
        <v>69240</v>
      </c>
      <c r="GB28" s="104">
        <v>309232</v>
      </c>
      <c r="GC28" s="104">
        <v>131640</v>
      </c>
      <c r="GD28" s="104">
        <v>143824</v>
      </c>
      <c r="GE28" s="104">
        <v>79496</v>
      </c>
      <c r="GF28" s="103">
        <v>733432</v>
      </c>
      <c r="GG28" s="294">
        <v>842624</v>
      </c>
      <c r="GH28" s="105">
        <v>0</v>
      </c>
      <c r="GI28" s="104">
        <v>0</v>
      </c>
      <c r="GJ28" s="102">
        <v>0</v>
      </c>
      <c r="GK28" s="101">
        <v>0</v>
      </c>
      <c r="GL28" s="104">
        <v>0</v>
      </c>
      <c r="GM28" s="104">
        <v>0</v>
      </c>
      <c r="GN28" s="104">
        <v>0</v>
      </c>
      <c r="GO28" s="104">
        <v>0</v>
      </c>
      <c r="GP28" s="104">
        <v>0</v>
      </c>
      <c r="GQ28" s="103">
        <v>0</v>
      </c>
      <c r="GR28" s="106">
        <v>0</v>
      </c>
      <c r="GS28" s="100">
        <v>0</v>
      </c>
      <c r="GT28" s="104">
        <v>0</v>
      </c>
      <c r="GU28" s="103">
        <v>0</v>
      </c>
      <c r="GV28" s="100">
        <v>0</v>
      </c>
      <c r="GW28" s="104">
        <v>0</v>
      </c>
      <c r="GX28" s="104">
        <v>0</v>
      </c>
      <c r="GY28" s="104">
        <v>0</v>
      </c>
      <c r="GZ28" s="104">
        <v>0</v>
      </c>
      <c r="HA28" s="104">
        <v>0</v>
      </c>
      <c r="HB28" s="102">
        <v>0</v>
      </c>
      <c r="HC28" s="106">
        <v>0</v>
      </c>
      <c r="HD28" s="100">
        <v>163313</v>
      </c>
      <c r="HE28" s="104">
        <v>0</v>
      </c>
      <c r="HF28" s="102">
        <v>163313</v>
      </c>
      <c r="HG28" s="101">
        <v>0</v>
      </c>
      <c r="HH28" s="104">
        <v>1318503</v>
      </c>
      <c r="HI28" s="104">
        <v>169657</v>
      </c>
      <c r="HJ28" s="104">
        <v>0</v>
      </c>
      <c r="HK28" s="104">
        <v>1504241</v>
      </c>
      <c r="HL28" s="104">
        <v>699320</v>
      </c>
      <c r="HM28" s="103">
        <v>3691721</v>
      </c>
      <c r="HN28" s="99">
        <v>3855034</v>
      </c>
      <c r="HO28" s="304"/>
      <c r="HP28" s="305"/>
      <c r="HQ28" s="306"/>
      <c r="HR28" s="307"/>
      <c r="HS28" s="305"/>
      <c r="HT28" s="305"/>
      <c r="HU28" s="305"/>
      <c r="HV28" s="305"/>
      <c r="HW28" s="305"/>
      <c r="HX28" s="308"/>
      <c r="HY28" s="309"/>
      <c r="HZ28" s="137">
        <v>0</v>
      </c>
      <c r="IA28" s="122">
        <v>0</v>
      </c>
      <c r="IB28" s="137">
        <v>0</v>
      </c>
      <c r="IC28" s="121">
        <v>0</v>
      </c>
      <c r="ID28" s="122">
        <v>583891</v>
      </c>
      <c r="IE28" s="123">
        <v>504170</v>
      </c>
      <c r="IF28" s="124">
        <v>950532</v>
      </c>
      <c r="IG28" s="122">
        <v>429176</v>
      </c>
      <c r="IH28" s="124">
        <v>0</v>
      </c>
      <c r="II28" s="125">
        <v>2467769</v>
      </c>
      <c r="IJ28" s="137">
        <v>2467769</v>
      </c>
      <c r="IK28" s="219">
        <v>0</v>
      </c>
      <c r="IL28" s="223">
        <v>0</v>
      </c>
      <c r="IM28" s="224">
        <v>0</v>
      </c>
      <c r="IN28" s="127"/>
      <c r="IO28" s="109">
        <v>0</v>
      </c>
      <c r="IP28" s="109">
        <v>0</v>
      </c>
      <c r="IQ28" s="109">
        <v>0</v>
      </c>
      <c r="IR28" s="109">
        <v>0</v>
      </c>
      <c r="IS28" s="109">
        <v>0</v>
      </c>
      <c r="IT28" s="128">
        <v>0</v>
      </c>
      <c r="IU28" s="296">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19327</v>
      </c>
      <c r="JL28" s="109">
        <v>85279</v>
      </c>
      <c r="JM28" s="109">
        <v>202440</v>
      </c>
      <c r="JN28" s="109">
        <v>0</v>
      </c>
      <c r="JO28" s="109">
        <v>0</v>
      </c>
      <c r="JP28" s="110">
        <v>407046</v>
      </c>
      <c r="JQ28" s="296">
        <v>407046</v>
      </c>
      <c r="JR28" s="129">
        <v>0</v>
      </c>
      <c r="JS28" s="109">
        <v>0</v>
      </c>
      <c r="JT28" s="128">
        <v>0</v>
      </c>
      <c r="JU28" s="108">
        <v>0</v>
      </c>
      <c r="JV28" s="109">
        <v>0</v>
      </c>
      <c r="JW28" s="109">
        <v>0</v>
      </c>
      <c r="JX28" s="109">
        <v>0</v>
      </c>
      <c r="JY28" s="109">
        <v>0</v>
      </c>
      <c r="JZ28" s="109">
        <v>0</v>
      </c>
      <c r="KA28" s="110">
        <v>0</v>
      </c>
      <c r="KB28" s="296">
        <v>0</v>
      </c>
      <c r="KC28" s="221">
        <v>0</v>
      </c>
      <c r="KD28" s="217">
        <v>0</v>
      </c>
      <c r="KE28" s="110">
        <v>0</v>
      </c>
      <c r="KF28" s="108">
        <v>0</v>
      </c>
      <c r="KG28" s="109">
        <v>0</v>
      </c>
      <c r="KH28" s="109">
        <v>169956</v>
      </c>
      <c r="KI28" s="109">
        <v>0</v>
      </c>
      <c r="KJ28" s="109">
        <v>0</v>
      </c>
      <c r="KK28" s="109">
        <v>0</v>
      </c>
      <c r="KL28" s="110">
        <v>169956</v>
      </c>
      <c r="KM28" s="130">
        <v>169956</v>
      </c>
      <c r="KN28" s="219">
        <v>0</v>
      </c>
      <c r="KO28" s="223">
        <v>0</v>
      </c>
      <c r="KP28" s="224">
        <v>0</v>
      </c>
      <c r="KQ28" s="127"/>
      <c r="KR28" s="109">
        <v>464564</v>
      </c>
      <c r="KS28" s="109">
        <v>248935</v>
      </c>
      <c r="KT28" s="109">
        <v>748092</v>
      </c>
      <c r="KU28" s="109">
        <v>429176</v>
      </c>
      <c r="KV28" s="109">
        <v>0</v>
      </c>
      <c r="KW28" s="110">
        <v>1890767</v>
      </c>
      <c r="KX28" s="296">
        <v>1890767</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6">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250160</v>
      </c>
      <c r="ML28" s="109">
        <v>1808085</v>
      </c>
      <c r="MM28" s="109">
        <v>1803233</v>
      </c>
      <c r="MN28" s="109">
        <v>666961</v>
      </c>
      <c r="MO28" s="110">
        <v>4528439</v>
      </c>
      <c r="MP28" s="130">
        <v>4528439</v>
      </c>
      <c r="MQ28" s="129">
        <v>0</v>
      </c>
      <c r="MR28" s="109">
        <v>0</v>
      </c>
      <c r="MS28" s="110">
        <v>0</v>
      </c>
      <c r="MT28" s="132"/>
      <c r="MU28" s="109">
        <v>0</v>
      </c>
      <c r="MV28" s="109">
        <v>0</v>
      </c>
      <c r="MW28" s="109">
        <v>1289918</v>
      </c>
      <c r="MX28" s="109">
        <v>1235829</v>
      </c>
      <c r="MY28" s="109">
        <v>0</v>
      </c>
      <c r="MZ28" s="110">
        <v>2525747</v>
      </c>
      <c r="NA28" s="130">
        <v>2525747</v>
      </c>
      <c r="NB28" s="129">
        <v>0</v>
      </c>
      <c r="NC28" s="109">
        <v>0</v>
      </c>
      <c r="ND28" s="110">
        <v>0</v>
      </c>
      <c r="NE28" s="132"/>
      <c r="NF28" s="109">
        <v>0</v>
      </c>
      <c r="NG28" s="109">
        <v>250160</v>
      </c>
      <c r="NH28" s="109">
        <v>518167</v>
      </c>
      <c r="NI28" s="109">
        <v>567404</v>
      </c>
      <c r="NJ28" s="109">
        <v>666961</v>
      </c>
      <c r="NK28" s="110">
        <v>2002692</v>
      </c>
      <c r="NL28" s="296">
        <v>2002692</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0</v>
      </c>
      <c r="OG28" s="110">
        <v>0</v>
      </c>
      <c r="OH28" s="111">
        <v>0</v>
      </c>
      <c r="OI28" s="129">
        <v>358786</v>
      </c>
      <c r="OJ28" s="109">
        <v>172735</v>
      </c>
      <c r="OK28" s="128">
        <v>531521</v>
      </c>
      <c r="OL28" s="108">
        <v>0</v>
      </c>
      <c r="OM28" s="109">
        <v>3580286</v>
      </c>
      <c r="ON28" s="109">
        <v>3471846</v>
      </c>
      <c r="OO28" s="109">
        <v>4888836</v>
      </c>
      <c r="OP28" s="109">
        <v>5041682</v>
      </c>
      <c r="OQ28" s="109">
        <v>2443720</v>
      </c>
      <c r="OR28" s="110">
        <v>19426370</v>
      </c>
      <c r="OS28" s="130">
        <v>19957891</v>
      </c>
    </row>
    <row r="29" spans="2:409" ht="21" customHeight="1" x14ac:dyDescent="0.2">
      <c r="B29" s="468" t="s">
        <v>24</v>
      </c>
      <c r="C29" s="100">
        <v>311628</v>
      </c>
      <c r="D29" s="104">
        <v>245216</v>
      </c>
      <c r="E29" s="103">
        <v>556844</v>
      </c>
      <c r="F29" s="99">
        <v>0</v>
      </c>
      <c r="G29" s="104">
        <v>2375943</v>
      </c>
      <c r="H29" s="104">
        <v>2338244</v>
      </c>
      <c r="I29" s="104">
        <v>2035189</v>
      </c>
      <c r="J29" s="104">
        <v>1624624</v>
      </c>
      <c r="K29" s="104">
        <v>1344106</v>
      </c>
      <c r="L29" s="160">
        <v>9718106</v>
      </c>
      <c r="M29" s="106">
        <v>10274950</v>
      </c>
      <c r="N29" s="100">
        <v>70212</v>
      </c>
      <c r="O29" s="104">
        <v>112187</v>
      </c>
      <c r="P29" s="103">
        <v>182399</v>
      </c>
      <c r="Q29" s="100">
        <v>0</v>
      </c>
      <c r="R29" s="104">
        <v>888993</v>
      </c>
      <c r="S29" s="104">
        <v>611267</v>
      </c>
      <c r="T29" s="104">
        <v>610560</v>
      </c>
      <c r="U29" s="104">
        <v>686425</v>
      </c>
      <c r="V29" s="104">
        <v>900179</v>
      </c>
      <c r="W29" s="103">
        <v>3697424</v>
      </c>
      <c r="X29" s="106">
        <v>3879823</v>
      </c>
      <c r="Y29" s="100">
        <v>0</v>
      </c>
      <c r="Z29" s="104">
        <v>0</v>
      </c>
      <c r="AA29" s="103">
        <v>0</v>
      </c>
      <c r="AB29" s="100">
        <v>0</v>
      </c>
      <c r="AC29" s="104">
        <v>313764</v>
      </c>
      <c r="AD29" s="104">
        <v>220567</v>
      </c>
      <c r="AE29" s="104">
        <v>355491</v>
      </c>
      <c r="AF29" s="104">
        <v>278627</v>
      </c>
      <c r="AG29" s="104">
        <v>596173</v>
      </c>
      <c r="AH29" s="103">
        <v>1764622</v>
      </c>
      <c r="AI29" s="106">
        <v>1764622</v>
      </c>
      <c r="AJ29" s="100">
        <v>0</v>
      </c>
      <c r="AK29" s="104">
        <v>0</v>
      </c>
      <c r="AL29" s="103">
        <v>0</v>
      </c>
      <c r="AM29" s="100">
        <v>0</v>
      </c>
      <c r="AN29" s="104">
        <v>0</v>
      </c>
      <c r="AO29" s="104">
        <v>0</v>
      </c>
      <c r="AP29" s="104">
        <v>0</v>
      </c>
      <c r="AQ29" s="104">
        <v>141740</v>
      </c>
      <c r="AR29" s="104">
        <v>141826</v>
      </c>
      <c r="AS29" s="103">
        <v>283566</v>
      </c>
      <c r="AT29" s="106">
        <v>283566</v>
      </c>
      <c r="AU29" s="100">
        <v>13220</v>
      </c>
      <c r="AV29" s="104">
        <v>107419</v>
      </c>
      <c r="AW29" s="103">
        <v>120639</v>
      </c>
      <c r="AX29" s="100">
        <v>0</v>
      </c>
      <c r="AY29" s="104">
        <v>391913</v>
      </c>
      <c r="AZ29" s="104">
        <v>238701</v>
      </c>
      <c r="BA29" s="104">
        <v>80858</v>
      </c>
      <c r="BB29" s="104">
        <v>121834</v>
      </c>
      <c r="BC29" s="104">
        <v>82116</v>
      </c>
      <c r="BD29" s="103">
        <v>915422</v>
      </c>
      <c r="BE29" s="106">
        <v>1036061</v>
      </c>
      <c r="BF29" s="100">
        <v>0</v>
      </c>
      <c r="BG29" s="104">
        <v>0</v>
      </c>
      <c r="BH29" s="102">
        <v>0</v>
      </c>
      <c r="BI29" s="101">
        <v>0</v>
      </c>
      <c r="BJ29" s="104">
        <v>35868</v>
      </c>
      <c r="BK29" s="104">
        <v>43415</v>
      </c>
      <c r="BL29" s="104">
        <v>42267</v>
      </c>
      <c r="BM29" s="104">
        <v>0</v>
      </c>
      <c r="BN29" s="104">
        <v>0</v>
      </c>
      <c r="BO29" s="103">
        <v>121550</v>
      </c>
      <c r="BP29" s="106">
        <v>121550</v>
      </c>
      <c r="BQ29" s="100">
        <v>56992</v>
      </c>
      <c r="BR29" s="104">
        <v>4768</v>
      </c>
      <c r="BS29" s="103">
        <v>61760</v>
      </c>
      <c r="BT29" s="100">
        <v>0</v>
      </c>
      <c r="BU29" s="104">
        <v>147448</v>
      </c>
      <c r="BV29" s="104">
        <v>108584</v>
      </c>
      <c r="BW29" s="104">
        <v>131944</v>
      </c>
      <c r="BX29" s="104">
        <v>144224</v>
      </c>
      <c r="BY29" s="104">
        <v>80064</v>
      </c>
      <c r="BZ29" s="103">
        <v>612264</v>
      </c>
      <c r="CA29" s="106">
        <v>674024</v>
      </c>
      <c r="CB29" s="100">
        <v>39854</v>
      </c>
      <c r="CC29" s="104">
        <v>0</v>
      </c>
      <c r="CD29" s="103">
        <v>39854</v>
      </c>
      <c r="CE29" s="100">
        <v>0</v>
      </c>
      <c r="CF29" s="104">
        <v>657504</v>
      </c>
      <c r="CG29" s="104">
        <v>891296</v>
      </c>
      <c r="CH29" s="104">
        <v>774970</v>
      </c>
      <c r="CI29" s="104">
        <v>120367</v>
      </c>
      <c r="CJ29" s="104">
        <v>32864</v>
      </c>
      <c r="CK29" s="103">
        <v>2477001</v>
      </c>
      <c r="CL29" s="106">
        <v>2516855</v>
      </c>
      <c r="CM29" s="100">
        <v>0</v>
      </c>
      <c r="CN29" s="104">
        <v>0</v>
      </c>
      <c r="CO29" s="103">
        <v>0</v>
      </c>
      <c r="CP29" s="101">
        <v>0</v>
      </c>
      <c r="CQ29" s="104">
        <v>559130</v>
      </c>
      <c r="CR29" s="104">
        <v>659251</v>
      </c>
      <c r="CS29" s="104">
        <v>341569</v>
      </c>
      <c r="CT29" s="104">
        <v>24968</v>
      </c>
      <c r="CU29" s="104">
        <v>32864</v>
      </c>
      <c r="CV29" s="103">
        <v>1617782</v>
      </c>
      <c r="CW29" s="106">
        <v>1617782</v>
      </c>
      <c r="CX29" s="100">
        <v>39854</v>
      </c>
      <c r="CY29" s="104">
        <v>0</v>
      </c>
      <c r="CZ29" s="103">
        <v>39854</v>
      </c>
      <c r="DA29" s="100">
        <v>0</v>
      </c>
      <c r="DB29" s="104">
        <v>98374</v>
      </c>
      <c r="DC29" s="104">
        <v>232045</v>
      </c>
      <c r="DD29" s="104">
        <v>433401</v>
      </c>
      <c r="DE29" s="104">
        <v>95399</v>
      </c>
      <c r="DF29" s="104">
        <v>0</v>
      </c>
      <c r="DG29" s="103">
        <v>859219</v>
      </c>
      <c r="DH29" s="106">
        <v>899073</v>
      </c>
      <c r="DI29" s="100">
        <v>0</v>
      </c>
      <c r="DJ29" s="104">
        <v>0</v>
      </c>
      <c r="DK29" s="102">
        <v>0</v>
      </c>
      <c r="DL29" s="101">
        <v>0</v>
      </c>
      <c r="DM29" s="104">
        <v>35363</v>
      </c>
      <c r="DN29" s="104">
        <v>246696</v>
      </c>
      <c r="DO29" s="104">
        <v>0</v>
      </c>
      <c r="DP29" s="104">
        <v>0</v>
      </c>
      <c r="DQ29" s="104">
        <v>147693</v>
      </c>
      <c r="DR29" s="103">
        <v>429752</v>
      </c>
      <c r="DS29" s="106">
        <v>429752</v>
      </c>
      <c r="DT29" s="100">
        <v>0</v>
      </c>
      <c r="DU29" s="104">
        <v>0</v>
      </c>
      <c r="DV29" s="103">
        <v>0</v>
      </c>
      <c r="DW29" s="100">
        <v>0</v>
      </c>
      <c r="DX29" s="104">
        <v>0</v>
      </c>
      <c r="DY29" s="104">
        <v>246696</v>
      </c>
      <c r="DZ29" s="104">
        <v>0</v>
      </c>
      <c r="EA29" s="104">
        <v>0</v>
      </c>
      <c r="EB29" s="104">
        <v>147693</v>
      </c>
      <c r="EC29" s="103">
        <v>394389</v>
      </c>
      <c r="ED29" s="106">
        <v>394389</v>
      </c>
      <c r="EE29" s="100">
        <v>0</v>
      </c>
      <c r="EF29" s="102">
        <v>0</v>
      </c>
      <c r="EG29" s="103">
        <v>0</v>
      </c>
      <c r="EH29" s="100">
        <v>0</v>
      </c>
      <c r="EI29" s="104">
        <v>35363</v>
      </c>
      <c r="EJ29" s="104">
        <v>0</v>
      </c>
      <c r="EK29" s="104">
        <v>0</v>
      </c>
      <c r="EL29" s="104">
        <v>0</v>
      </c>
      <c r="EM29" s="104">
        <v>0</v>
      </c>
      <c r="EN29" s="102">
        <v>35363</v>
      </c>
      <c r="EO29" s="106">
        <v>35363</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2"/>
      <c r="FE29" s="104">
        <v>0</v>
      </c>
      <c r="FF29" s="104">
        <v>0</v>
      </c>
      <c r="FG29" s="104">
        <v>0</v>
      </c>
      <c r="FH29" s="104">
        <v>0</v>
      </c>
      <c r="FI29" s="104">
        <v>0</v>
      </c>
      <c r="FJ29" s="103">
        <v>0</v>
      </c>
      <c r="FK29" s="106">
        <v>0</v>
      </c>
      <c r="FL29" s="100">
        <v>44720</v>
      </c>
      <c r="FM29" s="104">
        <v>35744</v>
      </c>
      <c r="FN29" s="103">
        <v>80464</v>
      </c>
      <c r="FO29" s="100">
        <v>0</v>
      </c>
      <c r="FP29" s="104">
        <v>73272</v>
      </c>
      <c r="FQ29" s="104">
        <v>223624</v>
      </c>
      <c r="FR29" s="104">
        <v>60304</v>
      </c>
      <c r="FS29" s="104">
        <v>99392</v>
      </c>
      <c r="FT29" s="104">
        <v>36856</v>
      </c>
      <c r="FU29" s="103">
        <v>493448</v>
      </c>
      <c r="FV29" s="106">
        <v>573912</v>
      </c>
      <c r="FW29" s="105">
        <v>44720</v>
      </c>
      <c r="FX29" s="104">
        <v>20960</v>
      </c>
      <c r="FY29" s="102">
        <v>65680</v>
      </c>
      <c r="FZ29" s="101">
        <v>0</v>
      </c>
      <c r="GA29" s="104">
        <v>54352</v>
      </c>
      <c r="GB29" s="104">
        <v>200304</v>
      </c>
      <c r="GC29" s="104">
        <v>60304</v>
      </c>
      <c r="GD29" s="104">
        <v>78272</v>
      </c>
      <c r="GE29" s="104">
        <v>36856</v>
      </c>
      <c r="GF29" s="103">
        <v>430088</v>
      </c>
      <c r="GG29" s="294">
        <v>495768</v>
      </c>
      <c r="GH29" s="105">
        <v>0</v>
      </c>
      <c r="GI29" s="104">
        <v>14784</v>
      </c>
      <c r="GJ29" s="102">
        <v>14784</v>
      </c>
      <c r="GK29" s="101">
        <v>0</v>
      </c>
      <c r="GL29" s="104">
        <v>18920</v>
      </c>
      <c r="GM29" s="104">
        <v>23320</v>
      </c>
      <c r="GN29" s="104">
        <v>0</v>
      </c>
      <c r="GO29" s="104">
        <v>21120</v>
      </c>
      <c r="GP29" s="104">
        <v>0</v>
      </c>
      <c r="GQ29" s="103">
        <v>63360</v>
      </c>
      <c r="GR29" s="106">
        <v>78144</v>
      </c>
      <c r="GS29" s="100">
        <v>0</v>
      </c>
      <c r="GT29" s="104">
        <v>0</v>
      </c>
      <c r="GU29" s="103">
        <v>0</v>
      </c>
      <c r="GV29" s="100">
        <v>0</v>
      </c>
      <c r="GW29" s="104">
        <v>0</v>
      </c>
      <c r="GX29" s="104">
        <v>0</v>
      </c>
      <c r="GY29" s="104">
        <v>0</v>
      </c>
      <c r="GZ29" s="104">
        <v>0</v>
      </c>
      <c r="HA29" s="104">
        <v>0</v>
      </c>
      <c r="HB29" s="102">
        <v>0</v>
      </c>
      <c r="HC29" s="106">
        <v>0</v>
      </c>
      <c r="HD29" s="100">
        <v>156842</v>
      </c>
      <c r="HE29" s="104">
        <v>97285</v>
      </c>
      <c r="HF29" s="102">
        <v>254127</v>
      </c>
      <c r="HG29" s="101">
        <v>0</v>
      </c>
      <c r="HH29" s="104">
        <v>720811</v>
      </c>
      <c r="HI29" s="104">
        <v>365361</v>
      </c>
      <c r="HJ29" s="104">
        <v>589355</v>
      </c>
      <c r="HK29" s="104">
        <v>718440</v>
      </c>
      <c r="HL29" s="104">
        <v>226514</v>
      </c>
      <c r="HM29" s="103">
        <v>2620481</v>
      </c>
      <c r="HN29" s="99">
        <v>2874608</v>
      </c>
      <c r="HO29" s="304"/>
      <c r="HP29" s="305"/>
      <c r="HQ29" s="306"/>
      <c r="HR29" s="307"/>
      <c r="HS29" s="305"/>
      <c r="HT29" s="305"/>
      <c r="HU29" s="305"/>
      <c r="HV29" s="305"/>
      <c r="HW29" s="305"/>
      <c r="HX29" s="308"/>
      <c r="HY29" s="309"/>
      <c r="HZ29" s="118">
        <v>0</v>
      </c>
      <c r="IA29" s="119">
        <v>0</v>
      </c>
      <c r="IB29" s="120">
        <v>0</v>
      </c>
      <c r="IC29" s="133">
        <v>0</v>
      </c>
      <c r="ID29" s="119">
        <v>51413</v>
      </c>
      <c r="IE29" s="134">
        <v>351789</v>
      </c>
      <c r="IF29" s="120">
        <v>655410</v>
      </c>
      <c r="IG29" s="119">
        <v>196079</v>
      </c>
      <c r="IH29" s="120">
        <v>243538</v>
      </c>
      <c r="II29" s="135">
        <v>1498229</v>
      </c>
      <c r="IJ29" s="126">
        <v>1498229</v>
      </c>
      <c r="IK29" s="219">
        <v>0</v>
      </c>
      <c r="IL29" s="223">
        <v>0</v>
      </c>
      <c r="IM29" s="224">
        <v>0</v>
      </c>
      <c r="IN29" s="127"/>
      <c r="IO29" s="109">
        <v>0</v>
      </c>
      <c r="IP29" s="109">
        <v>0</v>
      </c>
      <c r="IQ29" s="109">
        <v>0</v>
      </c>
      <c r="IR29" s="109">
        <v>196079</v>
      </c>
      <c r="IS29" s="109">
        <v>0</v>
      </c>
      <c r="IT29" s="128">
        <v>196079</v>
      </c>
      <c r="IU29" s="296">
        <v>196079</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51413</v>
      </c>
      <c r="JL29" s="109">
        <v>125357</v>
      </c>
      <c r="JM29" s="109">
        <v>37555</v>
      </c>
      <c r="JN29" s="109">
        <v>0</v>
      </c>
      <c r="JO29" s="109">
        <v>0</v>
      </c>
      <c r="JP29" s="110">
        <v>214325</v>
      </c>
      <c r="JQ29" s="296">
        <v>214325</v>
      </c>
      <c r="JR29" s="129">
        <v>0</v>
      </c>
      <c r="JS29" s="109">
        <v>0</v>
      </c>
      <c r="JT29" s="128">
        <v>0</v>
      </c>
      <c r="JU29" s="108">
        <v>0</v>
      </c>
      <c r="JV29" s="109">
        <v>0</v>
      </c>
      <c r="JW29" s="109">
        <v>0</v>
      </c>
      <c r="JX29" s="109">
        <v>149611</v>
      </c>
      <c r="JY29" s="109">
        <v>0</v>
      </c>
      <c r="JZ29" s="109">
        <v>0</v>
      </c>
      <c r="KA29" s="110">
        <v>149611</v>
      </c>
      <c r="KB29" s="296">
        <v>149611</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c r="KR29" s="109">
        <v>0</v>
      </c>
      <c r="KS29" s="109">
        <v>226432</v>
      </c>
      <c r="KT29" s="109">
        <v>468244</v>
      </c>
      <c r="KU29" s="109">
        <v>0</v>
      </c>
      <c r="KV29" s="109">
        <v>243538</v>
      </c>
      <c r="KW29" s="110">
        <v>938214</v>
      </c>
      <c r="KX29" s="296">
        <v>938214</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6">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252445</v>
      </c>
      <c r="ML29" s="109">
        <v>721536</v>
      </c>
      <c r="MM29" s="109">
        <v>1870871</v>
      </c>
      <c r="MN29" s="109">
        <v>982440</v>
      </c>
      <c r="MO29" s="110">
        <v>3827292</v>
      </c>
      <c r="MP29" s="130">
        <v>3827292</v>
      </c>
      <c r="MQ29" s="129">
        <v>0</v>
      </c>
      <c r="MR29" s="109">
        <v>0</v>
      </c>
      <c r="MS29" s="110">
        <v>0</v>
      </c>
      <c r="MT29" s="132"/>
      <c r="MU29" s="109">
        <v>0</v>
      </c>
      <c r="MV29" s="109">
        <v>0</v>
      </c>
      <c r="MW29" s="109">
        <v>240342</v>
      </c>
      <c r="MX29" s="109">
        <v>1032284</v>
      </c>
      <c r="MY29" s="109">
        <v>982440</v>
      </c>
      <c r="MZ29" s="110">
        <v>2255066</v>
      </c>
      <c r="NA29" s="130">
        <v>2255066</v>
      </c>
      <c r="NB29" s="129">
        <v>0</v>
      </c>
      <c r="NC29" s="109">
        <v>0</v>
      </c>
      <c r="ND29" s="110">
        <v>0</v>
      </c>
      <c r="NE29" s="132"/>
      <c r="NF29" s="109">
        <v>0</v>
      </c>
      <c r="NG29" s="109">
        <v>252445</v>
      </c>
      <c r="NH29" s="109">
        <v>481194</v>
      </c>
      <c r="NI29" s="109">
        <v>838587</v>
      </c>
      <c r="NJ29" s="109">
        <v>0</v>
      </c>
      <c r="NK29" s="110">
        <v>1572226</v>
      </c>
      <c r="NL29" s="296">
        <v>1572226</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11628</v>
      </c>
      <c r="OJ29" s="109">
        <v>245216</v>
      </c>
      <c r="OK29" s="128">
        <v>556844</v>
      </c>
      <c r="OL29" s="108">
        <v>0</v>
      </c>
      <c r="OM29" s="109">
        <v>2427356</v>
      </c>
      <c r="ON29" s="109">
        <v>2942478</v>
      </c>
      <c r="OO29" s="109">
        <v>3412135</v>
      </c>
      <c r="OP29" s="109">
        <v>3691574</v>
      </c>
      <c r="OQ29" s="109">
        <v>2570084</v>
      </c>
      <c r="OR29" s="110">
        <v>15043627</v>
      </c>
      <c r="OS29" s="130">
        <v>15600471</v>
      </c>
    </row>
    <row r="30" spans="2:409" ht="21" customHeight="1" x14ac:dyDescent="0.2">
      <c r="B30" s="468" t="s">
        <v>25</v>
      </c>
      <c r="C30" s="100">
        <v>65942</v>
      </c>
      <c r="D30" s="104">
        <v>418725</v>
      </c>
      <c r="E30" s="103">
        <v>484667</v>
      </c>
      <c r="F30" s="99">
        <v>0</v>
      </c>
      <c r="G30" s="104">
        <v>1486253</v>
      </c>
      <c r="H30" s="104">
        <v>1018799</v>
      </c>
      <c r="I30" s="104">
        <v>1654461</v>
      </c>
      <c r="J30" s="104">
        <v>1365892</v>
      </c>
      <c r="K30" s="104">
        <v>492847</v>
      </c>
      <c r="L30" s="160">
        <v>6018252</v>
      </c>
      <c r="M30" s="106">
        <v>6502919</v>
      </c>
      <c r="N30" s="100">
        <v>7704</v>
      </c>
      <c r="O30" s="104">
        <v>164767</v>
      </c>
      <c r="P30" s="103">
        <v>172471</v>
      </c>
      <c r="Q30" s="100">
        <v>0</v>
      </c>
      <c r="R30" s="104">
        <v>360948</v>
      </c>
      <c r="S30" s="104">
        <v>384624</v>
      </c>
      <c r="T30" s="104">
        <v>671512</v>
      </c>
      <c r="U30" s="104">
        <v>319340</v>
      </c>
      <c r="V30" s="104">
        <v>67847</v>
      </c>
      <c r="W30" s="103">
        <v>1804271</v>
      </c>
      <c r="X30" s="106">
        <v>1976742</v>
      </c>
      <c r="Y30" s="100">
        <v>0</v>
      </c>
      <c r="Z30" s="104">
        <v>0</v>
      </c>
      <c r="AA30" s="103">
        <v>0</v>
      </c>
      <c r="AB30" s="100">
        <v>0</v>
      </c>
      <c r="AC30" s="104">
        <v>231126</v>
      </c>
      <c r="AD30" s="104">
        <v>133765</v>
      </c>
      <c r="AE30" s="104">
        <v>303472</v>
      </c>
      <c r="AF30" s="104">
        <v>19916</v>
      </c>
      <c r="AG30" s="104">
        <v>0</v>
      </c>
      <c r="AH30" s="103">
        <v>688279</v>
      </c>
      <c r="AI30" s="106">
        <v>688279</v>
      </c>
      <c r="AJ30" s="100">
        <v>0</v>
      </c>
      <c r="AK30" s="104">
        <v>0</v>
      </c>
      <c r="AL30" s="103">
        <v>0</v>
      </c>
      <c r="AM30" s="100">
        <v>0</v>
      </c>
      <c r="AN30" s="104">
        <v>0</v>
      </c>
      <c r="AO30" s="104">
        <v>0</v>
      </c>
      <c r="AP30" s="104">
        <v>70619</v>
      </c>
      <c r="AQ30" s="104">
        <v>183405</v>
      </c>
      <c r="AR30" s="104">
        <v>0</v>
      </c>
      <c r="AS30" s="103">
        <v>254024</v>
      </c>
      <c r="AT30" s="106">
        <v>254024</v>
      </c>
      <c r="AU30" s="100">
        <v>7704</v>
      </c>
      <c r="AV30" s="104">
        <v>84433</v>
      </c>
      <c r="AW30" s="103">
        <v>92137</v>
      </c>
      <c r="AX30" s="100">
        <v>0</v>
      </c>
      <c r="AY30" s="104">
        <v>76806</v>
      </c>
      <c r="AZ30" s="104">
        <v>241155</v>
      </c>
      <c r="BA30" s="104">
        <v>201396</v>
      </c>
      <c r="BB30" s="104">
        <v>81523</v>
      </c>
      <c r="BC30" s="104">
        <v>63703</v>
      </c>
      <c r="BD30" s="103">
        <v>664583</v>
      </c>
      <c r="BE30" s="106">
        <v>756720</v>
      </c>
      <c r="BF30" s="100">
        <v>0</v>
      </c>
      <c r="BG30" s="104">
        <v>62302</v>
      </c>
      <c r="BH30" s="102">
        <v>62302</v>
      </c>
      <c r="BI30" s="101">
        <v>0</v>
      </c>
      <c r="BJ30" s="104">
        <v>0</v>
      </c>
      <c r="BK30" s="104">
        <v>0</v>
      </c>
      <c r="BL30" s="104">
        <v>48841</v>
      </c>
      <c r="BM30" s="104">
        <v>0</v>
      </c>
      <c r="BN30" s="104">
        <v>0</v>
      </c>
      <c r="BO30" s="103">
        <v>48841</v>
      </c>
      <c r="BP30" s="106">
        <v>111143</v>
      </c>
      <c r="BQ30" s="100">
        <v>0</v>
      </c>
      <c r="BR30" s="104">
        <v>18032</v>
      </c>
      <c r="BS30" s="103">
        <v>18032</v>
      </c>
      <c r="BT30" s="100">
        <v>0</v>
      </c>
      <c r="BU30" s="104">
        <v>53016</v>
      </c>
      <c r="BV30" s="104">
        <v>9704</v>
      </c>
      <c r="BW30" s="104">
        <v>47184</v>
      </c>
      <c r="BX30" s="104">
        <v>34496</v>
      </c>
      <c r="BY30" s="104">
        <v>4144</v>
      </c>
      <c r="BZ30" s="103">
        <v>148544</v>
      </c>
      <c r="CA30" s="106">
        <v>166576</v>
      </c>
      <c r="CB30" s="100">
        <v>39262</v>
      </c>
      <c r="CC30" s="104">
        <v>36090</v>
      </c>
      <c r="CD30" s="103">
        <v>75352</v>
      </c>
      <c r="CE30" s="100">
        <v>0</v>
      </c>
      <c r="CF30" s="104">
        <v>439042</v>
      </c>
      <c r="CG30" s="104">
        <v>427525</v>
      </c>
      <c r="CH30" s="104">
        <v>407658</v>
      </c>
      <c r="CI30" s="104">
        <v>293539</v>
      </c>
      <c r="CJ30" s="104">
        <v>103727</v>
      </c>
      <c r="CK30" s="103">
        <v>1671491</v>
      </c>
      <c r="CL30" s="106">
        <v>1746843</v>
      </c>
      <c r="CM30" s="100">
        <v>0</v>
      </c>
      <c r="CN30" s="104">
        <v>0</v>
      </c>
      <c r="CO30" s="103">
        <v>0</v>
      </c>
      <c r="CP30" s="101">
        <v>0</v>
      </c>
      <c r="CQ30" s="104">
        <v>346446</v>
      </c>
      <c r="CR30" s="104">
        <v>147409</v>
      </c>
      <c r="CS30" s="104">
        <v>84535</v>
      </c>
      <c r="CT30" s="104">
        <v>149866</v>
      </c>
      <c r="CU30" s="104">
        <v>0</v>
      </c>
      <c r="CV30" s="103">
        <v>728256</v>
      </c>
      <c r="CW30" s="106">
        <v>728256</v>
      </c>
      <c r="CX30" s="100">
        <v>39262</v>
      </c>
      <c r="CY30" s="104">
        <v>36090</v>
      </c>
      <c r="CZ30" s="103">
        <v>75352</v>
      </c>
      <c r="DA30" s="100">
        <v>0</v>
      </c>
      <c r="DB30" s="104">
        <v>92596</v>
      </c>
      <c r="DC30" s="104">
        <v>280116</v>
      </c>
      <c r="DD30" s="104">
        <v>323123</v>
      </c>
      <c r="DE30" s="104">
        <v>143673</v>
      </c>
      <c r="DF30" s="104">
        <v>103727</v>
      </c>
      <c r="DG30" s="103">
        <v>943235</v>
      </c>
      <c r="DH30" s="106">
        <v>1018587</v>
      </c>
      <c r="DI30" s="100">
        <v>0</v>
      </c>
      <c r="DJ30" s="104">
        <v>0</v>
      </c>
      <c r="DK30" s="102">
        <v>0</v>
      </c>
      <c r="DL30" s="101">
        <v>0</v>
      </c>
      <c r="DM30" s="104">
        <v>130236</v>
      </c>
      <c r="DN30" s="104">
        <v>52402</v>
      </c>
      <c r="DO30" s="104">
        <v>68443</v>
      </c>
      <c r="DP30" s="104">
        <v>19099</v>
      </c>
      <c r="DQ30" s="104">
        <v>0</v>
      </c>
      <c r="DR30" s="103">
        <v>270180</v>
      </c>
      <c r="DS30" s="106">
        <v>270180</v>
      </c>
      <c r="DT30" s="100">
        <v>0</v>
      </c>
      <c r="DU30" s="104">
        <v>0</v>
      </c>
      <c r="DV30" s="103">
        <v>0</v>
      </c>
      <c r="DW30" s="100">
        <v>0</v>
      </c>
      <c r="DX30" s="104">
        <v>130236</v>
      </c>
      <c r="DY30" s="104">
        <v>52402</v>
      </c>
      <c r="DZ30" s="104">
        <v>0</v>
      </c>
      <c r="EA30" s="104">
        <v>19099</v>
      </c>
      <c r="EB30" s="104">
        <v>0</v>
      </c>
      <c r="EC30" s="103">
        <v>201737</v>
      </c>
      <c r="ED30" s="106">
        <v>201737</v>
      </c>
      <c r="EE30" s="100">
        <v>0</v>
      </c>
      <c r="EF30" s="102">
        <v>0</v>
      </c>
      <c r="EG30" s="103">
        <v>0</v>
      </c>
      <c r="EH30" s="100">
        <v>0</v>
      </c>
      <c r="EI30" s="104">
        <v>0</v>
      </c>
      <c r="EJ30" s="104">
        <v>0</v>
      </c>
      <c r="EK30" s="104">
        <v>68443</v>
      </c>
      <c r="EL30" s="104">
        <v>0</v>
      </c>
      <c r="EM30" s="104">
        <v>0</v>
      </c>
      <c r="EN30" s="102">
        <v>68443</v>
      </c>
      <c r="EO30" s="106">
        <v>68443</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2"/>
      <c r="FE30" s="104">
        <v>0</v>
      </c>
      <c r="FF30" s="104">
        <v>0</v>
      </c>
      <c r="FG30" s="104">
        <v>0</v>
      </c>
      <c r="FH30" s="104">
        <v>0</v>
      </c>
      <c r="FI30" s="104">
        <v>0</v>
      </c>
      <c r="FJ30" s="103">
        <v>0</v>
      </c>
      <c r="FK30" s="106">
        <v>0</v>
      </c>
      <c r="FL30" s="100">
        <v>18976</v>
      </c>
      <c r="FM30" s="104">
        <v>128960</v>
      </c>
      <c r="FN30" s="103">
        <v>147936</v>
      </c>
      <c r="FO30" s="100">
        <v>0</v>
      </c>
      <c r="FP30" s="104">
        <v>93272</v>
      </c>
      <c r="FQ30" s="104">
        <v>154248</v>
      </c>
      <c r="FR30" s="104">
        <v>116976</v>
      </c>
      <c r="FS30" s="104">
        <v>305072</v>
      </c>
      <c r="FT30" s="104">
        <v>94400</v>
      </c>
      <c r="FU30" s="103">
        <v>763968</v>
      </c>
      <c r="FV30" s="106">
        <v>911904</v>
      </c>
      <c r="FW30" s="105">
        <v>18976</v>
      </c>
      <c r="FX30" s="104">
        <v>57760</v>
      </c>
      <c r="FY30" s="102">
        <v>76736</v>
      </c>
      <c r="FZ30" s="101">
        <v>0</v>
      </c>
      <c r="GA30" s="104">
        <v>47672</v>
      </c>
      <c r="GB30" s="104">
        <v>154248</v>
      </c>
      <c r="GC30" s="104">
        <v>102576</v>
      </c>
      <c r="GD30" s="104">
        <v>145072</v>
      </c>
      <c r="GE30" s="104">
        <v>14400</v>
      </c>
      <c r="GF30" s="103">
        <v>463968</v>
      </c>
      <c r="GG30" s="294">
        <v>540704</v>
      </c>
      <c r="GH30" s="105">
        <v>0</v>
      </c>
      <c r="GI30" s="104">
        <v>0</v>
      </c>
      <c r="GJ30" s="102">
        <v>0</v>
      </c>
      <c r="GK30" s="101">
        <v>0</v>
      </c>
      <c r="GL30" s="104">
        <v>26400</v>
      </c>
      <c r="GM30" s="104">
        <v>0</v>
      </c>
      <c r="GN30" s="104">
        <v>14400</v>
      </c>
      <c r="GO30" s="104">
        <v>0</v>
      </c>
      <c r="GP30" s="104">
        <v>80000</v>
      </c>
      <c r="GQ30" s="103">
        <v>120800</v>
      </c>
      <c r="GR30" s="106">
        <v>120800</v>
      </c>
      <c r="GS30" s="100">
        <v>0</v>
      </c>
      <c r="GT30" s="104">
        <v>71200</v>
      </c>
      <c r="GU30" s="103">
        <v>71200</v>
      </c>
      <c r="GV30" s="100">
        <v>0</v>
      </c>
      <c r="GW30" s="104">
        <v>19200</v>
      </c>
      <c r="GX30" s="104">
        <v>0</v>
      </c>
      <c r="GY30" s="104">
        <v>0</v>
      </c>
      <c r="GZ30" s="104">
        <v>160000</v>
      </c>
      <c r="HA30" s="104">
        <v>0</v>
      </c>
      <c r="HB30" s="102">
        <v>179200</v>
      </c>
      <c r="HC30" s="106">
        <v>250400</v>
      </c>
      <c r="HD30" s="100">
        <v>0</v>
      </c>
      <c r="HE30" s="104">
        <v>88908</v>
      </c>
      <c r="HF30" s="102">
        <v>88908</v>
      </c>
      <c r="HG30" s="101">
        <v>0</v>
      </c>
      <c r="HH30" s="104">
        <v>462755</v>
      </c>
      <c r="HI30" s="104">
        <v>0</v>
      </c>
      <c r="HJ30" s="104">
        <v>389872</v>
      </c>
      <c r="HK30" s="104">
        <v>428842</v>
      </c>
      <c r="HL30" s="104">
        <v>226873</v>
      </c>
      <c r="HM30" s="103">
        <v>1508342</v>
      </c>
      <c r="HN30" s="99">
        <v>1597250</v>
      </c>
      <c r="HO30" s="304"/>
      <c r="HP30" s="305"/>
      <c r="HQ30" s="306"/>
      <c r="HR30" s="307"/>
      <c r="HS30" s="305"/>
      <c r="HT30" s="305"/>
      <c r="HU30" s="305"/>
      <c r="HV30" s="305"/>
      <c r="HW30" s="305"/>
      <c r="HX30" s="308"/>
      <c r="HY30" s="309"/>
      <c r="HZ30" s="137">
        <v>41280</v>
      </c>
      <c r="IA30" s="122">
        <v>0</v>
      </c>
      <c r="IB30" s="137">
        <v>41280</v>
      </c>
      <c r="IC30" s="121">
        <v>0</v>
      </c>
      <c r="ID30" s="122">
        <v>304916</v>
      </c>
      <c r="IE30" s="123">
        <v>58995</v>
      </c>
      <c r="IF30" s="124">
        <v>16468</v>
      </c>
      <c r="IG30" s="122">
        <v>0</v>
      </c>
      <c r="IH30" s="124">
        <v>0</v>
      </c>
      <c r="II30" s="125">
        <v>380379</v>
      </c>
      <c r="IJ30" s="137">
        <v>421659</v>
      </c>
      <c r="IK30" s="219">
        <v>0</v>
      </c>
      <c r="IL30" s="223">
        <v>0</v>
      </c>
      <c r="IM30" s="224">
        <v>0</v>
      </c>
      <c r="IN30" s="127"/>
      <c r="IO30" s="109">
        <v>0</v>
      </c>
      <c r="IP30" s="109">
        <v>0</v>
      </c>
      <c r="IQ30" s="109">
        <v>0</v>
      </c>
      <c r="IR30" s="109">
        <v>0</v>
      </c>
      <c r="IS30" s="109">
        <v>0</v>
      </c>
      <c r="IT30" s="128">
        <v>0</v>
      </c>
      <c r="IU30" s="296">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304916</v>
      </c>
      <c r="JL30" s="109">
        <v>58995</v>
      </c>
      <c r="JM30" s="109">
        <v>16468</v>
      </c>
      <c r="JN30" s="109">
        <v>0</v>
      </c>
      <c r="JO30" s="109">
        <v>0</v>
      </c>
      <c r="JP30" s="110">
        <v>380379</v>
      </c>
      <c r="JQ30" s="296">
        <v>380379</v>
      </c>
      <c r="JR30" s="129">
        <v>0</v>
      </c>
      <c r="JS30" s="109">
        <v>0</v>
      </c>
      <c r="JT30" s="128">
        <v>0</v>
      </c>
      <c r="JU30" s="108">
        <v>0</v>
      </c>
      <c r="JV30" s="109">
        <v>0</v>
      </c>
      <c r="JW30" s="109">
        <v>0</v>
      </c>
      <c r="JX30" s="109">
        <v>0</v>
      </c>
      <c r="JY30" s="109">
        <v>0</v>
      </c>
      <c r="JZ30" s="109">
        <v>0</v>
      </c>
      <c r="KA30" s="110">
        <v>0</v>
      </c>
      <c r="KB30" s="296">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c r="KR30" s="109">
        <v>0</v>
      </c>
      <c r="KS30" s="109">
        <v>0</v>
      </c>
      <c r="KT30" s="109">
        <v>0</v>
      </c>
      <c r="KU30" s="109">
        <v>0</v>
      </c>
      <c r="KV30" s="109">
        <v>0</v>
      </c>
      <c r="KW30" s="110">
        <v>0</v>
      </c>
      <c r="KX30" s="296">
        <v>0</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6">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255983</v>
      </c>
      <c r="MK30" s="109">
        <v>437653</v>
      </c>
      <c r="ML30" s="109">
        <v>698667</v>
      </c>
      <c r="MM30" s="109">
        <v>580290</v>
      </c>
      <c r="MN30" s="109">
        <v>549393</v>
      </c>
      <c r="MO30" s="110">
        <v>2521986</v>
      </c>
      <c r="MP30" s="130">
        <v>2521986</v>
      </c>
      <c r="MQ30" s="129">
        <v>0</v>
      </c>
      <c r="MR30" s="109">
        <v>0</v>
      </c>
      <c r="MS30" s="110">
        <v>0</v>
      </c>
      <c r="MT30" s="132"/>
      <c r="MU30" s="109">
        <v>0</v>
      </c>
      <c r="MV30" s="109">
        <v>201826</v>
      </c>
      <c r="MW30" s="109">
        <v>698667</v>
      </c>
      <c r="MX30" s="109">
        <v>261574</v>
      </c>
      <c r="MY30" s="109">
        <v>256041</v>
      </c>
      <c r="MZ30" s="110">
        <v>1418108</v>
      </c>
      <c r="NA30" s="130">
        <v>1418108</v>
      </c>
      <c r="NB30" s="129">
        <v>0</v>
      </c>
      <c r="NC30" s="109">
        <v>0</v>
      </c>
      <c r="ND30" s="110">
        <v>0</v>
      </c>
      <c r="NE30" s="132"/>
      <c r="NF30" s="109">
        <v>255983</v>
      </c>
      <c r="NG30" s="109">
        <v>235827</v>
      </c>
      <c r="NH30" s="109">
        <v>0</v>
      </c>
      <c r="NI30" s="109">
        <v>318716</v>
      </c>
      <c r="NJ30" s="109">
        <v>293352</v>
      </c>
      <c r="NK30" s="110">
        <v>1103878</v>
      </c>
      <c r="NL30" s="296">
        <v>1103878</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107222</v>
      </c>
      <c r="OJ30" s="109">
        <v>418725</v>
      </c>
      <c r="OK30" s="128">
        <v>525947</v>
      </c>
      <c r="OL30" s="108">
        <v>0</v>
      </c>
      <c r="OM30" s="109">
        <v>2047152</v>
      </c>
      <c r="ON30" s="109">
        <v>1515447</v>
      </c>
      <c r="OO30" s="109">
        <v>2369596</v>
      </c>
      <c r="OP30" s="109">
        <v>1946182</v>
      </c>
      <c r="OQ30" s="109">
        <v>1042240</v>
      </c>
      <c r="OR30" s="110">
        <v>8920617</v>
      </c>
      <c r="OS30" s="130">
        <v>9446564</v>
      </c>
    </row>
    <row r="31" spans="2:409" ht="21" customHeight="1" x14ac:dyDescent="0.2">
      <c r="B31" s="468" t="s">
        <v>26</v>
      </c>
      <c r="C31" s="100">
        <v>100513</v>
      </c>
      <c r="D31" s="104">
        <v>38000</v>
      </c>
      <c r="E31" s="103">
        <v>138513</v>
      </c>
      <c r="F31" s="99">
        <v>0</v>
      </c>
      <c r="G31" s="104">
        <v>1259216</v>
      </c>
      <c r="H31" s="104">
        <v>1086667</v>
      </c>
      <c r="I31" s="104">
        <v>1201338</v>
      </c>
      <c r="J31" s="104">
        <v>918820</v>
      </c>
      <c r="K31" s="104">
        <v>369891</v>
      </c>
      <c r="L31" s="160">
        <v>4835932</v>
      </c>
      <c r="M31" s="106">
        <v>4974445</v>
      </c>
      <c r="N31" s="100">
        <v>22510</v>
      </c>
      <c r="O31" s="104">
        <v>0</v>
      </c>
      <c r="P31" s="103">
        <v>22510</v>
      </c>
      <c r="Q31" s="100">
        <v>0</v>
      </c>
      <c r="R31" s="104">
        <v>413288</v>
      </c>
      <c r="S31" s="104">
        <v>337516</v>
      </c>
      <c r="T31" s="104">
        <v>436786</v>
      </c>
      <c r="U31" s="104">
        <v>545989</v>
      </c>
      <c r="V31" s="104">
        <v>269959</v>
      </c>
      <c r="W31" s="103">
        <v>2003538</v>
      </c>
      <c r="X31" s="106">
        <v>2026048</v>
      </c>
      <c r="Y31" s="100">
        <v>0</v>
      </c>
      <c r="Z31" s="104">
        <v>0</v>
      </c>
      <c r="AA31" s="103">
        <v>0</v>
      </c>
      <c r="AB31" s="100">
        <v>0</v>
      </c>
      <c r="AC31" s="104">
        <v>288571</v>
      </c>
      <c r="AD31" s="104">
        <v>162916</v>
      </c>
      <c r="AE31" s="104">
        <v>298822</v>
      </c>
      <c r="AF31" s="104">
        <v>234529</v>
      </c>
      <c r="AG31" s="104">
        <v>58331</v>
      </c>
      <c r="AH31" s="103">
        <v>1043169</v>
      </c>
      <c r="AI31" s="106">
        <v>1043169</v>
      </c>
      <c r="AJ31" s="100">
        <v>0</v>
      </c>
      <c r="AK31" s="104">
        <v>0</v>
      </c>
      <c r="AL31" s="103">
        <v>0</v>
      </c>
      <c r="AM31" s="100">
        <v>0</v>
      </c>
      <c r="AN31" s="104">
        <v>0</v>
      </c>
      <c r="AO31" s="104">
        <v>0</v>
      </c>
      <c r="AP31" s="104">
        <v>0</v>
      </c>
      <c r="AQ31" s="104">
        <v>93534</v>
      </c>
      <c r="AR31" s="104">
        <v>0</v>
      </c>
      <c r="AS31" s="103">
        <v>93534</v>
      </c>
      <c r="AT31" s="106">
        <v>93534</v>
      </c>
      <c r="AU31" s="100">
        <v>14254</v>
      </c>
      <c r="AV31" s="104">
        <v>0</v>
      </c>
      <c r="AW31" s="103">
        <v>14254</v>
      </c>
      <c r="AX31" s="100">
        <v>0</v>
      </c>
      <c r="AY31" s="104">
        <v>95645</v>
      </c>
      <c r="AZ31" s="104">
        <v>117291</v>
      </c>
      <c r="BA31" s="104">
        <v>37732</v>
      </c>
      <c r="BB31" s="104">
        <v>159166</v>
      </c>
      <c r="BC31" s="104">
        <v>178092</v>
      </c>
      <c r="BD31" s="103">
        <v>587926</v>
      </c>
      <c r="BE31" s="106">
        <v>602180</v>
      </c>
      <c r="BF31" s="100">
        <v>0</v>
      </c>
      <c r="BG31" s="104">
        <v>0</v>
      </c>
      <c r="BH31" s="102">
        <v>0</v>
      </c>
      <c r="BI31" s="101">
        <v>0</v>
      </c>
      <c r="BJ31" s="104">
        <v>0</v>
      </c>
      <c r="BK31" s="104">
        <v>39501</v>
      </c>
      <c r="BL31" s="104">
        <v>0</v>
      </c>
      <c r="BM31" s="104">
        <v>0</v>
      </c>
      <c r="BN31" s="104">
        <v>0</v>
      </c>
      <c r="BO31" s="103">
        <v>39501</v>
      </c>
      <c r="BP31" s="106">
        <v>39501</v>
      </c>
      <c r="BQ31" s="100">
        <v>8256</v>
      </c>
      <c r="BR31" s="104">
        <v>0</v>
      </c>
      <c r="BS31" s="103">
        <v>8256</v>
      </c>
      <c r="BT31" s="100">
        <v>0</v>
      </c>
      <c r="BU31" s="104">
        <v>29072</v>
      </c>
      <c r="BV31" s="104">
        <v>17808</v>
      </c>
      <c r="BW31" s="104">
        <v>100232</v>
      </c>
      <c r="BX31" s="104">
        <v>58760</v>
      </c>
      <c r="BY31" s="104">
        <v>33536</v>
      </c>
      <c r="BZ31" s="103">
        <v>239408</v>
      </c>
      <c r="CA31" s="106">
        <v>247664</v>
      </c>
      <c r="CB31" s="100">
        <v>0</v>
      </c>
      <c r="CC31" s="104">
        <v>0</v>
      </c>
      <c r="CD31" s="103">
        <v>0</v>
      </c>
      <c r="CE31" s="100">
        <v>0</v>
      </c>
      <c r="CF31" s="104">
        <v>486799</v>
      </c>
      <c r="CG31" s="104">
        <v>461007</v>
      </c>
      <c r="CH31" s="104">
        <v>137099</v>
      </c>
      <c r="CI31" s="104">
        <v>87954</v>
      </c>
      <c r="CJ31" s="104">
        <v>0</v>
      </c>
      <c r="CK31" s="103">
        <v>1172859</v>
      </c>
      <c r="CL31" s="106">
        <v>1172859</v>
      </c>
      <c r="CM31" s="100">
        <v>0</v>
      </c>
      <c r="CN31" s="104">
        <v>0</v>
      </c>
      <c r="CO31" s="103">
        <v>0</v>
      </c>
      <c r="CP31" s="101">
        <v>0</v>
      </c>
      <c r="CQ31" s="104">
        <v>306373</v>
      </c>
      <c r="CR31" s="104">
        <v>330916</v>
      </c>
      <c r="CS31" s="104">
        <v>137099</v>
      </c>
      <c r="CT31" s="104">
        <v>30883</v>
      </c>
      <c r="CU31" s="104">
        <v>0</v>
      </c>
      <c r="CV31" s="103">
        <v>805271</v>
      </c>
      <c r="CW31" s="106">
        <v>805271</v>
      </c>
      <c r="CX31" s="100">
        <v>0</v>
      </c>
      <c r="CY31" s="104">
        <v>0</v>
      </c>
      <c r="CZ31" s="103">
        <v>0</v>
      </c>
      <c r="DA31" s="100">
        <v>0</v>
      </c>
      <c r="DB31" s="104">
        <v>180426</v>
      </c>
      <c r="DC31" s="104">
        <v>130091</v>
      </c>
      <c r="DD31" s="104">
        <v>0</v>
      </c>
      <c r="DE31" s="104">
        <v>57071</v>
      </c>
      <c r="DF31" s="104">
        <v>0</v>
      </c>
      <c r="DG31" s="103">
        <v>367588</v>
      </c>
      <c r="DH31" s="106">
        <v>367588</v>
      </c>
      <c r="DI31" s="100">
        <v>0</v>
      </c>
      <c r="DJ31" s="104">
        <v>0</v>
      </c>
      <c r="DK31" s="102">
        <v>0</v>
      </c>
      <c r="DL31" s="101">
        <v>0</v>
      </c>
      <c r="DM31" s="104">
        <v>95969</v>
      </c>
      <c r="DN31" s="104">
        <v>180824</v>
      </c>
      <c r="DO31" s="104">
        <v>119805</v>
      </c>
      <c r="DP31" s="104">
        <v>150845</v>
      </c>
      <c r="DQ31" s="104">
        <v>32172</v>
      </c>
      <c r="DR31" s="103">
        <v>579615</v>
      </c>
      <c r="DS31" s="106">
        <v>579615</v>
      </c>
      <c r="DT31" s="100">
        <v>0</v>
      </c>
      <c r="DU31" s="104">
        <v>0</v>
      </c>
      <c r="DV31" s="103">
        <v>0</v>
      </c>
      <c r="DW31" s="100">
        <v>0</v>
      </c>
      <c r="DX31" s="104">
        <v>95969</v>
      </c>
      <c r="DY31" s="104">
        <v>180824</v>
      </c>
      <c r="DZ31" s="104">
        <v>24320</v>
      </c>
      <c r="EA31" s="104">
        <v>0</v>
      </c>
      <c r="EB31" s="104">
        <v>32172</v>
      </c>
      <c r="EC31" s="103">
        <v>333285</v>
      </c>
      <c r="ED31" s="106">
        <v>333285</v>
      </c>
      <c r="EE31" s="100">
        <v>0</v>
      </c>
      <c r="EF31" s="102">
        <v>0</v>
      </c>
      <c r="EG31" s="103">
        <v>0</v>
      </c>
      <c r="EH31" s="100">
        <v>0</v>
      </c>
      <c r="EI31" s="104">
        <v>0</v>
      </c>
      <c r="EJ31" s="104">
        <v>0</v>
      </c>
      <c r="EK31" s="104">
        <v>95485</v>
      </c>
      <c r="EL31" s="104">
        <v>150845</v>
      </c>
      <c r="EM31" s="104">
        <v>0</v>
      </c>
      <c r="EN31" s="102">
        <v>246330</v>
      </c>
      <c r="EO31" s="106">
        <v>24633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2"/>
      <c r="FE31" s="104">
        <v>0</v>
      </c>
      <c r="FF31" s="104">
        <v>0</v>
      </c>
      <c r="FG31" s="104">
        <v>0</v>
      </c>
      <c r="FH31" s="104">
        <v>0</v>
      </c>
      <c r="FI31" s="104">
        <v>0</v>
      </c>
      <c r="FJ31" s="103">
        <v>0</v>
      </c>
      <c r="FK31" s="106">
        <v>0</v>
      </c>
      <c r="FL31" s="100">
        <v>25712</v>
      </c>
      <c r="FM31" s="104">
        <v>38000</v>
      </c>
      <c r="FN31" s="103">
        <v>63712</v>
      </c>
      <c r="FO31" s="100">
        <v>0</v>
      </c>
      <c r="FP31" s="104">
        <v>111000</v>
      </c>
      <c r="FQ31" s="104">
        <v>107320</v>
      </c>
      <c r="FR31" s="104">
        <v>83320</v>
      </c>
      <c r="FS31" s="104">
        <v>134032</v>
      </c>
      <c r="FT31" s="104">
        <v>67760</v>
      </c>
      <c r="FU31" s="103">
        <v>503432</v>
      </c>
      <c r="FV31" s="106">
        <v>567144</v>
      </c>
      <c r="FW31" s="105">
        <v>25712</v>
      </c>
      <c r="FX31" s="104">
        <v>38000</v>
      </c>
      <c r="FY31" s="102">
        <v>63712</v>
      </c>
      <c r="FZ31" s="101">
        <v>0</v>
      </c>
      <c r="GA31" s="104">
        <v>111000</v>
      </c>
      <c r="GB31" s="104">
        <v>96280</v>
      </c>
      <c r="GC31" s="104">
        <v>83320</v>
      </c>
      <c r="GD31" s="104">
        <v>134032</v>
      </c>
      <c r="GE31" s="104">
        <v>67760</v>
      </c>
      <c r="GF31" s="103">
        <v>492392</v>
      </c>
      <c r="GG31" s="294">
        <v>556104</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11040</v>
      </c>
      <c r="GY31" s="104">
        <v>0</v>
      </c>
      <c r="GZ31" s="104">
        <v>0</v>
      </c>
      <c r="HA31" s="104">
        <v>0</v>
      </c>
      <c r="HB31" s="102">
        <v>11040</v>
      </c>
      <c r="HC31" s="106">
        <v>11040</v>
      </c>
      <c r="HD31" s="100">
        <v>52291</v>
      </c>
      <c r="HE31" s="104">
        <v>0</v>
      </c>
      <c r="HF31" s="102">
        <v>52291</v>
      </c>
      <c r="HG31" s="101">
        <v>0</v>
      </c>
      <c r="HH31" s="104">
        <v>152160</v>
      </c>
      <c r="HI31" s="104">
        <v>0</v>
      </c>
      <c r="HJ31" s="104">
        <v>424328</v>
      </c>
      <c r="HK31" s="104">
        <v>0</v>
      </c>
      <c r="HL31" s="104">
        <v>0</v>
      </c>
      <c r="HM31" s="103">
        <v>576488</v>
      </c>
      <c r="HN31" s="99">
        <v>628779</v>
      </c>
      <c r="HO31" s="304"/>
      <c r="HP31" s="305"/>
      <c r="HQ31" s="306"/>
      <c r="HR31" s="307"/>
      <c r="HS31" s="305"/>
      <c r="HT31" s="305"/>
      <c r="HU31" s="305"/>
      <c r="HV31" s="305"/>
      <c r="HW31" s="305"/>
      <c r="HX31" s="308"/>
      <c r="HY31" s="309"/>
      <c r="HZ31" s="118">
        <v>0</v>
      </c>
      <c r="IA31" s="119">
        <v>0</v>
      </c>
      <c r="IB31" s="120">
        <v>0</v>
      </c>
      <c r="IC31" s="133">
        <v>0</v>
      </c>
      <c r="ID31" s="119">
        <v>261143</v>
      </c>
      <c r="IE31" s="134">
        <v>88386</v>
      </c>
      <c r="IF31" s="120">
        <v>420851</v>
      </c>
      <c r="IG31" s="119">
        <v>544965</v>
      </c>
      <c r="IH31" s="120">
        <v>268592</v>
      </c>
      <c r="II31" s="135">
        <v>1583937</v>
      </c>
      <c r="IJ31" s="126">
        <v>1583937</v>
      </c>
      <c r="IK31" s="219">
        <v>0</v>
      </c>
      <c r="IL31" s="223">
        <v>0</v>
      </c>
      <c r="IM31" s="224">
        <v>0</v>
      </c>
      <c r="IN31" s="127"/>
      <c r="IO31" s="109">
        <v>0</v>
      </c>
      <c r="IP31" s="109">
        <v>0</v>
      </c>
      <c r="IQ31" s="109">
        <v>0</v>
      </c>
      <c r="IR31" s="109">
        <v>0</v>
      </c>
      <c r="IS31" s="109">
        <v>0</v>
      </c>
      <c r="IT31" s="128">
        <v>0</v>
      </c>
      <c r="IU31" s="296">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61143</v>
      </c>
      <c r="JL31" s="109">
        <v>58694</v>
      </c>
      <c r="JM31" s="109">
        <v>41383</v>
      </c>
      <c r="JN31" s="109">
        <v>43791</v>
      </c>
      <c r="JO31" s="109">
        <v>44300</v>
      </c>
      <c r="JP31" s="110">
        <v>449311</v>
      </c>
      <c r="JQ31" s="296">
        <v>449311</v>
      </c>
      <c r="JR31" s="129">
        <v>0</v>
      </c>
      <c r="JS31" s="109">
        <v>0</v>
      </c>
      <c r="JT31" s="128">
        <v>0</v>
      </c>
      <c r="JU31" s="108">
        <v>0</v>
      </c>
      <c r="JV31" s="109">
        <v>0</v>
      </c>
      <c r="JW31" s="109">
        <v>29692</v>
      </c>
      <c r="JX31" s="109">
        <v>139372</v>
      </c>
      <c r="JY31" s="109">
        <v>0</v>
      </c>
      <c r="JZ31" s="109">
        <v>0</v>
      </c>
      <c r="KA31" s="110">
        <v>169064</v>
      </c>
      <c r="KB31" s="296">
        <v>169064</v>
      </c>
      <c r="KC31" s="221">
        <v>0</v>
      </c>
      <c r="KD31" s="217">
        <v>0</v>
      </c>
      <c r="KE31" s="110">
        <v>0</v>
      </c>
      <c r="KF31" s="108">
        <v>0</v>
      </c>
      <c r="KG31" s="109">
        <v>0</v>
      </c>
      <c r="KH31" s="109">
        <v>0</v>
      </c>
      <c r="KI31" s="109">
        <v>0</v>
      </c>
      <c r="KJ31" s="109">
        <v>0</v>
      </c>
      <c r="KK31" s="109">
        <v>224292</v>
      </c>
      <c r="KL31" s="110">
        <v>224292</v>
      </c>
      <c r="KM31" s="130">
        <v>224292</v>
      </c>
      <c r="KN31" s="219">
        <v>0</v>
      </c>
      <c r="KO31" s="223">
        <v>0</v>
      </c>
      <c r="KP31" s="224">
        <v>0</v>
      </c>
      <c r="KQ31" s="127"/>
      <c r="KR31" s="109">
        <v>0</v>
      </c>
      <c r="KS31" s="109">
        <v>0</v>
      </c>
      <c r="KT31" s="109">
        <v>240096</v>
      </c>
      <c r="KU31" s="109">
        <v>501174</v>
      </c>
      <c r="KV31" s="109">
        <v>0</v>
      </c>
      <c r="KW31" s="110">
        <v>741270</v>
      </c>
      <c r="KX31" s="296">
        <v>741270</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6">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227812</v>
      </c>
      <c r="ML31" s="109">
        <v>1159802</v>
      </c>
      <c r="MM31" s="109">
        <v>899296</v>
      </c>
      <c r="MN31" s="109">
        <v>731599</v>
      </c>
      <c r="MO31" s="110">
        <v>3018509</v>
      </c>
      <c r="MP31" s="130">
        <v>3018509</v>
      </c>
      <c r="MQ31" s="129">
        <v>0</v>
      </c>
      <c r="MR31" s="109">
        <v>0</v>
      </c>
      <c r="MS31" s="110">
        <v>0</v>
      </c>
      <c r="MT31" s="132"/>
      <c r="MU31" s="109">
        <v>0</v>
      </c>
      <c r="MV31" s="109">
        <v>0</v>
      </c>
      <c r="MW31" s="109">
        <v>479586</v>
      </c>
      <c r="MX31" s="109">
        <v>899296</v>
      </c>
      <c r="MY31" s="109">
        <v>731599</v>
      </c>
      <c r="MZ31" s="110">
        <v>2110481</v>
      </c>
      <c r="NA31" s="130">
        <v>2110481</v>
      </c>
      <c r="NB31" s="129">
        <v>0</v>
      </c>
      <c r="NC31" s="109">
        <v>0</v>
      </c>
      <c r="ND31" s="110">
        <v>0</v>
      </c>
      <c r="NE31" s="132"/>
      <c r="NF31" s="109">
        <v>0</v>
      </c>
      <c r="NG31" s="109">
        <v>227812</v>
      </c>
      <c r="NH31" s="109">
        <v>680216</v>
      </c>
      <c r="NI31" s="109">
        <v>0</v>
      </c>
      <c r="NJ31" s="109">
        <v>0</v>
      </c>
      <c r="NK31" s="110">
        <v>908028</v>
      </c>
      <c r="NL31" s="296">
        <v>908028</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00513</v>
      </c>
      <c r="OJ31" s="109">
        <v>38000</v>
      </c>
      <c r="OK31" s="128">
        <v>138513</v>
      </c>
      <c r="OL31" s="108">
        <v>0</v>
      </c>
      <c r="OM31" s="109">
        <v>1520359</v>
      </c>
      <c r="ON31" s="109">
        <v>1402865</v>
      </c>
      <c r="OO31" s="109">
        <v>2781991</v>
      </c>
      <c r="OP31" s="109">
        <v>2363081</v>
      </c>
      <c r="OQ31" s="109">
        <v>1370082</v>
      </c>
      <c r="OR31" s="110">
        <v>9438378</v>
      </c>
      <c r="OS31" s="130">
        <v>9576891</v>
      </c>
    </row>
    <row r="32" spans="2:409" ht="21" customHeight="1" x14ac:dyDescent="0.2">
      <c r="B32" s="468" t="s">
        <v>27</v>
      </c>
      <c r="C32" s="100">
        <v>217309</v>
      </c>
      <c r="D32" s="104">
        <v>256943</v>
      </c>
      <c r="E32" s="103">
        <v>474252</v>
      </c>
      <c r="F32" s="99">
        <v>0</v>
      </c>
      <c r="G32" s="104">
        <v>1088585</v>
      </c>
      <c r="H32" s="104">
        <v>1496022</v>
      </c>
      <c r="I32" s="104">
        <v>1068025</v>
      </c>
      <c r="J32" s="104">
        <v>1550791</v>
      </c>
      <c r="K32" s="104">
        <v>629784</v>
      </c>
      <c r="L32" s="160">
        <v>5833207</v>
      </c>
      <c r="M32" s="106">
        <v>6307459</v>
      </c>
      <c r="N32" s="100">
        <v>39713</v>
      </c>
      <c r="O32" s="104">
        <v>117341</v>
      </c>
      <c r="P32" s="103">
        <v>157054</v>
      </c>
      <c r="Q32" s="100">
        <v>0</v>
      </c>
      <c r="R32" s="104">
        <v>221578</v>
      </c>
      <c r="S32" s="104">
        <v>607147</v>
      </c>
      <c r="T32" s="104">
        <v>142139</v>
      </c>
      <c r="U32" s="104">
        <v>522358</v>
      </c>
      <c r="V32" s="104">
        <v>575251</v>
      </c>
      <c r="W32" s="103">
        <v>2068473</v>
      </c>
      <c r="X32" s="106">
        <v>2225527</v>
      </c>
      <c r="Y32" s="100">
        <v>0</v>
      </c>
      <c r="Z32" s="104">
        <v>0</v>
      </c>
      <c r="AA32" s="103">
        <v>0</v>
      </c>
      <c r="AB32" s="100">
        <v>0</v>
      </c>
      <c r="AC32" s="104">
        <v>60408</v>
      </c>
      <c r="AD32" s="104">
        <v>189366</v>
      </c>
      <c r="AE32" s="104">
        <v>37611</v>
      </c>
      <c r="AF32" s="104">
        <v>281338</v>
      </c>
      <c r="AG32" s="104">
        <v>407295</v>
      </c>
      <c r="AH32" s="103">
        <v>976018</v>
      </c>
      <c r="AI32" s="106">
        <v>976018</v>
      </c>
      <c r="AJ32" s="100">
        <v>0</v>
      </c>
      <c r="AK32" s="104">
        <v>0</v>
      </c>
      <c r="AL32" s="103">
        <v>0</v>
      </c>
      <c r="AM32" s="100">
        <v>0</v>
      </c>
      <c r="AN32" s="104">
        <v>0</v>
      </c>
      <c r="AO32" s="104">
        <v>21631</v>
      </c>
      <c r="AP32" s="104">
        <v>0</v>
      </c>
      <c r="AQ32" s="104">
        <v>0</v>
      </c>
      <c r="AR32" s="104">
        <v>0</v>
      </c>
      <c r="AS32" s="103">
        <v>21631</v>
      </c>
      <c r="AT32" s="106">
        <v>21631</v>
      </c>
      <c r="AU32" s="100">
        <v>24657</v>
      </c>
      <c r="AV32" s="104">
        <v>112229</v>
      </c>
      <c r="AW32" s="103">
        <v>136886</v>
      </c>
      <c r="AX32" s="100">
        <v>0</v>
      </c>
      <c r="AY32" s="104">
        <v>107634</v>
      </c>
      <c r="AZ32" s="104">
        <v>296673</v>
      </c>
      <c r="BA32" s="104">
        <v>62000</v>
      </c>
      <c r="BB32" s="104">
        <v>171212</v>
      </c>
      <c r="BC32" s="104">
        <v>138788</v>
      </c>
      <c r="BD32" s="103">
        <v>776307</v>
      </c>
      <c r="BE32" s="106">
        <v>913193</v>
      </c>
      <c r="BF32" s="100">
        <v>0</v>
      </c>
      <c r="BG32" s="104">
        <v>0</v>
      </c>
      <c r="BH32" s="102">
        <v>0</v>
      </c>
      <c r="BI32" s="101">
        <v>0</v>
      </c>
      <c r="BJ32" s="104">
        <v>0</v>
      </c>
      <c r="BK32" s="104">
        <v>39501</v>
      </c>
      <c r="BL32" s="104">
        <v>0</v>
      </c>
      <c r="BM32" s="104">
        <v>0</v>
      </c>
      <c r="BN32" s="104">
        <v>0</v>
      </c>
      <c r="BO32" s="103">
        <v>39501</v>
      </c>
      <c r="BP32" s="106">
        <v>39501</v>
      </c>
      <c r="BQ32" s="100">
        <v>15056</v>
      </c>
      <c r="BR32" s="104">
        <v>5112</v>
      </c>
      <c r="BS32" s="103">
        <v>20168</v>
      </c>
      <c r="BT32" s="100">
        <v>0</v>
      </c>
      <c r="BU32" s="104">
        <v>53536</v>
      </c>
      <c r="BV32" s="104">
        <v>59976</v>
      </c>
      <c r="BW32" s="104">
        <v>42528</v>
      </c>
      <c r="BX32" s="104">
        <v>69808</v>
      </c>
      <c r="BY32" s="104">
        <v>29168</v>
      </c>
      <c r="BZ32" s="103">
        <v>255016</v>
      </c>
      <c r="CA32" s="106">
        <v>275184</v>
      </c>
      <c r="CB32" s="100">
        <v>0</v>
      </c>
      <c r="CC32" s="104">
        <v>79762</v>
      </c>
      <c r="CD32" s="103">
        <v>79762</v>
      </c>
      <c r="CE32" s="100">
        <v>0</v>
      </c>
      <c r="CF32" s="104">
        <v>544496</v>
      </c>
      <c r="CG32" s="104">
        <v>702627</v>
      </c>
      <c r="CH32" s="104">
        <v>702322</v>
      </c>
      <c r="CI32" s="104">
        <v>340171</v>
      </c>
      <c r="CJ32" s="104">
        <v>6301</v>
      </c>
      <c r="CK32" s="103">
        <v>2295917</v>
      </c>
      <c r="CL32" s="106">
        <v>2375679</v>
      </c>
      <c r="CM32" s="100">
        <v>0</v>
      </c>
      <c r="CN32" s="104">
        <v>0</v>
      </c>
      <c r="CO32" s="103">
        <v>0</v>
      </c>
      <c r="CP32" s="101">
        <v>0</v>
      </c>
      <c r="CQ32" s="104">
        <v>452065</v>
      </c>
      <c r="CR32" s="104">
        <v>530572</v>
      </c>
      <c r="CS32" s="104">
        <v>554423</v>
      </c>
      <c r="CT32" s="104">
        <v>340171</v>
      </c>
      <c r="CU32" s="104">
        <v>6301</v>
      </c>
      <c r="CV32" s="103">
        <v>1883532</v>
      </c>
      <c r="CW32" s="106">
        <v>1883532</v>
      </c>
      <c r="CX32" s="100">
        <v>0</v>
      </c>
      <c r="CY32" s="104">
        <v>79762</v>
      </c>
      <c r="CZ32" s="103">
        <v>79762</v>
      </c>
      <c r="DA32" s="100">
        <v>0</v>
      </c>
      <c r="DB32" s="104">
        <v>92431</v>
      </c>
      <c r="DC32" s="104">
        <v>172055</v>
      </c>
      <c r="DD32" s="104">
        <v>147899</v>
      </c>
      <c r="DE32" s="104">
        <v>0</v>
      </c>
      <c r="DF32" s="104">
        <v>0</v>
      </c>
      <c r="DG32" s="103">
        <v>412385</v>
      </c>
      <c r="DH32" s="106">
        <v>492147</v>
      </c>
      <c r="DI32" s="100">
        <v>20998</v>
      </c>
      <c r="DJ32" s="104">
        <v>0</v>
      </c>
      <c r="DK32" s="102">
        <v>20998</v>
      </c>
      <c r="DL32" s="101">
        <v>0</v>
      </c>
      <c r="DM32" s="104">
        <v>0</v>
      </c>
      <c r="DN32" s="104">
        <v>0</v>
      </c>
      <c r="DO32" s="104">
        <v>114036</v>
      </c>
      <c r="DP32" s="104">
        <v>17884</v>
      </c>
      <c r="DQ32" s="104">
        <v>0</v>
      </c>
      <c r="DR32" s="103">
        <v>131920</v>
      </c>
      <c r="DS32" s="106">
        <v>152918</v>
      </c>
      <c r="DT32" s="100">
        <v>20998</v>
      </c>
      <c r="DU32" s="104">
        <v>0</v>
      </c>
      <c r="DV32" s="103">
        <v>20998</v>
      </c>
      <c r="DW32" s="100">
        <v>0</v>
      </c>
      <c r="DX32" s="104">
        <v>0</v>
      </c>
      <c r="DY32" s="104">
        <v>0</v>
      </c>
      <c r="DZ32" s="104">
        <v>59060</v>
      </c>
      <c r="EA32" s="104">
        <v>17884</v>
      </c>
      <c r="EB32" s="104">
        <v>0</v>
      </c>
      <c r="EC32" s="103">
        <v>76944</v>
      </c>
      <c r="ED32" s="106">
        <v>97942</v>
      </c>
      <c r="EE32" s="100">
        <v>0</v>
      </c>
      <c r="EF32" s="102">
        <v>0</v>
      </c>
      <c r="EG32" s="103">
        <v>0</v>
      </c>
      <c r="EH32" s="100">
        <v>0</v>
      </c>
      <c r="EI32" s="104">
        <v>0</v>
      </c>
      <c r="EJ32" s="104">
        <v>0</v>
      </c>
      <c r="EK32" s="104">
        <v>54976</v>
      </c>
      <c r="EL32" s="104">
        <v>0</v>
      </c>
      <c r="EM32" s="104">
        <v>0</v>
      </c>
      <c r="EN32" s="102">
        <v>54976</v>
      </c>
      <c r="EO32" s="106">
        <v>54976</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2"/>
      <c r="FE32" s="104">
        <v>0</v>
      </c>
      <c r="FF32" s="104">
        <v>0</v>
      </c>
      <c r="FG32" s="104">
        <v>0</v>
      </c>
      <c r="FH32" s="104">
        <v>0</v>
      </c>
      <c r="FI32" s="104">
        <v>0</v>
      </c>
      <c r="FJ32" s="103">
        <v>0</v>
      </c>
      <c r="FK32" s="106">
        <v>0</v>
      </c>
      <c r="FL32" s="100">
        <v>105840</v>
      </c>
      <c r="FM32" s="104">
        <v>59840</v>
      </c>
      <c r="FN32" s="103">
        <v>165680</v>
      </c>
      <c r="FO32" s="100">
        <v>0</v>
      </c>
      <c r="FP32" s="104">
        <v>13600</v>
      </c>
      <c r="FQ32" s="104">
        <v>186248</v>
      </c>
      <c r="FR32" s="104">
        <v>109528</v>
      </c>
      <c r="FS32" s="104">
        <v>50560</v>
      </c>
      <c r="FT32" s="104">
        <v>48232</v>
      </c>
      <c r="FU32" s="103">
        <v>408168</v>
      </c>
      <c r="FV32" s="106">
        <v>573848</v>
      </c>
      <c r="FW32" s="105">
        <v>26640</v>
      </c>
      <c r="FX32" s="104">
        <v>59840</v>
      </c>
      <c r="FY32" s="102">
        <v>86480</v>
      </c>
      <c r="FZ32" s="101">
        <v>0</v>
      </c>
      <c r="GA32" s="104">
        <v>13600</v>
      </c>
      <c r="GB32" s="104">
        <v>186248</v>
      </c>
      <c r="GC32" s="104">
        <v>109528</v>
      </c>
      <c r="GD32" s="104">
        <v>50560</v>
      </c>
      <c r="GE32" s="104">
        <v>48232</v>
      </c>
      <c r="GF32" s="103">
        <v>408168</v>
      </c>
      <c r="GG32" s="294">
        <v>494648</v>
      </c>
      <c r="GH32" s="105">
        <v>0</v>
      </c>
      <c r="GI32" s="104">
        <v>0</v>
      </c>
      <c r="GJ32" s="102">
        <v>0</v>
      </c>
      <c r="GK32" s="101">
        <v>0</v>
      </c>
      <c r="GL32" s="104">
        <v>0</v>
      </c>
      <c r="GM32" s="104">
        <v>0</v>
      </c>
      <c r="GN32" s="104">
        <v>0</v>
      </c>
      <c r="GO32" s="104">
        <v>0</v>
      </c>
      <c r="GP32" s="104">
        <v>0</v>
      </c>
      <c r="GQ32" s="103">
        <v>0</v>
      </c>
      <c r="GR32" s="106">
        <v>0</v>
      </c>
      <c r="GS32" s="100">
        <v>79200</v>
      </c>
      <c r="GT32" s="104">
        <v>0</v>
      </c>
      <c r="GU32" s="103">
        <v>79200</v>
      </c>
      <c r="GV32" s="100">
        <v>0</v>
      </c>
      <c r="GW32" s="104">
        <v>0</v>
      </c>
      <c r="GX32" s="104">
        <v>0</v>
      </c>
      <c r="GY32" s="104">
        <v>0</v>
      </c>
      <c r="GZ32" s="104">
        <v>0</v>
      </c>
      <c r="HA32" s="104">
        <v>0</v>
      </c>
      <c r="HB32" s="102">
        <v>0</v>
      </c>
      <c r="HC32" s="106">
        <v>79200</v>
      </c>
      <c r="HD32" s="100">
        <v>50758</v>
      </c>
      <c r="HE32" s="104">
        <v>0</v>
      </c>
      <c r="HF32" s="102">
        <v>50758</v>
      </c>
      <c r="HG32" s="101">
        <v>0</v>
      </c>
      <c r="HH32" s="104">
        <v>308911</v>
      </c>
      <c r="HI32" s="104">
        <v>0</v>
      </c>
      <c r="HJ32" s="104">
        <v>0</v>
      </c>
      <c r="HK32" s="104">
        <v>619818</v>
      </c>
      <c r="HL32" s="104">
        <v>0</v>
      </c>
      <c r="HM32" s="103">
        <v>928729</v>
      </c>
      <c r="HN32" s="99">
        <v>979487</v>
      </c>
      <c r="HO32" s="304"/>
      <c r="HP32" s="305"/>
      <c r="HQ32" s="306"/>
      <c r="HR32" s="307"/>
      <c r="HS32" s="305"/>
      <c r="HT32" s="305"/>
      <c r="HU32" s="305"/>
      <c r="HV32" s="305"/>
      <c r="HW32" s="305"/>
      <c r="HX32" s="308"/>
      <c r="HY32" s="309"/>
      <c r="HZ32" s="137">
        <v>0</v>
      </c>
      <c r="IA32" s="122">
        <v>0</v>
      </c>
      <c r="IB32" s="137">
        <v>0</v>
      </c>
      <c r="IC32" s="121">
        <v>0</v>
      </c>
      <c r="ID32" s="122">
        <v>227287</v>
      </c>
      <c r="IE32" s="123">
        <v>178226</v>
      </c>
      <c r="IF32" s="124">
        <v>642163</v>
      </c>
      <c r="IG32" s="122">
        <v>250208</v>
      </c>
      <c r="IH32" s="124">
        <v>0</v>
      </c>
      <c r="II32" s="125">
        <v>1297884</v>
      </c>
      <c r="IJ32" s="137">
        <v>1297884</v>
      </c>
      <c r="IK32" s="219">
        <v>0</v>
      </c>
      <c r="IL32" s="223">
        <v>0</v>
      </c>
      <c r="IM32" s="224">
        <v>0</v>
      </c>
      <c r="IN32" s="127"/>
      <c r="IO32" s="109">
        <v>0</v>
      </c>
      <c r="IP32" s="109">
        <v>0</v>
      </c>
      <c r="IQ32" s="109">
        <v>175496</v>
      </c>
      <c r="IR32" s="109">
        <v>0</v>
      </c>
      <c r="IS32" s="109">
        <v>0</v>
      </c>
      <c r="IT32" s="128">
        <v>175496</v>
      </c>
      <c r="IU32" s="296">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0</v>
      </c>
      <c r="JL32" s="109">
        <v>30070</v>
      </c>
      <c r="JM32" s="109">
        <v>0</v>
      </c>
      <c r="JN32" s="109">
        <v>0</v>
      </c>
      <c r="JO32" s="109">
        <v>0</v>
      </c>
      <c r="JP32" s="110">
        <v>30070</v>
      </c>
      <c r="JQ32" s="296">
        <v>30070</v>
      </c>
      <c r="JR32" s="129">
        <v>0</v>
      </c>
      <c r="JS32" s="109">
        <v>0</v>
      </c>
      <c r="JT32" s="128">
        <v>0</v>
      </c>
      <c r="JU32" s="108">
        <v>0</v>
      </c>
      <c r="JV32" s="109">
        <v>0</v>
      </c>
      <c r="JW32" s="109">
        <v>0</v>
      </c>
      <c r="JX32" s="109">
        <v>0</v>
      </c>
      <c r="JY32" s="109">
        <v>250208</v>
      </c>
      <c r="JZ32" s="109">
        <v>0</v>
      </c>
      <c r="KA32" s="110">
        <v>250208</v>
      </c>
      <c r="KB32" s="296">
        <v>250208</v>
      </c>
      <c r="KC32" s="221">
        <v>0</v>
      </c>
      <c r="KD32" s="217">
        <v>0</v>
      </c>
      <c r="KE32" s="110">
        <v>0</v>
      </c>
      <c r="KF32" s="108">
        <v>0</v>
      </c>
      <c r="KG32" s="109">
        <v>0</v>
      </c>
      <c r="KH32" s="109">
        <v>148156</v>
      </c>
      <c r="KI32" s="109">
        <v>0</v>
      </c>
      <c r="KJ32" s="109">
        <v>0</v>
      </c>
      <c r="KK32" s="109">
        <v>0</v>
      </c>
      <c r="KL32" s="110">
        <v>148156</v>
      </c>
      <c r="KM32" s="130">
        <v>148156</v>
      </c>
      <c r="KN32" s="219">
        <v>0</v>
      </c>
      <c r="KO32" s="223">
        <v>0</v>
      </c>
      <c r="KP32" s="224">
        <v>0</v>
      </c>
      <c r="KQ32" s="127"/>
      <c r="KR32" s="109">
        <v>227287</v>
      </c>
      <c r="KS32" s="109">
        <v>0</v>
      </c>
      <c r="KT32" s="109">
        <v>244113</v>
      </c>
      <c r="KU32" s="109">
        <v>0</v>
      </c>
      <c r="KV32" s="109">
        <v>0</v>
      </c>
      <c r="KW32" s="110">
        <v>471400</v>
      </c>
      <c r="KX32" s="296">
        <v>47140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222554</v>
      </c>
      <c r="LQ32" s="109">
        <v>0</v>
      </c>
      <c r="LR32" s="109">
        <v>0</v>
      </c>
      <c r="LS32" s="110">
        <v>222554</v>
      </c>
      <c r="LT32" s="296">
        <v>222554</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0</v>
      </c>
      <c r="MK32" s="109">
        <v>467874</v>
      </c>
      <c r="ML32" s="109">
        <v>461617</v>
      </c>
      <c r="MM32" s="109">
        <v>1041723</v>
      </c>
      <c r="MN32" s="109">
        <v>575652</v>
      </c>
      <c r="MO32" s="110">
        <v>2546866</v>
      </c>
      <c r="MP32" s="130">
        <v>2546866</v>
      </c>
      <c r="MQ32" s="129">
        <v>0</v>
      </c>
      <c r="MR32" s="109">
        <v>0</v>
      </c>
      <c r="MS32" s="110">
        <v>0</v>
      </c>
      <c r="MT32" s="132"/>
      <c r="MU32" s="109">
        <v>0</v>
      </c>
      <c r="MV32" s="109">
        <v>227048</v>
      </c>
      <c r="MW32" s="109">
        <v>205008</v>
      </c>
      <c r="MX32" s="109">
        <v>0</v>
      </c>
      <c r="MY32" s="109">
        <v>288988</v>
      </c>
      <c r="MZ32" s="110">
        <v>721044</v>
      </c>
      <c r="NA32" s="130">
        <v>721044</v>
      </c>
      <c r="NB32" s="129">
        <v>0</v>
      </c>
      <c r="NC32" s="109">
        <v>0</v>
      </c>
      <c r="ND32" s="110">
        <v>0</v>
      </c>
      <c r="NE32" s="132"/>
      <c r="NF32" s="109">
        <v>0</v>
      </c>
      <c r="NG32" s="109">
        <v>240826</v>
      </c>
      <c r="NH32" s="109">
        <v>256609</v>
      </c>
      <c r="NI32" s="109">
        <v>1041723</v>
      </c>
      <c r="NJ32" s="109">
        <v>286664</v>
      </c>
      <c r="NK32" s="110">
        <v>1825822</v>
      </c>
      <c r="NL32" s="296">
        <v>1825822</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217309</v>
      </c>
      <c r="OJ32" s="109">
        <v>256943</v>
      </c>
      <c r="OK32" s="128">
        <v>474252</v>
      </c>
      <c r="OL32" s="108">
        <v>0</v>
      </c>
      <c r="OM32" s="109">
        <v>1315872</v>
      </c>
      <c r="ON32" s="109">
        <v>2142122</v>
      </c>
      <c r="OO32" s="109">
        <v>2171805</v>
      </c>
      <c r="OP32" s="109">
        <v>2842722</v>
      </c>
      <c r="OQ32" s="109">
        <v>1205436</v>
      </c>
      <c r="OR32" s="110">
        <v>9677957</v>
      </c>
      <c r="OS32" s="130">
        <v>10152209</v>
      </c>
    </row>
    <row r="33" spans="2:409" ht="21" customHeight="1" x14ac:dyDescent="0.2">
      <c r="B33" s="468" t="s">
        <v>28</v>
      </c>
      <c r="C33" s="100">
        <v>0</v>
      </c>
      <c r="D33" s="104">
        <v>0</v>
      </c>
      <c r="E33" s="103">
        <v>0</v>
      </c>
      <c r="F33" s="99">
        <v>0</v>
      </c>
      <c r="G33" s="104">
        <v>589713</v>
      </c>
      <c r="H33" s="104">
        <v>443265</v>
      </c>
      <c r="I33" s="104">
        <v>562076</v>
      </c>
      <c r="J33" s="104">
        <v>0</v>
      </c>
      <c r="K33" s="104">
        <v>10032</v>
      </c>
      <c r="L33" s="160">
        <v>1605086</v>
      </c>
      <c r="M33" s="106">
        <v>1605086</v>
      </c>
      <c r="N33" s="100">
        <v>0</v>
      </c>
      <c r="O33" s="104">
        <v>0</v>
      </c>
      <c r="P33" s="103">
        <v>0</v>
      </c>
      <c r="Q33" s="100">
        <v>0</v>
      </c>
      <c r="R33" s="104">
        <v>88672</v>
      </c>
      <c r="S33" s="104">
        <v>8904</v>
      </c>
      <c r="T33" s="104">
        <v>301337</v>
      </c>
      <c r="U33" s="104">
        <v>0</v>
      </c>
      <c r="V33" s="104">
        <v>10032</v>
      </c>
      <c r="W33" s="103">
        <v>408945</v>
      </c>
      <c r="X33" s="106">
        <v>408945</v>
      </c>
      <c r="Y33" s="100">
        <v>0</v>
      </c>
      <c r="Z33" s="104">
        <v>0</v>
      </c>
      <c r="AA33" s="103">
        <v>0</v>
      </c>
      <c r="AB33" s="100">
        <v>0</v>
      </c>
      <c r="AC33" s="104">
        <v>0</v>
      </c>
      <c r="AD33" s="104">
        <v>0</v>
      </c>
      <c r="AE33" s="104">
        <v>232888</v>
      </c>
      <c r="AF33" s="104">
        <v>0</v>
      </c>
      <c r="AG33" s="104">
        <v>0</v>
      </c>
      <c r="AH33" s="103">
        <v>232888</v>
      </c>
      <c r="AI33" s="106">
        <v>232888</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54416</v>
      </c>
      <c r="AZ33" s="104">
        <v>0</v>
      </c>
      <c r="BA33" s="104">
        <v>56809</v>
      </c>
      <c r="BB33" s="104">
        <v>0</v>
      </c>
      <c r="BC33" s="104">
        <v>0</v>
      </c>
      <c r="BD33" s="103">
        <v>111225</v>
      </c>
      <c r="BE33" s="106">
        <v>111225</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8904</v>
      </c>
      <c r="BW33" s="104">
        <v>11640</v>
      </c>
      <c r="BX33" s="104">
        <v>0</v>
      </c>
      <c r="BY33" s="104">
        <v>10032</v>
      </c>
      <c r="BZ33" s="103">
        <v>64832</v>
      </c>
      <c r="CA33" s="106">
        <v>64832</v>
      </c>
      <c r="CB33" s="100">
        <v>0</v>
      </c>
      <c r="CC33" s="104">
        <v>0</v>
      </c>
      <c r="CD33" s="103">
        <v>0</v>
      </c>
      <c r="CE33" s="100">
        <v>0</v>
      </c>
      <c r="CF33" s="104">
        <v>23659</v>
      </c>
      <c r="CG33" s="104">
        <v>244751</v>
      </c>
      <c r="CH33" s="104">
        <v>83168</v>
      </c>
      <c r="CI33" s="104">
        <v>0</v>
      </c>
      <c r="CJ33" s="104">
        <v>0</v>
      </c>
      <c r="CK33" s="103">
        <v>351578</v>
      </c>
      <c r="CL33" s="106">
        <v>351578</v>
      </c>
      <c r="CM33" s="100">
        <v>0</v>
      </c>
      <c r="CN33" s="104">
        <v>0</v>
      </c>
      <c r="CO33" s="103">
        <v>0</v>
      </c>
      <c r="CP33" s="101">
        <v>0</v>
      </c>
      <c r="CQ33" s="104">
        <v>0</v>
      </c>
      <c r="CR33" s="104">
        <v>244751</v>
      </c>
      <c r="CS33" s="104">
        <v>0</v>
      </c>
      <c r="CT33" s="104">
        <v>0</v>
      </c>
      <c r="CU33" s="104">
        <v>0</v>
      </c>
      <c r="CV33" s="103">
        <v>244751</v>
      </c>
      <c r="CW33" s="106">
        <v>244751</v>
      </c>
      <c r="CX33" s="100">
        <v>0</v>
      </c>
      <c r="CY33" s="104">
        <v>0</v>
      </c>
      <c r="CZ33" s="103">
        <v>0</v>
      </c>
      <c r="DA33" s="100">
        <v>0</v>
      </c>
      <c r="DB33" s="104">
        <v>23659</v>
      </c>
      <c r="DC33" s="104">
        <v>0</v>
      </c>
      <c r="DD33" s="104">
        <v>83168</v>
      </c>
      <c r="DE33" s="104">
        <v>0</v>
      </c>
      <c r="DF33" s="104">
        <v>0</v>
      </c>
      <c r="DG33" s="103">
        <v>106827</v>
      </c>
      <c r="DH33" s="106">
        <v>106827</v>
      </c>
      <c r="DI33" s="100">
        <v>0</v>
      </c>
      <c r="DJ33" s="104">
        <v>0</v>
      </c>
      <c r="DK33" s="102">
        <v>0</v>
      </c>
      <c r="DL33" s="101">
        <v>0</v>
      </c>
      <c r="DM33" s="104">
        <v>0</v>
      </c>
      <c r="DN33" s="104">
        <v>137994</v>
      </c>
      <c r="DO33" s="104">
        <v>75364</v>
      </c>
      <c r="DP33" s="104">
        <v>0</v>
      </c>
      <c r="DQ33" s="104">
        <v>0</v>
      </c>
      <c r="DR33" s="103">
        <v>213358</v>
      </c>
      <c r="DS33" s="106">
        <v>213358</v>
      </c>
      <c r="DT33" s="100">
        <v>0</v>
      </c>
      <c r="DU33" s="104">
        <v>0</v>
      </c>
      <c r="DV33" s="103">
        <v>0</v>
      </c>
      <c r="DW33" s="100">
        <v>0</v>
      </c>
      <c r="DX33" s="104">
        <v>0</v>
      </c>
      <c r="DY33" s="104">
        <v>103200</v>
      </c>
      <c r="DZ33" s="104">
        <v>0</v>
      </c>
      <c r="EA33" s="104">
        <v>0</v>
      </c>
      <c r="EB33" s="104">
        <v>0</v>
      </c>
      <c r="EC33" s="103">
        <v>103200</v>
      </c>
      <c r="ED33" s="106">
        <v>103200</v>
      </c>
      <c r="EE33" s="100">
        <v>0</v>
      </c>
      <c r="EF33" s="102">
        <v>0</v>
      </c>
      <c r="EG33" s="103">
        <v>0</v>
      </c>
      <c r="EH33" s="100">
        <v>0</v>
      </c>
      <c r="EI33" s="104">
        <v>0</v>
      </c>
      <c r="EJ33" s="104">
        <v>34794</v>
      </c>
      <c r="EK33" s="104">
        <v>75364</v>
      </c>
      <c r="EL33" s="104">
        <v>0</v>
      </c>
      <c r="EM33" s="104">
        <v>0</v>
      </c>
      <c r="EN33" s="102">
        <v>110158</v>
      </c>
      <c r="EO33" s="106">
        <v>110158</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2"/>
      <c r="FE33" s="104">
        <v>0</v>
      </c>
      <c r="FF33" s="104">
        <v>0</v>
      </c>
      <c r="FG33" s="104">
        <v>0</v>
      </c>
      <c r="FH33" s="104">
        <v>0</v>
      </c>
      <c r="FI33" s="104">
        <v>0</v>
      </c>
      <c r="FJ33" s="103">
        <v>0</v>
      </c>
      <c r="FK33" s="106">
        <v>0</v>
      </c>
      <c r="FL33" s="100">
        <v>0</v>
      </c>
      <c r="FM33" s="104">
        <v>0</v>
      </c>
      <c r="FN33" s="103">
        <v>0</v>
      </c>
      <c r="FO33" s="100">
        <v>0</v>
      </c>
      <c r="FP33" s="104">
        <v>20000</v>
      </c>
      <c r="FQ33" s="104">
        <v>51616</v>
      </c>
      <c r="FR33" s="104">
        <v>33104</v>
      </c>
      <c r="FS33" s="104">
        <v>0</v>
      </c>
      <c r="FT33" s="104">
        <v>0</v>
      </c>
      <c r="FU33" s="103">
        <v>104720</v>
      </c>
      <c r="FV33" s="106">
        <v>104720</v>
      </c>
      <c r="FW33" s="105">
        <v>0</v>
      </c>
      <c r="FX33" s="104">
        <v>0</v>
      </c>
      <c r="FY33" s="102">
        <v>0</v>
      </c>
      <c r="FZ33" s="101">
        <v>0</v>
      </c>
      <c r="GA33" s="104">
        <v>20000</v>
      </c>
      <c r="GB33" s="104">
        <v>51616</v>
      </c>
      <c r="GC33" s="104">
        <v>33104</v>
      </c>
      <c r="GD33" s="104">
        <v>0</v>
      </c>
      <c r="GE33" s="104">
        <v>0</v>
      </c>
      <c r="GF33" s="103">
        <v>104720</v>
      </c>
      <c r="GG33" s="294">
        <v>104720</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57382</v>
      </c>
      <c r="HI33" s="104">
        <v>0</v>
      </c>
      <c r="HJ33" s="104">
        <v>69103</v>
      </c>
      <c r="HK33" s="104">
        <v>0</v>
      </c>
      <c r="HL33" s="104">
        <v>0</v>
      </c>
      <c r="HM33" s="103">
        <v>526485</v>
      </c>
      <c r="HN33" s="99">
        <v>526485</v>
      </c>
      <c r="HO33" s="304"/>
      <c r="HP33" s="305"/>
      <c r="HQ33" s="306"/>
      <c r="HR33" s="307"/>
      <c r="HS33" s="305"/>
      <c r="HT33" s="305"/>
      <c r="HU33" s="305"/>
      <c r="HV33" s="305"/>
      <c r="HW33" s="305"/>
      <c r="HX33" s="308"/>
      <c r="HY33" s="309"/>
      <c r="HZ33" s="118">
        <v>0</v>
      </c>
      <c r="IA33" s="119">
        <v>0</v>
      </c>
      <c r="IB33" s="120">
        <v>0</v>
      </c>
      <c r="IC33" s="133">
        <v>0</v>
      </c>
      <c r="ID33" s="119">
        <v>98752</v>
      </c>
      <c r="IE33" s="134">
        <v>0</v>
      </c>
      <c r="IF33" s="120">
        <v>0</v>
      </c>
      <c r="IG33" s="119">
        <v>0</v>
      </c>
      <c r="IH33" s="120">
        <v>253040</v>
      </c>
      <c r="II33" s="135">
        <v>351792</v>
      </c>
      <c r="IJ33" s="126">
        <v>351792</v>
      </c>
      <c r="IK33" s="219">
        <v>0</v>
      </c>
      <c r="IL33" s="223">
        <v>0</v>
      </c>
      <c r="IM33" s="224">
        <v>0</v>
      </c>
      <c r="IN33" s="127"/>
      <c r="IO33" s="109">
        <v>0</v>
      </c>
      <c r="IP33" s="109">
        <v>0</v>
      </c>
      <c r="IQ33" s="109">
        <v>0</v>
      </c>
      <c r="IR33" s="109">
        <v>0</v>
      </c>
      <c r="IS33" s="109">
        <v>0</v>
      </c>
      <c r="IT33" s="128">
        <v>0</v>
      </c>
      <c r="IU33" s="296">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98752</v>
      </c>
      <c r="JL33" s="109">
        <v>0</v>
      </c>
      <c r="JM33" s="109">
        <v>0</v>
      </c>
      <c r="JN33" s="109">
        <v>0</v>
      </c>
      <c r="JO33" s="109">
        <v>0</v>
      </c>
      <c r="JP33" s="110">
        <v>98752</v>
      </c>
      <c r="JQ33" s="296">
        <v>98752</v>
      </c>
      <c r="JR33" s="129">
        <v>0</v>
      </c>
      <c r="JS33" s="109">
        <v>0</v>
      </c>
      <c r="JT33" s="128">
        <v>0</v>
      </c>
      <c r="JU33" s="108">
        <v>0</v>
      </c>
      <c r="JV33" s="109">
        <v>0</v>
      </c>
      <c r="JW33" s="109">
        <v>0</v>
      </c>
      <c r="JX33" s="109">
        <v>0</v>
      </c>
      <c r="JY33" s="109">
        <v>0</v>
      </c>
      <c r="JZ33" s="109">
        <v>0</v>
      </c>
      <c r="KA33" s="110">
        <v>0</v>
      </c>
      <c r="KB33" s="296">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253040</v>
      </c>
      <c r="KW33" s="110">
        <v>253040</v>
      </c>
      <c r="KX33" s="296">
        <v>253040</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6">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210496</v>
      </c>
      <c r="ML33" s="109">
        <v>0</v>
      </c>
      <c r="MM33" s="109">
        <v>223320</v>
      </c>
      <c r="MN33" s="109">
        <v>537832</v>
      </c>
      <c r="MO33" s="110">
        <v>971648</v>
      </c>
      <c r="MP33" s="130">
        <v>971648</v>
      </c>
      <c r="MQ33" s="129">
        <v>0</v>
      </c>
      <c r="MR33" s="109">
        <v>0</v>
      </c>
      <c r="MS33" s="110">
        <v>0</v>
      </c>
      <c r="MT33" s="132"/>
      <c r="MU33" s="109">
        <v>0</v>
      </c>
      <c r="MV33" s="109">
        <v>0</v>
      </c>
      <c r="MW33" s="109">
        <v>0</v>
      </c>
      <c r="MX33" s="109">
        <v>223320</v>
      </c>
      <c r="MY33" s="109">
        <v>241360</v>
      </c>
      <c r="MZ33" s="110">
        <v>464680</v>
      </c>
      <c r="NA33" s="130">
        <v>464680</v>
      </c>
      <c r="NB33" s="129">
        <v>0</v>
      </c>
      <c r="NC33" s="109">
        <v>0</v>
      </c>
      <c r="ND33" s="110">
        <v>0</v>
      </c>
      <c r="NE33" s="132"/>
      <c r="NF33" s="109">
        <v>0</v>
      </c>
      <c r="NG33" s="109">
        <v>210496</v>
      </c>
      <c r="NH33" s="109">
        <v>0</v>
      </c>
      <c r="NI33" s="109">
        <v>0</v>
      </c>
      <c r="NJ33" s="109">
        <v>296472</v>
      </c>
      <c r="NK33" s="110">
        <v>506968</v>
      </c>
      <c r="NL33" s="296">
        <v>506968</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0</v>
      </c>
      <c r="OK33" s="128">
        <v>0</v>
      </c>
      <c r="OL33" s="108">
        <v>0</v>
      </c>
      <c r="OM33" s="109">
        <v>688465</v>
      </c>
      <c r="ON33" s="109">
        <v>653761</v>
      </c>
      <c r="OO33" s="109">
        <v>562076</v>
      </c>
      <c r="OP33" s="109">
        <v>223320</v>
      </c>
      <c r="OQ33" s="109">
        <v>800904</v>
      </c>
      <c r="OR33" s="110">
        <v>2928526</v>
      </c>
      <c r="OS33" s="130">
        <v>2928526</v>
      </c>
    </row>
    <row r="34" spans="2:409" ht="21" customHeight="1" x14ac:dyDescent="0.2">
      <c r="B34" s="468" t="s">
        <v>29</v>
      </c>
      <c r="C34" s="100">
        <v>50993</v>
      </c>
      <c r="D34" s="104">
        <v>13888</v>
      </c>
      <c r="E34" s="103">
        <v>64881</v>
      </c>
      <c r="F34" s="99">
        <v>0</v>
      </c>
      <c r="G34" s="104">
        <v>19824</v>
      </c>
      <c r="H34" s="104">
        <v>596913</v>
      </c>
      <c r="I34" s="104">
        <v>604474</v>
      </c>
      <c r="J34" s="104">
        <v>295298</v>
      </c>
      <c r="K34" s="104">
        <v>579907</v>
      </c>
      <c r="L34" s="160">
        <v>2096416</v>
      </c>
      <c r="M34" s="106">
        <v>2161297</v>
      </c>
      <c r="N34" s="100">
        <v>0</v>
      </c>
      <c r="O34" s="104">
        <v>13888</v>
      </c>
      <c r="P34" s="103">
        <v>13888</v>
      </c>
      <c r="Q34" s="100">
        <v>0</v>
      </c>
      <c r="R34" s="104">
        <v>19824</v>
      </c>
      <c r="S34" s="104">
        <v>212360</v>
      </c>
      <c r="T34" s="104">
        <v>53128</v>
      </c>
      <c r="U34" s="104">
        <v>261898</v>
      </c>
      <c r="V34" s="104">
        <v>306856</v>
      </c>
      <c r="W34" s="103">
        <v>854066</v>
      </c>
      <c r="X34" s="106">
        <v>867954</v>
      </c>
      <c r="Y34" s="100">
        <v>0</v>
      </c>
      <c r="Z34" s="104">
        <v>0</v>
      </c>
      <c r="AA34" s="103">
        <v>0</v>
      </c>
      <c r="AB34" s="100">
        <v>0</v>
      </c>
      <c r="AC34" s="104">
        <v>0</v>
      </c>
      <c r="AD34" s="104">
        <v>128416</v>
      </c>
      <c r="AE34" s="104">
        <v>0</v>
      </c>
      <c r="AF34" s="104">
        <v>204632</v>
      </c>
      <c r="AG34" s="104">
        <v>269272</v>
      </c>
      <c r="AH34" s="103">
        <v>602320</v>
      </c>
      <c r="AI34" s="106">
        <v>602320</v>
      </c>
      <c r="AJ34" s="100">
        <v>0</v>
      </c>
      <c r="AK34" s="104">
        <v>0</v>
      </c>
      <c r="AL34" s="103">
        <v>0</v>
      </c>
      <c r="AM34" s="100">
        <v>0</v>
      </c>
      <c r="AN34" s="104">
        <v>0</v>
      </c>
      <c r="AO34" s="104">
        <v>0</v>
      </c>
      <c r="AP34" s="104">
        <v>0</v>
      </c>
      <c r="AQ34" s="104">
        <v>0</v>
      </c>
      <c r="AR34" s="104">
        <v>0</v>
      </c>
      <c r="AS34" s="103">
        <v>0</v>
      </c>
      <c r="AT34" s="106">
        <v>0</v>
      </c>
      <c r="AU34" s="100">
        <v>0</v>
      </c>
      <c r="AV34" s="104">
        <v>13888</v>
      </c>
      <c r="AW34" s="103">
        <v>13888</v>
      </c>
      <c r="AX34" s="100">
        <v>0</v>
      </c>
      <c r="AY34" s="104">
        <v>19824</v>
      </c>
      <c r="AZ34" s="104">
        <v>36840</v>
      </c>
      <c r="BA34" s="104">
        <v>29496</v>
      </c>
      <c r="BB34" s="104">
        <v>57266</v>
      </c>
      <c r="BC34" s="104">
        <v>0</v>
      </c>
      <c r="BD34" s="103">
        <v>143426</v>
      </c>
      <c r="BE34" s="106">
        <v>157314</v>
      </c>
      <c r="BF34" s="100">
        <v>0</v>
      </c>
      <c r="BG34" s="104">
        <v>0</v>
      </c>
      <c r="BH34" s="102">
        <v>0</v>
      </c>
      <c r="BI34" s="101">
        <v>0</v>
      </c>
      <c r="BJ34" s="104">
        <v>0</v>
      </c>
      <c r="BK34" s="104">
        <v>30592</v>
      </c>
      <c r="BL34" s="104">
        <v>0</v>
      </c>
      <c r="BM34" s="104">
        <v>0</v>
      </c>
      <c r="BN34" s="104">
        <v>0</v>
      </c>
      <c r="BO34" s="103">
        <v>30592</v>
      </c>
      <c r="BP34" s="106">
        <v>30592</v>
      </c>
      <c r="BQ34" s="100">
        <v>0</v>
      </c>
      <c r="BR34" s="104">
        <v>0</v>
      </c>
      <c r="BS34" s="103">
        <v>0</v>
      </c>
      <c r="BT34" s="100">
        <v>0</v>
      </c>
      <c r="BU34" s="104">
        <v>0</v>
      </c>
      <c r="BV34" s="104">
        <v>16512</v>
      </c>
      <c r="BW34" s="104">
        <v>23632</v>
      </c>
      <c r="BX34" s="104">
        <v>0</v>
      </c>
      <c r="BY34" s="104">
        <v>37584</v>
      </c>
      <c r="BZ34" s="103">
        <v>77728</v>
      </c>
      <c r="CA34" s="106">
        <v>77728</v>
      </c>
      <c r="CB34" s="100">
        <v>18544</v>
      </c>
      <c r="CC34" s="104">
        <v>0</v>
      </c>
      <c r="CD34" s="103">
        <v>18544</v>
      </c>
      <c r="CE34" s="100">
        <v>0</v>
      </c>
      <c r="CF34" s="104">
        <v>0</v>
      </c>
      <c r="CG34" s="104">
        <v>172800</v>
      </c>
      <c r="CH34" s="104">
        <v>46088</v>
      </c>
      <c r="CI34" s="104">
        <v>0</v>
      </c>
      <c r="CJ34" s="104">
        <v>0</v>
      </c>
      <c r="CK34" s="103">
        <v>218888</v>
      </c>
      <c r="CL34" s="106">
        <v>237432</v>
      </c>
      <c r="CM34" s="100">
        <v>0</v>
      </c>
      <c r="CN34" s="104">
        <v>0</v>
      </c>
      <c r="CO34" s="103">
        <v>0</v>
      </c>
      <c r="CP34" s="101">
        <v>0</v>
      </c>
      <c r="CQ34" s="104">
        <v>0</v>
      </c>
      <c r="CR34" s="104">
        <v>172800</v>
      </c>
      <c r="CS34" s="104">
        <v>46088</v>
      </c>
      <c r="CT34" s="104">
        <v>0</v>
      </c>
      <c r="CU34" s="104">
        <v>0</v>
      </c>
      <c r="CV34" s="103">
        <v>218888</v>
      </c>
      <c r="CW34" s="106">
        <v>218888</v>
      </c>
      <c r="CX34" s="100">
        <v>18544</v>
      </c>
      <c r="CY34" s="104">
        <v>0</v>
      </c>
      <c r="CZ34" s="103">
        <v>18544</v>
      </c>
      <c r="DA34" s="100">
        <v>0</v>
      </c>
      <c r="DB34" s="104">
        <v>0</v>
      </c>
      <c r="DC34" s="104">
        <v>0</v>
      </c>
      <c r="DD34" s="104">
        <v>0</v>
      </c>
      <c r="DE34" s="104">
        <v>0</v>
      </c>
      <c r="DF34" s="104">
        <v>0</v>
      </c>
      <c r="DG34" s="103">
        <v>0</v>
      </c>
      <c r="DH34" s="106">
        <v>18544</v>
      </c>
      <c r="DI34" s="100">
        <v>16609</v>
      </c>
      <c r="DJ34" s="104">
        <v>0</v>
      </c>
      <c r="DK34" s="102">
        <v>16609</v>
      </c>
      <c r="DL34" s="101">
        <v>0</v>
      </c>
      <c r="DM34" s="104">
        <v>0</v>
      </c>
      <c r="DN34" s="104">
        <v>0</v>
      </c>
      <c r="DO34" s="104">
        <v>139952</v>
      </c>
      <c r="DP34" s="104">
        <v>0</v>
      </c>
      <c r="DQ34" s="104">
        <v>0</v>
      </c>
      <c r="DR34" s="103">
        <v>139952</v>
      </c>
      <c r="DS34" s="106">
        <v>156561</v>
      </c>
      <c r="DT34" s="100">
        <v>16609</v>
      </c>
      <c r="DU34" s="104">
        <v>0</v>
      </c>
      <c r="DV34" s="103">
        <v>16609</v>
      </c>
      <c r="DW34" s="100">
        <v>0</v>
      </c>
      <c r="DX34" s="104">
        <v>0</v>
      </c>
      <c r="DY34" s="104">
        <v>0</v>
      </c>
      <c r="DZ34" s="104">
        <v>139952</v>
      </c>
      <c r="EA34" s="104">
        <v>0</v>
      </c>
      <c r="EB34" s="104">
        <v>0</v>
      </c>
      <c r="EC34" s="103">
        <v>139952</v>
      </c>
      <c r="ED34" s="106">
        <v>156561</v>
      </c>
      <c r="EE34" s="100">
        <v>0</v>
      </c>
      <c r="EF34" s="102">
        <v>0</v>
      </c>
      <c r="EG34" s="103">
        <v>0</v>
      </c>
      <c r="EH34" s="100">
        <v>0</v>
      </c>
      <c r="EI34" s="104">
        <v>0</v>
      </c>
      <c r="EJ34" s="104">
        <v>0</v>
      </c>
      <c r="EK34" s="104">
        <v>0</v>
      </c>
      <c r="EL34" s="104">
        <v>0</v>
      </c>
      <c r="EM34" s="104">
        <v>0</v>
      </c>
      <c r="EN34" s="102">
        <v>0</v>
      </c>
      <c r="EO34" s="106">
        <v>0</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2"/>
      <c r="FE34" s="104">
        <v>0</v>
      </c>
      <c r="FF34" s="104">
        <v>0</v>
      </c>
      <c r="FG34" s="104">
        <v>0</v>
      </c>
      <c r="FH34" s="104">
        <v>0</v>
      </c>
      <c r="FI34" s="104">
        <v>0</v>
      </c>
      <c r="FJ34" s="103">
        <v>0</v>
      </c>
      <c r="FK34" s="106">
        <v>0</v>
      </c>
      <c r="FL34" s="100">
        <v>15840</v>
      </c>
      <c r="FM34" s="104">
        <v>0</v>
      </c>
      <c r="FN34" s="103">
        <v>15840</v>
      </c>
      <c r="FO34" s="100">
        <v>0</v>
      </c>
      <c r="FP34" s="104">
        <v>0</v>
      </c>
      <c r="FQ34" s="104">
        <v>40368</v>
      </c>
      <c r="FR34" s="104">
        <v>161240</v>
      </c>
      <c r="FS34" s="104">
        <v>33400</v>
      </c>
      <c r="FT34" s="104">
        <v>36288</v>
      </c>
      <c r="FU34" s="103">
        <v>271296</v>
      </c>
      <c r="FV34" s="106">
        <v>287136</v>
      </c>
      <c r="FW34" s="105">
        <v>15840</v>
      </c>
      <c r="FX34" s="104">
        <v>0</v>
      </c>
      <c r="FY34" s="102">
        <v>15840</v>
      </c>
      <c r="FZ34" s="101">
        <v>0</v>
      </c>
      <c r="GA34" s="104">
        <v>0</v>
      </c>
      <c r="GB34" s="104">
        <v>40368</v>
      </c>
      <c r="GC34" s="104">
        <v>60440</v>
      </c>
      <c r="GD34" s="104">
        <v>33400</v>
      </c>
      <c r="GE34" s="104">
        <v>36288</v>
      </c>
      <c r="GF34" s="103">
        <v>170496</v>
      </c>
      <c r="GG34" s="294">
        <v>186336</v>
      </c>
      <c r="GH34" s="105">
        <v>0</v>
      </c>
      <c r="GI34" s="104">
        <v>0</v>
      </c>
      <c r="GJ34" s="102">
        <v>0</v>
      </c>
      <c r="GK34" s="101">
        <v>0</v>
      </c>
      <c r="GL34" s="104">
        <v>0</v>
      </c>
      <c r="GM34" s="104">
        <v>0</v>
      </c>
      <c r="GN34" s="104">
        <v>14400</v>
      </c>
      <c r="GO34" s="104">
        <v>0</v>
      </c>
      <c r="GP34" s="104">
        <v>0</v>
      </c>
      <c r="GQ34" s="103">
        <v>14400</v>
      </c>
      <c r="GR34" s="106">
        <v>14400</v>
      </c>
      <c r="GS34" s="100">
        <v>0</v>
      </c>
      <c r="GT34" s="104">
        <v>0</v>
      </c>
      <c r="GU34" s="103">
        <v>0</v>
      </c>
      <c r="GV34" s="100">
        <v>0</v>
      </c>
      <c r="GW34" s="104">
        <v>0</v>
      </c>
      <c r="GX34" s="104">
        <v>0</v>
      </c>
      <c r="GY34" s="104">
        <v>86400</v>
      </c>
      <c r="GZ34" s="104">
        <v>0</v>
      </c>
      <c r="HA34" s="104">
        <v>0</v>
      </c>
      <c r="HB34" s="102">
        <v>86400</v>
      </c>
      <c r="HC34" s="106">
        <v>86400</v>
      </c>
      <c r="HD34" s="100">
        <v>0</v>
      </c>
      <c r="HE34" s="104">
        <v>0</v>
      </c>
      <c r="HF34" s="102">
        <v>0</v>
      </c>
      <c r="HG34" s="101">
        <v>0</v>
      </c>
      <c r="HH34" s="104">
        <v>0</v>
      </c>
      <c r="HI34" s="104">
        <v>171385</v>
      </c>
      <c r="HJ34" s="104">
        <v>204066</v>
      </c>
      <c r="HK34" s="104">
        <v>0</v>
      </c>
      <c r="HL34" s="104">
        <v>236763</v>
      </c>
      <c r="HM34" s="103">
        <v>612214</v>
      </c>
      <c r="HN34" s="99">
        <v>612214</v>
      </c>
      <c r="HO34" s="304"/>
      <c r="HP34" s="305"/>
      <c r="HQ34" s="306"/>
      <c r="HR34" s="307"/>
      <c r="HS34" s="305"/>
      <c r="HT34" s="305"/>
      <c r="HU34" s="305"/>
      <c r="HV34" s="305"/>
      <c r="HW34" s="305"/>
      <c r="HX34" s="308"/>
      <c r="HY34" s="309"/>
      <c r="HZ34" s="137">
        <v>0</v>
      </c>
      <c r="IA34" s="122">
        <v>0</v>
      </c>
      <c r="IB34" s="137">
        <v>0</v>
      </c>
      <c r="IC34" s="121">
        <v>0</v>
      </c>
      <c r="ID34" s="122">
        <v>0</v>
      </c>
      <c r="IE34" s="123">
        <v>109160</v>
      </c>
      <c r="IF34" s="124">
        <v>687848</v>
      </c>
      <c r="IG34" s="122">
        <v>251416</v>
      </c>
      <c r="IH34" s="124">
        <v>0</v>
      </c>
      <c r="II34" s="125">
        <v>1048424</v>
      </c>
      <c r="IJ34" s="137">
        <v>1048424</v>
      </c>
      <c r="IK34" s="219">
        <v>0</v>
      </c>
      <c r="IL34" s="223">
        <v>0</v>
      </c>
      <c r="IM34" s="224">
        <v>0</v>
      </c>
      <c r="IN34" s="127"/>
      <c r="IO34" s="109">
        <v>0</v>
      </c>
      <c r="IP34" s="109">
        <v>0</v>
      </c>
      <c r="IQ34" s="109">
        <v>163888</v>
      </c>
      <c r="IR34" s="109">
        <v>0</v>
      </c>
      <c r="IS34" s="109">
        <v>0</v>
      </c>
      <c r="IT34" s="128">
        <v>163888</v>
      </c>
      <c r="IU34" s="296">
        <v>163888</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0</v>
      </c>
      <c r="JL34" s="109">
        <v>109160</v>
      </c>
      <c r="JM34" s="109">
        <v>57568</v>
      </c>
      <c r="JN34" s="109">
        <v>0</v>
      </c>
      <c r="JO34" s="109">
        <v>0</v>
      </c>
      <c r="JP34" s="110">
        <v>166728</v>
      </c>
      <c r="JQ34" s="296">
        <v>166728</v>
      </c>
      <c r="JR34" s="129">
        <v>0</v>
      </c>
      <c r="JS34" s="109">
        <v>0</v>
      </c>
      <c r="JT34" s="128">
        <v>0</v>
      </c>
      <c r="JU34" s="108">
        <v>0</v>
      </c>
      <c r="JV34" s="109">
        <v>0</v>
      </c>
      <c r="JW34" s="109">
        <v>0</v>
      </c>
      <c r="JX34" s="109">
        <v>0</v>
      </c>
      <c r="JY34" s="109">
        <v>0</v>
      </c>
      <c r="JZ34" s="109">
        <v>0</v>
      </c>
      <c r="KA34" s="110">
        <v>0</v>
      </c>
      <c r="KB34" s="296">
        <v>0</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c r="KR34" s="109">
        <v>0</v>
      </c>
      <c r="KS34" s="109">
        <v>0</v>
      </c>
      <c r="KT34" s="109">
        <v>0</v>
      </c>
      <c r="KU34" s="109">
        <v>0</v>
      </c>
      <c r="KV34" s="109">
        <v>0</v>
      </c>
      <c r="KW34" s="110">
        <v>0</v>
      </c>
      <c r="KX34" s="296">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466392</v>
      </c>
      <c r="LQ34" s="109">
        <v>251416</v>
      </c>
      <c r="LR34" s="109">
        <v>0</v>
      </c>
      <c r="LS34" s="110">
        <v>717808</v>
      </c>
      <c r="LT34" s="296">
        <v>717808</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595208</v>
      </c>
      <c r="MN34" s="109">
        <v>287943</v>
      </c>
      <c r="MO34" s="110">
        <v>883151</v>
      </c>
      <c r="MP34" s="130">
        <v>883151</v>
      </c>
      <c r="MQ34" s="129">
        <v>0</v>
      </c>
      <c r="MR34" s="109">
        <v>0</v>
      </c>
      <c r="MS34" s="110">
        <v>0</v>
      </c>
      <c r="MT34" s="132"/>
      <c r="MU34" s="109">
        <v>0</v>
      </c>
      <c r="MV34" s="109">
        <v>0</v>
      </c>
      <c r="MW34" s="109">
        <v>0</v>
      </c>
      <c r="MX34" s="109">
        <v>241940</v>
      </c>
      <c r="MY34" s="109">
        <v>0</v>
      </c>
      <c r="MZ34" s="110">
        <v>241940</v>
      </c>
      <c r="NA34" s="130">
        <v>241940</v>
      </c>
      <c r="NB34" s="129">
        <v>0</v>
      </c>
      <c r="NC34" s="109">
        <v>0</v>
      </c>
      <c r="ND34" s="110">
        <v>0</v>
      </c>
      <c r="NE34" s="132"/>
      <c r="NF34" s="109">
        <v>0</v>
      </c>
      <c r="NG34" s="109">
        <v>0</v>
      </c>
      <c r="NH34" s="109">
        <v>0</v>
      </c>
      <c r="NI34" s="109">
        <v>353268</v>
      </c>
      <c r="NJ34" s="109">
        <v>287943</v>
      </c>
      <c r="NK34" s="110">
        <v>641211</v>
      </c>
      <c r="NL34" s="296">
        <v>641211</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50993</v>
      </c>
      <c r="OJ34" s="109">
        <v>13888</v>
      </c>
      <c r="OK34" s="128">
        <v>64881</v>
      </c>
      <c r="OL34" s="108">
        <v>0</v>
      </c>
      <c r="OM34" s="109">
        <v>19824</v>
      </c>
      <c r="ON34" s="109">
        <v>706073</v>
      </c>
      <c r="OO34" s="109">
        <v>1292322</v>
      </c>
      <c r="OP34" s="109">
        <v>1141922</v>
      </c>
      <c r="OQ34" s="109">
        <v>867850</v>
      </c>
      <c r="OR34" s="110">
        <v>4027991</v>
      </c>
      <c r="OS34" s="130">
        <v>4092872</v>
      </c>
    </row>
    <row r="35" spans="2:409" ht="21" customHeight="1" x14ac:dyDescent="0.2">
      <c r="B35" s="468" t="s">
        <v>30</v>
      </c>
      <c r="C35" s="100">
        <v>36554</v>
      </c>
      <c r="D35" s="104">
        <v>39712</v>
      </c>
      <c r="E35" s="161">
        <v>76266</v>
      </c>
      <c r="F35" s="162">
        <v>0</v>
      </c>
      <c r="G35" s="163">
        <v>333447</v>
      </c>
      <c r="H35" s="163">
        <v>408821</v>
      </c>
      <c r="I35" s="163">
        <v>68216</v>
      </c>
      <c r="J35" s="163">
        <v>305520</v>
      </c>
      <c r="K35" s="163">
        <v>0</v>
      </c>
      <c r="L35" s="164">
        <v>1116004</v>
      </c>
      <c r="M35" s="106">
        <v>1192270</v>
      </c>
      <c r="N35" s="100">
        <v>0</v>
      </c>
      <c r="O35" s="104">
        <v>38512</v>
      </c>
      <c r="P35" s="103">
        <v>38512</v>
      </c>
      <c r="Q35" s="100">
        <v>0</v>
      </c>
      <c r="R35" s="104">
        <v>176184</v>
      </c>
      <c r="S35" s="104">
        <v>180080</v>
      </c>
      <c r="T35" s="104">
        <v>29816</v>
      </c>
      <c r="U35" s="104">
        <v>100360</v>
      </c>
      <c r="V35" s="104">
        <v>0</v>
      </c>
      <c r="W35" s="103">
        <v>486440</v>
      </c>
      <c r="X35" s="106">
        <v>524952</v>
      </c>
      <c r="Y35" s="100">
        <v>0</v>
      </c>
      <c r="Z35" s="104">
        <v>0</v>
      </c>
      <c r="AA35" s="103">
        <v>0</v>
      </c>
      <c r="AB35" s="100">
        <v>0</v>
      </c>
      <c r="AC35" s="104">
        <v>107104</v>
      </c>
      <c r="AD35" s="104">
        <v>159512</v>
      </c>
      <c r="AE35" s="104">
        <v>0</v>
      </c>
      <c r="AF35" s="104">
        <v>33688</v>
      </c>
      <c r="AG35" s="104">
        <v>0</v>
      </c>
      <c r="AH35" s="103">
        <v>300304</v>
      </c>
      <c r="AI35" s="106">
        <v>300304</v>
      </c>
      <c r="AJ35" s="100">
        <v>0</v>
      </c>
      <c r="AK35" s="104">
        <v>0</v>
      </c>
      <c r="AL35" s="103">
        <v>0</v>
      </c>
      <c r="AM35" s="100">
        <v>0</v>
      </c>
      <c r="AN35" s="104">
        <v>0</v>
      </c>
      <c r="AO35" s="104">
        <v>0</v>
      </c>
      <c r="AP35" s="104">
        <v>0</v>
      </c>
      <c r="AQ35" s="104">
        <v>0</v>
      </c>
      <c r="AR35" s="104">
        <v>0</v>
      </c>
      <c r="AS35" s="103">
        <v>0</v>
      </c>
      <c r="AT35" s="106">
        <v>0</v>
      </c>
      <c r="AU35" s="100">
        <v>0</v>
      </c>
      <c r="AV35" s="104">
        <v>38512</v>
      </c>
      <c r="AW35" s="103">
        <v>38512</v>
      </c>
      <c r="AX35" s="100">
        <v>0</v>
      </c>
      <c r="AY35" s="104">
        <v>54280</v>
      </c>
      <c r="AZ35" s="104">
        <v>0</v>
      </c>
      <c r="BA35" s="104">
        <v>29816</v>
      </c>
      <c r="BB35" s="104">
        <v>35456</v>
      </c>
      <c r="BC35" s="104">
        <v>0</v>
      </c>
      <c r="BD35" s="103">
        <v>119552</v>
      </c>
      <c r="BE35" s="106">
        <v>158064</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14800</v>
      </c>
      <c r="BV35" s="104">
        <v>20568</v>
      </c>
      <c r="BW35" s="104">
        <v>0</v>
      </c>
      <c r="BX35" s="104">
        <v>31216</v>
      </c>
      <c r="BY35" s="104">
        <v>0</v>
      </c>
      <c r="BZ35" s="103">
        <v>66584</v>
      </c>
      <c r="CA35" s="106">
        <v>66584</v>
      </c>
      <c r="CB35" s="100">
        <v>20874</v>
      </c>
      <c r="CC35" s="104">
        <v>0</v>
      </c>
      <c r="CD35" s="103">
        <v>20874</v>
      </c>
      <c r="CE35" s="100">
        <v>0</v>
      </c>
      <c r="CF35" s="104">
        <v>0</v>
      </c>
      <c r="CG35" s="104">
        <v>35912</v>
      </c>
      <c r="CH35" s="104">
        <v>0</v>
      </c>
      <c r="CI35" s="104">
        <v>116000</v>
      </c>
      <c r="CJ35" s="104">
        <v>0</v>
      </c>
      <c r="CK35" s="103">
        <v>151912</v>
      </c>
      <c r="CL35" s="106">
        <v>172786</v>
      </c>
      <c r="CM35" s="100">
        <v>0</v>
      </c>
      <c r="CN35" s="104">
        <v>0</v>
      </c>
      <c r="CO35" s="103">
        <v>0</v>
      </c>
      <c r="CP35" s="101">
        <v>0</v>
      </c>
      <c r="CQ35" s="104">
        <v>0</v>
      </c>
      <c r="CR35" s="104">
        <v>35912</v>
      </c>
      <c r="CS35" s="104">
        <v>0</v>
      </c>
      <c r="CT35" s="104">
        <v>116000</v>
      </c>
      <c r="CU35" s="104">
        <v>0</v>
      </c>
      <c r="CV35" s="103">
        <v>151912</v>
      </c>
      <c r="CW35" s="106">
        <v>151912</v>
      </c>
      <c r="CX35" s="100">
        <v>20874</v>
      </c>
      <c r="CY35" s="104">
        <v>0</v>
      </c>
      <c r="CZ35" s="103">
        <v>20874</v>
      </c>
      <c r="DA35" s="100">
        <v>0</v>
      </c>
      <c r="DB35" s="104">
        <v>0</v>
      </c>
      <c r="DC35" s="104">
        <v>0</v>
      </c>
      <c r="DD35" s="104">
        <v>0</v>
      </c>
      <c r="DE35" s="104">
        <v>0</v>
      </c>
      <c r="DF35" s="104">
        <v>0</v>
      </c>
      <c r="DG35" s="103">
        <v>0</v>
      </c>
      <c r="DH35" s="106">
        <v>20874</v>
      </c>
      <c r="DI35" s="100">
        <v>0</v>
      </c>
      <c r="DJ35" s="104">
        <v>0</v>
      </c>
      <c r="DK35" s="102">
        <v>0</v>
      </c>
      <c r="DL35" s="101">
        <v>0</v>
      </c>
      <c r="DM35" s="104">
        <v>0</v>
      </c>
      <c r="DN35" s="104">
        <v>0</v>
      </c>
      <c r="DO35" s="104">
        <v>0</v>
      </c>
      <c r="DP35" s="104">
        <v>66952</v>
      </c>
      <c r="DQ35" s="104">
        <v>0</v>
      </c>
      <c r="DR35" s="103">
        <v>66952</v>
      </c>
      <c r="DS35" s="106">
        <v>66952</v>
      </c>
      <c r="DT35" s="100">
        <v>0</v>
      </c>
      <c r="DU35" s="104">
        <v>0</v>
      </c>
      <c r="DV35" s="103">
        <v>0</v>
      </c>
      <c r="DW35" s="100">
        <v>0</v>
      </c>
      <c r="DX35" s="104">
        <v>0</v>
      </c>
      <c r="DY35" s="104">
        <v>0</v>
      </c>
      <c r="DZ35" s="104">
        <v>0</v>
      </c>
      <c r="EA35" s="104">
        <v>66952</v>
      </c>
      <c r="EB35" s="104">
        <v>0</v>
      </c>
      <c r="EC35" s="103">
        <v>66952</v>
      </c>
      <c r="ED35" s="106">
        <v>66952</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2"/>
      <c r="FE35" s="104">
        <v>0</v>
      </c>
      <c r="FF35" s="104">
        <v>0</v>
      </c>
      <c r="FG35" s="104">
        <v>0</v>
      </c>
      <c r="FH35" s="104">
        <v>0</v>
      </c>
      <c r="FI35" s="104">
        <v>0</v>
      </c>
      <c r="FJ35" s="103">
        <v>0</v>
      </c>
      <c r="FK35" s="106">
        <v>0</v>
      </c>
      <c r="FL35" s="100">
        <v>15680</v>
      </c>
      <c r="FM35" s="104">
        <v>1200</v>
      </c>
      <c r="FN35" s="103">
        <v>16880</v>
      </c>
      <c r="FO35" s="100">
        <v>0</v>
      </c>
      <c r="FP35" s="104">
        <v>1600</v>
      </c>
      <c r="FQ35" s="104">
        <v>19360</v>
      </c>
      <c r="FR35" s="104">
        <v>38400</v>
      </c>
      <c r="FS35" s="104">
        <v>22208</v>
      </c>
      <c r="FT35" s="104">
        <v>0</v>
      </c>
      <c r="FU35" s="103">
        <v>81568</v>
      </c>
      <c r="FV35" s="106">
        <v>98448</v>
      </c>
      <c r="FW35" s="105">
        <v>15680</v>
      </c>
      <c r="FX35" s="104">
        <v>1200</v>
      </c>
      <c r="FY35" s="102">
        <v>16880</v>
      </c>
      <c r="FZ35" s="101">
        <v>0</v>
      </c>
      <c r="GA35" s="104">
        <v>1600</v>
      </c>
      <c r="GB35" s="104">
        <v>19360</v>
      </c>
      <c r="GC35" s="104">
        <v>38400</v>
      </c>
      <c r="GD35" s="104">
        <v>22208</v>
      </c>
      <c r="GE35" s="104">
        <v>0</v>
      </c>
      <c r="GF35" s="103">
        <v>81568</v>
      </c>
      <c r="GG35" s="294">
        <v>9844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55663</v>
      </c>
      <c r="HI35" s="104">
        <v>173469</v>
      </c>
      <c r="HJ35" s="104">
        <v>0</v>
      </c>
      <c r="HK35" s="104">
        <v>0</v>
      </c>
      <c r="HL35" s="104">
        <v>0</v>
      </c>
      <c r="HM35" s="103">
        <v>329132</v>
      </c>
      <c r="HN35" s="99">
        <v>329132</v>
      </c>
      <c r="HO35" s="304"/>
      <c r="HP35" s="305"/>
      <c r="HQ35" s="306"/>
      <c r="HR35" s="307"/>
      <c r="HS35" s="305"/>
      <c r="HT35" s="305"/>
      <c r="HU35" s="305"/>
      <c r="HV35" s="305"/>
      <c r="HW35" s="305"/>
      <c r="HX35" s="308"/>
      <c r="HY35" s="309"/>
      <c r="HZ35" s="118">
        <v>0</v>
      </c>
      <c r="IA35" s="119">
        <v>0</v>
      </c>
      <c r="IB35" s="120">
        <v>0</v>
      </c>
      <c r="IC35" s="133">
        <v>0</v>
      </c>
      <c r="ID35" s="119">
        <v>56024</v>
      </c>
      <c r="IE35" s="134">
        <v>12882</v>
      </c>
      <c r="IF35" s="120">
        <v>141640</v>
      </c>
      <c r="IG35" s="119">
        <v>249128</v>
      </c>
      <c r="IH35" s="120">
        <v>0</v>
      </c>
      <c r="II35" s="135">
        <v>459674</v>
      </c>
      <c r="IJ35" s="126">
        <v>459674</v>
      </c>
      <c r="IK35" s="219">
        <v>0</v>
      </c>
      <c r="IL35" s="223">
        <v>0</v>
      </c>
      <c r="IM35" s="224">
        <v>0</v>
      </c>
      <c r="IN35" s="127"/>
      <c r="IO35" s="109">
        <v>0</v>
      </c>
      <c r="IP35" s="109">
        <v>0</v>
      </c>
      <c r="IQ35" s="109">
        <v>0</v>
      </c>
      <c r="IR35" s="109">
        <v>0</v>
      </c>
      <c r="IS35" s="109">
        <v>0</v>
      </c>
      <c r="IT35" s="128">
        <v>0</v>
      </c>
      <c r="IU35" s="296">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56024</v>
      </c>
      <c r="JL35" s="109">
        <v>12882</v>
      </c>
      <c r="JM35" s="109">
        <v>141640</v>
      </c>
      <c r="JN35" s="109">
        <v>0</v>
      </c>
      <c r="JO35" s="109">
        <v>0</v>
      </c>
      <c r="JP35" s="110">
        <v>210546</v>
      </c>
      <c r="JQ35" s="296">
        <v>210546</v>
      </c>
      <c r="JR35" s="129">
        <v>0</v>
      </c>
      <c r="JS35" s="109">
        <v>0</v>
      </c>
      <c r="JT35" s="128">
        <v>0</v>
      </c>
      <c r="JU35" s="108">
        <v>0</v>
      </c>
      <c r="JV35" s="109">
        <v>0</v>
      </c>
      <c r="JW35" s="109">
        <v>0</v>
      </c>
      <c r="JX35" s="109">
        <v>0</v>
      </c>
      <c r="JY35" s="109">
        <v>0</v>
      </c>
      <c r="JZ35" s="109">
        <v>0</v>
      </c>
      <c r="KA35" s="110">
        <v>0</v>
      </c>
      <c r="KB35" s="296">
        <v>0</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249128</v>
      </c>
      <c r="KV35" s="109">
        <v>0</v>
      </c>
      <c r="KW35" s="110">
        <v>249128</v>
      </c>
      <c r="KX35" s="296">
        <v>249128</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6">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199008</v>
      </c>
      <c r="MK35" s="109">
        <v>245832</v>
      </c>
      <c r="ML35" s="109">
        <v>290320</v>
      </c>
      <c r="MM35" s="109">
        <v>1671741</v>
      </c>
      <c r="MN35" s="109">
        <v>254480</v>
      </c>
      <c r="MO35" s="110">
        <v>2661381</v>
      </c>
      <c r="MP35" s="130">
        <v>2661381</v>
      </c>
      <c r="MQ35" s="129">
        <v>0</v>
      </c>
      <c r="MR35" s="109">
        <v>0</v>
      </c>
      <c r="MS35" s="110">
        <v>0</v>
      </c>
      <c r="MT35" s="132"/>
      <c r="MU35" s="109">
        <v>0</v>
      </c>
      <c r="MV35" s="109">
        <v>0</v>
      </c>
      <c r="MW35" s="109">
        <v>0</v>
      </c>
      <c r="MX35" s="109">
        <v>231504</v>
      </c>
      <c r="MY35" s="109">
        <v>254480</v>
      </c>
      <c r="MZ35" s="110">
        <v>485984</v>
      </c>
      <c r="NA35" s="130">
        <v>485984</v>
      </c>
      <c r="NB35" s="129">
        <v>0</v>
      </c>
      <c r="NC35" s="109">
        <v>0</v>
      </c>
      <c r="ND35" s="110">
        <v>0</v>
      </c>
      <c r="NE35" s="132"/>
      <c r="NF35" s="109">
        <v>199008</v>
      </c>
      <c r="NG35" s="109">
        <v>245832</v>
      </c>
      <c r="NH35" s="109">
        <v>290320</v>
      </c>
      <c r="NI35" s="109">
        <v>1062176</v>
      </c>
      <c r="NJ35" s="109">
        <v>0</v>
      </c>
      <c r="NK35" s="110">
        <v>1797336</v>
      </c>
      <c r="NL35" s="296">
        <v>1797336</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78061</v>
      </c>
      <c r="OF35" s="109">
        <v>0</v>
      </c>
      <c r="OG35" s="110">
        <v>378061</v>
      </c>
      <c r="OH35" s="111">
        <v>378061</v>
      </c>
      <c r="OI35" s="129">
        <v>36554</v>
      </c>
      <c r="OJ35" s="109">
        <v>39712</v>
      </c>
      <c r="OK35" s="128">
        <v>76266</v>
      </c>
      <c r="OL35" s="108">
        <v>0</v>
      </c>
      <c r="OM35" s="109">
        <v>588479</v>
      </c>
      <c r="ON35" s="109">
        <v>667535</v>
      </c>
      <c r="OO35" s="109">
        <v>500176</v>
      </c>
      <c r="OP35" s="109">
        <v>2226389</v>
      </c>
      <c r="OQ35" s="109">
        <v>254480</v>
      </c>
      <c r="OR35" s="110">
        <v>4237059</v>
      </c>
      <c r="OS35" s="130">
        <v>4313325</v>
      </c>
    </row>
    <row r="36" spans="2:409" ht="21" customHeight="1" x14ac:dyDescent="0.2">
      <c r="B36" s="468" t="s">
        <v>31</v>
      </c>
      <c r="C36" s="100">
        <v>5200</v>
      </c>
      <c r="D36" s="104">
        <v>0</v>
      </c>
      <c r="E36" s="103">
        <v>5200</v>
      </c>
      <c r="F36" s="99">
        <v>0</v>
      </c>
      <c r="G36" s="104">
        <v>107156</v>
      </c>
      <c r="H36" s="104">
        <v>185078</v>
      </c>
      <c r="I36" s="104">
        <v>130888</v>
      </c>
      <c r="J36" s="104">
        <v>61534</v>
      </c>
      <c r="K36" s="104">
        <v>16672</v>
      </c>
      <c r="L36" s="160">
        <v>501328</v>
      </c>
      <c r="M36" s="106">
        <v>506528</v>
      </c>
      <c r="N36" s="100">
        <v>0</v>
      </c>
      <c r="O36" s="104">
        <v>0</v>
      </c>
      <c r="P36" s="103">
        <v>0</v>
      </c>
      <c r="Q36" s="100">
        <v>0</v>
      </c>
      <c r="R36" s="104">
        <v>0</v>
      </c>
      <c r="S36" s="104">
        <v>37136</v>
      </c>
      <c r="T36" s="104">
        <v>37096</v>
      </c>
      <c r="U36" s="104">
        <v>23792</v>
      </c>
      <c r="V36" s="104">
        <v>16672</v>
      </c>
      <c r="W36" s="103">
        <v>114696</v>
      </c>
      <c r="X36" s="106">
        <v>114696</v>
      </c>
      <c r="Y36" s="100">
        <v>0</v>
      </c>
      <c r="Z36" s="104">
        <v>0</v>
      </c>
      <c r="AA36" s="103">
        <v>0</v>
      </c>
      <c r="AB36" s="100">
        <v>0</v>
      </c>
      <c r="AC36" s="104">
        <v>0</v>
      </c>
      <c r="AD36" s="104">
        <v>0</v>
      </c>
      <c r="AE36" s="104">
        <v>0</v>
      </c>
      <c r="AF36" s="104">
        <v>0</v>
      </c>
      <c r="AG36" s="104">
        <v>0</v>
      </c>
      <c r="AH36" s="103">
        <v>0</v>
      </c>
      <c r="AI36" s="106">
        <v>0</v>
      </c>
      <c r="AJ36" s="100">
        <v>0</v>
      </c>
      <c r="AK36" s="104">
        <v>0</v>
      </c>
      <c r="AL36" s="103">
        <v>0</v>
      </c>
      <c r="AM36" s="100">
        <v>0</v>
      </c>
      <c r="AN36" s="104">
        <v>0</v>
      </c>
      <c r="AO36" s="104">
        <v>22496</v>
      </c>
      <c r="AP36" s="104">
        <v>0</v>
      </c>
      <c r="AQ36" s="104">
        <v>0</v>
      </c>
      <c r="AR36" s="104">
        <v>0</v>
      </c>
      <c r="AS36" s="103">
        <v>22496</v>
      </c>
      <c r="AT36" s="106">
        <v>22496</v>
      </c>
      <c r="AU36" s="100">
        <v>0</v>
      </c>
      <c r="AV36" s="104">
        <v>0</v>
      </c>
      <c r="AW36" s="103">
        <v>0</v>
      </c>
      <c r="AX36" s="100">
        <v>0</v>
      </c>
      <c r="AY36" s="104">
        <v>0</v>
      </c>
      <c r="AZ36" s="104">
        <v>0</v>
      </c>
      <c r="BA36" s="104">
        <v>37096</v>
      </c>
      <c r="BB36" s="104">
        <v>0</v>
      </c>
      <c r="BC36" s="104">
        <v>0</v>
      </c>
      <c r="BD36" s="103">
        <v>37096</v>
      </c>
      <c r="BE36" s="106">
        <v>37096</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14640</v>
      </c>
      <c r="BW36" s="104">
        <v>0</v>
      </c>
      <c r="BX36" s="104">
        <v>23792</v>
      </c>
      <c r="BY36" s="104">
        <v>16672</v>
      </c>
      <c r="BZ36" s="103">
        <v>55104</v>
      </c>
      <c r="CA36" s="106">
        <v>55104</v>
      </c>
      <c r="CB36" s="100">
        <v>0</v>
      </c>
      <c r="CC36" s="104">
        <v>0</v>
      </c>
      <c r="CD36" s="103">
        <v>0</v>
      </c>
      <c r="CE36" s="100">
        <v>0</v>
      </c>
      <c r="CF36" s="104">
        <v>100756</v>
      </c>
      <c r="CG36" s="104">
        <v>114038</v>
      </c>
      <c r="CH36" s="104">
        <v>41552</v>
      </c>
      <c r="CI36" s="104">
        <v>0</v>
      </c>
      <c r="CJ36" s="104">
        <v>0</v>
      </c>
      <c r="CK36" s="103">
        <v>256346</v>
      </c>
      <c r="CL36" s="106">
        <v>256346</v>
      </c>
      <c r="CM36" s="100">
        <v>0</v>
      </c>
      <c r="CN36" s="104">
        <v>0</v>
      </c>
      <c r="CO36" s="103">
        <v>0</v>
      </c>
      <c r="CP36" s="101">
        <v>0</v>
      </c>
      <c r="CQ36" s="104">
        <v>59824</v>
      </c>
      <c r="CR36" s="104">
        <v>50220</v>
      </c>
      <c r="CS36" s="104">
        <v>0</v>
      </c>
      <c r="CT36" s="104">
        <v>0</v>
      </c>
      <c r="CU36" s="104">
        <v>0</v>
      </c>
      <c r="CV36" s="103">
        <v>110044</v>
      </c>
      <c r="CW36" s="106">
        <v>110044</v>
      </c>
      <c r="CX36" s="100">
        <v>0</v>
      </c>
      <c r="CY36" s="104">
        <v>0</v>
      </c>
      <c r="CZ36" s="103">
        <v>0</v>
      </c>
      <c r="DA36" s="100">
        <v>0</v>
      </c>
      <c r="DB36" s="104">
        <v>40932</v>
      </c>
      <c r="DC36" s="104">
        <v>63818</v>
      </c>
      <c r="DD36" s="104">
        <v>41552</v>
      </c>
      <c r="DE36" s="104">
        <v>0</v>
      </c>
      <c r="DF36" s="104">
        <v>0</v>
      </c>
      <c r="DG36" s="103">
        <v>146302</v>
      </c>
      <c r="DH36" s="106">
        <v>146302</v>
      </c>
      <c r="DI36" s="100">
        <v>0</v>
      </c>
      <c r="DJ36" s="104">
        <v>0</v>
      </c>
      <c r="DK36" s="102">
        <v>0</v>
      </c>
      <c r="DL36" s="101">
        <v>0</v>
      </c>
      <c r="DM36" s="104">
        <v>0</v>
      </c>
      <c r="DN36" s="104">
        <v>0</v>
      </c>
      <c r="DO36" s="104">
        <v>0</v>
      </c>
      <c r="DP36" s="104">
        <v>27142</v>
      </c>
      <c r="DQ36" s="104">
        <v>0</v>
      </c>
      <c r="DR36" s="103">
        <v>27142</v>
      </c>
      <c r="DS36" s="106">
        <v>27142</v>
      </c>
      <c r="DT36" s="100">
        <v>0</v>
      </c>
      <c r="DU36" s="104">
        <v>0</v>
      </c>
      <c r="DV36" s="103">
        <v>0</v>
      </c>
      <c r="DW36" s="100">
        <v>0</v>
      </c>
      <c r="DX36" s="104">
        <v>0</v>
      </c>
      <c r="DY36" s="104">
        <v>0</v>
      </c>
      <c r="DZ36" s="104">
        <v>0</v>
      </c>
      <c r="EA36" s="104">
        <v>27142</v>
      </c>
      <c r="EB36" s="104">
        <v>0</v>
      </c>
      <c r="EC36" s="103">
        <v>27142</v>
      </c>
      <c r="ED36" s="106">
        <v>27142</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2"/>
      <c r="FE36" s="104">
        <v>0</v>
      </c>
      <c r="FF36" s="104">
        <v>0</v>
      </c>
      <c r="FG36" s="104">
        <v>0</v>
      </c>
      <c r="FH36" s="104">
        <v>0</v>
      </c>
      <c r="FI36" s="104">
        <v>0</v>
      </c>
      <c r="FJ36" s="103">
        <v>0</v>
      </c>
      <c r="FK36" s="106">
        <v>0</v>
      </c>
      <c r="FL36" s="100">
        <v>5200</v>
      </c>
      <c r="FM36" s="104">
        <v>0</v>
      </c>
      <c r="FN36" s="103">
        <v>5200</v>
      </c>
      <c r="FO36" s="100">
        <v>0</v>
      </c>
      <c r="FP36" s="104">
        <v>6400</v>
      </c>
      <c r="FQ36" s="104">
        <v>33904</v>
      </c>
      <c r="FR36" s="104">
        <v>52240</v>
      </c>
      <c r="FS36" s="104">
        <v>10600</v>
      </c>
      <c r="FT36" s="104">
        <v>0</v>
      </c>
      <c r="FU36" s="103">
        <v>103144</v>
      </c>
      <c r="FV36" s="106">
        <v>108344</v>
      </c>
      <c r="FW36" s="105">
        <v>5200</v>
      </c>
      <c r="FX36" s="104">
        <v>0</v>
      </c>
      <c r="FY36" s="102">
        <v>5200</v>
      </c>
      <c r="FZ36" s="101">
        <v>0</v>
      </c>
      <c r="GA36" s="104">
        <v>6400</v>
      </c>
      <c r="GB36" s="104">
        <v>33904</v>
      </c>
      <c r="GC36" s="104">
        <v>52240</v>
      </c>
      <c r="GD36" s="104">
        <v>10600</v>
      </c>
      <c r="GE36" s="104">
        <v>0</v>
      </c>
      <c r="GF36" s="103">
        <v>103144</v>
      </c>
      <c r="GG36" s="294">
        <v>108344</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304"/>
      <c r="HP36" s="305"/>
      <c r="HQ36" s="306"/>
      <c r="HR36" s="307"/>
      <c r="HS36" s="305"/>
      <c r="HT36" s="305"/>
      <c r="HU36" s="305"/>
      <c r="HV36" s="305"/>
      <c r="HW36" s="305"/>
      <c r="HX36" s="308"/>
      <c r="HY36" s="309"/>
      <c r="HZ36" s="137">
        <v>0</v>
      </c>
      <c r="IA36" s="122">
        <v>0</v>
      </c>
      <c r="IB36" s="137">
        <v>0</v>
      </c>
      <c r="IC36" s="121">
        <v>0</v>
      </c>
      <c r="ID36" s="122">
        <v>136578</v>
      </c>
      <c r="IE36" s="123">
        <v>411178</v>
      </c>
      <c r="IF36" s="124">
        <v>15307</v>
      </c>
      <c r="IG36" s="122">
        <v>416455</v>
      </c>
      <c r="IH36" s="124">
        <v>245560</v>
      </c>
      <c r="II36" s="125">
        <v>1225078</v>
      </c>
      <c r="IJ36" s="137">
        <v>1225078</v>
      </c>
      <c r="IK36" s="219">
        <v>0</v>
      </c>
      <c r="IL36" s="223">
        <v>0</v>
      </c>
      <c r="IM36" s="224">
        <v>0</v>
      </c>
      <c r="IN36" s="127"/>
      <c r="IO36" s="109">
        <v>0</v>
      </c>
      <c r="IP36" s="109">
        <v>0</v>
      </c>
      <c r="IQ36" s="109">
        <v>0</v>
      </c>
      <c r="IR36" s="109">
        <v>0</v>
      </c>
      <c r="IS36" s="109">
        <v>0</v>
      </c>
      <c r="IT36" s="128">
        <v>0</v>
      </c>
      <c r="IU36" s="296">
        <v>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0</v>
      </c>
      <c r="JL36" s="109">
        <v>0</v>
      </c>
      <c r="JM36" s="109">
        <v>15307</v>
      </c>
      <c r="JN36" s="109">
        <v>0</v>
      </c>
      <c r="JO36" s="109">
        <v>0</v>
      </c>
      <c r="JP36" s="110">
        <v>15307</v>
      </c>
      <c r="JQ36" s="296">
        <v>15307</v>
      </c>
      <c r="JR36" s="129">
        <v>0</v>
      </c>
      <c r="JS36" s="109">
        <v>0</v>
      </c>
      <c r="JT36" s="128">
        <v>0</v>
      </c>
      <c r="JU36" s="108">
        <v>0</v>
      </c>
      <c r="JV36" s="109">
        <v>0</v>
      </c>
      <c r="JW36" s="109">
        <v>0</v>
      </c>
      <c r="JX36" s="109">
        <v>0</v>
      </c>
      <c r="JY36" s="109">
        <v>186439</v>
      </c>
      <c r="JZ36" s="109">
        <v>0</v>
      </c>
      <c r="KA36" s="110">
        <v>186439</v>
      </c>
      <c r="KB36" s="296">
        <v>186439</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c r="KR36" s="109">
        <v>0</v>
      </c>
      <c r="KS36" s="109">
        <v>234266</v>
      </c>
      <c r="KT36" s="109">
        <v>0</v>
      </c>
      <c r="KU36" s="109">
        <v>230016</v>
      </c>
      <c r="KV36" s="109">
        <v>245560</v>
      </c>
      <c r="KW36" s="110">
        <v>709842</v>
      </c>
      <c r="KX36" s="296">
        <v>709842</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76912</v>
      </c>
      <c r="LP36" s="109">
        <v>0</v>
      </c>
      <c r="LQ36" s="109">
        <v>0</v>
      </c>
      <c r="LR36" s="109">
        <v>0</v>
      </c>
      <c r="LS36" s="110">
        <v>176912</v>
      </c>
      <c r="LT36" s="296">
        <v>176912</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0</v>
      </c>
      <c r="ML36" s="109">
        <v>413338</v>
      </c>
      <c r="MM36" s="109">
        <v>268654</v>
      </c>
      <c r="MN36" s="109">
        <v>0</v>
      </c>
      <c r="MO36" s="110">
        <v>681992</v>
      </c>
      <c r="MP36" s="130">
        <v>681992</v>
      </c>
      <c r="MQ36" s="129">
        <v>0</v>
      </c>
      <c r="MR36" s="109">
        <v>0</v>
      </c>
      <c r="MS36" s="110">
        <v>0</v>
      </c>
      <c r="MT36" s="132"/>
      <c r="MU36" s="109">
        <v>0</v>
      </c>
      <c r="MV36" s="109">
        <v>0</v>
      </c>
      <c r="MW36" s="109">
        <v>413338</v>
      </c>
      <c r="MX36" s="109">
        <v>268654</v>
      </c>
      <c r="MY36" s="109">
        <v>0</v>
      </c>
      <c r="MZ36" s="110">
        <v>681992</v>
      </c>
      <c r="NA36" s="130">
        <v>681992</v>
      </c>
      <c r="NB36" s="129">
        <v>0</v>
      </c>
      <c r="NC36" s="109">
        <v>0</v>
      </c>
      <c r="ND36" s="110">
        <v>0</v>
      </c>
      <c r="NE36" s="132"/>
      <c r="NF36" s="109">
        <v>0</v>
      </c>
      <c r="NG36" s="109">
        <v>0</v>
      </c>
      <c r="NH36" s="109">
        <v>0</v>
      </c>
      <c r="NI36" s="109">
        <v>0</v>
      </c>
      <c r="NJ36" s="109">
        <v>0</v>
      </c>
      <c r="NK36" s="110">
        <v>0</v>
      </c>
      <c r="NL36" s="296">
        <v>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5200</v>
      </c>
      <c r="OJ36" s="109">
        <v>0</v>
      </c>
      <c r="OK36" s="128">
        <v>5200</v>
      </c>
      <c r="OL36" s="108">
        <v>0</v>
      </c>
      <c r="OM36" s="109">
        <v>243734</v>
      </c>
      <c r="ON36" s="109">
        <v>596256</v>
      </c>
      <c r="OO36" s="109">
        <v>559533</v>
      </c>
      <c r="OP36" s="109">
        <v>746643</v>
      </c>
      <c r="OQ36" s="109">
        <v>262232</v>
      </c>
      <c r="OR36" s="110">
        <v>2408398</v>
      </c>
      <c r="OS36" s="130">
        <v>2413598</v>
      </c>
    </row>
    <row r="37" spans="2:409" ht="21" customHeight="1" x14ac:dyDescent="0.2">
      <c r="B37" s="468" t="s">
        <v>32</v>
      </c>
      <c r="C37" s="100">
        <v>0</v>
      </c>
      <c r="D37" s="104">
        <v>12000</v>
      </c>
      <c r="E37" s="161">
        <v>12000</v>
      </c>
      <c r="F37" s="162">
        <v>0</v>
      </c>
      <c r="G37" s="163">
        <v>420412</v>
      </c>
      <c r="H37" s="163">
        <v>980202</v>
      </c>
      <c r="I37" s="163">
        <v>246564</v>
      </c>
      <c r="J37" s="163">
        <v>223882</v>
      </c>
      <c r="K37" s="163">
        <v>483304</v>
      </c>
      <c r="L37" s="164">
        <v>2354364</v>
      </c>
      <c r="M37" s="106">
        <v>2366364</v>
      </c>
      <c r="N37" s="100">
        <v>0</v>
      </c>
      <c r="O37" s="104">
        <v>0</v>
      </c>
      <c r="P37" s="103">
        <v>0</v>
      </c>
      <c r="Q37" s="100">
        <v>0</v>
      </c>
      <c r="R37" s="104">
        <v>183512</v>
      </c>
      <c r="S37" s="104">
        <v>159737</v>
      </c>
      <c r="T37" s="104">
        <v>33928</v>
      </c>
      <c r="U37" s="104">
        <v>10912</v>
      </c>
      <c r="V37" s="104">
        <v>242440</v>
      </c>
      <c r="W37" s="103">
        <v>630529</v>
      </c>
      <c r="X37" s="106">
        <v>630529</v>
      </c>
      <c r="Y37" s="100">
        <v>0</v>
      </c>
      <c r="Z37" s="104">
        <v>0</v>
      </c>
      <c r="AA37" s="103">
        <v>0</v>
      </c>
      <c r="AB37" s="100">
        <v>0</v>
      </c>
      <c r="AC37" s="104">
        <v>99664</v>
      </c>
      <c r="AD37" s="104">
        <v>0</v>
      </c>
      <c r="AE37" s="104">
        <v>0</v>
      </c>
      <c r="AF37" s="104">
        <v>0</v>
      </c>
      <c r="AG37" s="104">
        <v>170280</v>
      </c>
      <c r="AH37" s="103">
        <v>269944</v>
      </c>
      <c r="AI37" s="106">
        <v>269944</v>
      </c>
      <c r="AJ37" s="100">
        <v>0</v>
      </c>
      <c r="AK37" s="104">
        <v>0</v>
      </c>
      <c r="AL37" s="103">
        <v>0</v>
      </c>
      <c r="AM37" s="100">
        <v>0</v>
      </c>
      <c r="AN37" s="104">
        <v>0</v>
      </c>
      <c r="AO37" s="104">
        <v>0</v>
      </c>
      <c r="AP37" s="104">
        <v>0</v>
      </c>
      <c r="AQ37" s="104">
        <v>0</v>
      </c>
      <c r="AR37" s="104">
        <v>46112</v>
      </c>
      <c r="AS37" s="103">
        <v>46112</v>
      </c>
      <c r="AT37" s="106">
        <v>46112</v>
      </c>
      <c r="AU37" s="100">
        <v>0</v>
      </c>
      <c r="AV37" s="104">
        <v>0</v>
      </c>
      <c r="AW37" s="103">
        <v>0</v>
      </c>
      <c r="AX37" s="100">
        <v>0</v>
      </c>
      <c r="AY37" s="104">
        <v>75576</v>
      </c>
      <c r="AZ37" s="104">
        <v>86249</v>
      </c>
      <c r="BA37" s="104">
        <v>0</v>
      </c>
      <c r="BB37" s="104">
        <v>0</v>
      </c>
      <c r="BC37" s="104">
        <v>0</v>
      </c>
      <c r="BD37" s="103">
        <v>161825</v>
      </c>
      <c r="BE37" s="106">
        <v>161825</v>
      </c>
      <c r="BF37" s="100">
        <v>0</v>
      </c>
      <c r="BG37" s="104">
        <v>0</v>
      </c>
      <c r="BH37" s="102">
        <v>0</v>
      </c>
      <c r="BI37" s="101">
        <v>0</v>
      </c>
      <c r="BJ37" s="104">
        <v>0</v>
      </c>
      <c r="BK37" s="104">
        <v>30592</v>
      </c>
      <c r="BL37" s="104">
        <v>0</v>
      </c>
      <c r="BM37" s="104">
        <v>0</v>
      </c>
      <c r="BN37" s="104">
        <v>0</v>
      </c>
      <c r="BO37" s="103">
        <v>30592</v>
      </c>
      <c r="BP37" s="106">
        <v>30592</v>
      </c>
      <c r="BQ37" s="100">
        <v>0</v>
      </c>
      <c r="BR37" s="104">
        <v>0</v>
      </c>
      <c r="BS37" s="103">
        <v>0</v>
      </c>
      <c r="BT37" s="100">
        <v>0</v>
      </c>
      <c r="BU37" s="104">
        <v>8272</v>
      </c>
      <c r="BV37" s="104">
        <v>42896</v>
      </c>
      <c r="BW37" s="104">
        <v>33928</v>
      </c>
      <c r="BX37" s="104">
        <v>10912</v>
      </c>
      <c r="BY37" s="104">
        <v>26048</v>
      </c>
      <c r="BZ37" s="103">
        <v>122056</v>
      </c>
      <c r="CA37" s="106">
        <v>122056</v>
      </c>
      <c r="CB37" s="100">
        <v>0</v>
      </c>
      <c r="CC37" s="104">
        <v>0</v>
      </c>
      <c r="CD37" s="103">
        <v>0</v>
      </c>
      <c r="CE37" s="100">
        <v>0</v>
      </c>
      <c r="CF37" s="104">
        <v>14624</v>
      </c>
      <c r="CG37" s="104">
        <v>342046</v>
      </c>
      <c r="CH37" s="104">
        <v>95435</v>
      </c>
      <c r="CI37" s="104">
        <v>0</v>
      </c>
      <c r="CJ37" s="104">
        <v>0</v>
      </c>
      <c r="CK37" s="103">
        <v>452105</v>
      </c>
      <c r="CL37" s="106">
        <v>452105</v>
      </c>
      <c r="CM37" s="100">
        <v>0</v>
      </c>
      <c r="CN37" s="104">
        <v>0</v>
      </c>
      <c r="CO37" s="103">
        <v>0</v>
      </c>
      <c r="CP37" s="101">
        <v>0</v>
      </c>
      <c r="CQ37" s="104">
        <v>14624</v>
      </c>
      <c r="CR37" s="104">
        <v>276670</v>
      </c>
      <c r="CS37" s="104">
        <v>21552</v>
      </c>
      <c r="CT37" s="104">
        <v>0</v>
      </c>
      <c r="CU37" s="104">
        <v>0</v>
      </c>
      <c r="CV37" s="103">
        <v>312846</v>
      </c>
      <c r="CW37" s="106">
        <v>312846</v>
      </c>
      <c r="CX37" s="100">
        <v>0</v>
      </c>
      <c r="CY37" s="104">
        <v>0</v>
      </c>
      <c r="CZ37" s="103">
        <v>0</v>
      </c>
      <c r="DA37" s="100">
        <v>0</v>
      </c>
      <c r="DB37" s="104">
        <v>0</v>
      </c>
      <c r="DC37" s="104">
        <v>65376</v>
      </c>
      <c r="DD37" s="104">
        <v>73883</v>
      </c>
      <c r="DE37" s="104">
        <v>0</v>
      </c>
      <c r="DF37" s="104">
        <v>0</v>
      </c>
      <c r="DG37" s="103">
        <v>139259</v>
      </c>
      <c r="DH37" s="106">
        <v>139259</v>
      </c>
      <c r="DI37" s="100">
        <v>0</v>
      </c>
      <c r="DJ37" s="104">
        <v>0</v>
      </c>
      <c r="DK37" s="102">
        <v>0</v>
      </c>
      <c r="DL37" s="101">
        <v>0</v>
      </c>
      <c r="DM37" s="104">
        <v>33236</v>
      </c>
      <c r="DN37" s="104">
        <v>49238</v>
      </c>
      <c r="DO37" s="104">
        <v>81310</v>
      </c>
      <c r="DP37" s="104">
        <v>0</v>
      </c>
      <c r="DQ37" s="104">
        <v>0</v>
      </c>
      <c r="DR37" s="103">
        <v>163784</v>
      </c>
      <c r="DS37" s="106">
        <v>163784</v>
      </c>
      <c r="DT37" s="100">
        <v>0</v>
      </c>
      <c r="DU37" s="104">
        <v>0</v>
      </c>
      <c r="DV37" s="103">
        <v>0</v>
      </c>
      <c r="DW37" s="100">
        <v>0</v>
      </c>
      <c r="DX37" s="104">
        <v>33236</v>
      </c>
      <c r="DY37" s="104">
        <v>49238</v>
      </c>
      <c r="DZ37" s="104">
        <v>81310</v>
      </c>
      <c r="EA37" s="104">
        <v>0</v>
      </c>
      <c r="EB37" s="104">
        <v>0</v>
      </c>
      <c r="EC37" s="103">
        <v>163784</v>
      </c>
      <c r="ED37" s="106">
        <v>163784</v>
      </c>
      <c r="EE37" s="100">
        <v>0</v>
      </c>
      <c r="EF37" s="102">
        <v>0</v>
      </c>
      <c r="EG37" s="103">
        <v>0</v>
      </c>
      <c r="EH37" s="100">
        <v>0</v>
      </c>
      <c r="EI37" s="104">
        <v>0</v>
      </c>
      <c r="EJ37" s="104">
        <v>0</v>
      </c>
      <c r="EK37" s="104">
        <v>0</v>
      </c>
      <c r="EL37" s="104">
        <v>0</v>
      </c>
      <c r="EM37" s="104">
        <v>0</v>
      </c>
      <c r="EN37" s="102">
        <v>0</v>
      </c>
      <c r="EO37" s="106">
        <v>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2"/>
      <c r="FE37" s="104">
        <v>0</v>
      </c>
      <c r="FF37" s="104">
        <v>0</v>
      </c>
      <c r="FG37" s="104">
        <v>0</v>
      </c>
      <c r="FH37" s="104">
        <v>0</v>
      </c>
      <c r="FI37" s="104">
        <v>0</v>
      </c>
      <c r="FJ37" s="103">
        <v>0</v>
      </c>
      <c r="FK37" s="106">
        <v>0</v>
      </c>
      <c r="FL37" s="100">
        <v>0</v>
      </c>
      <c r="FM37" s="104">
        <v>12000</v>
      </c>
      <c r="FN37" s="103">
        <v>12000</v>
      </c>
      <c r="FO37" s="100">
        <v>0</v>
      </c>
      <c r="FP37" s="104">
        <v>40520</v>
      </c>
      <c r="FQ37" s="104">
        <v>89984</v>
      </c>
      <c r="FR37" s="104">
        <v>28936</v>
      </c>
      <c r="FS37" s="104">
        <v>0</v>
      </c>
      <c r="FT37" s="104">
        <v>22080</v>
      </c>
      <c r="FU37" s="103">
        <v>181520</v>
      </c>
      <c r="FV37" s="106">
        <v>193520</v>
      </c>
      <c r="FW37" s="105">
        <v>0</v>
      </c>
      <c r="FX37" s="104">
        <v>12000</v>
      </c>
      <c r="FY37" s="102">
        <v>12000</v>
      </c>
      <c r="FZ37" s="101">
        <v>0</v>
      </c>
      <c r="GA37" s="104">
        <v>40520</v>
      </c>
      <c r="GB37" s="104">
        <v>89984</v>
      </c>
      <c r="GC37" s="104">
        <v>28936</v>
      </c>
      <c r="GD37" s="104">
        <v>0</v>
      </c>
      <c r="GE37" s="104">
        <v>22080</v>
      </c>
      <c r="GF37" s="103">
        <v>181520</v>
      </c>
      <c r="GG37" s="294">
        <v>193520</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48520</v>
      </c>
      <c r="HI37" s="104">
        <v>339197</v>
      </c>
      <c r="HJ37" s="104">
        <v>6955</v>
      </c>
      <c r="HK37" s="104">
        <v>212970</v>
      </c>
      <c r="HL37" s="104">
        <v>218784</v>
      </c>
      <c r="HM37" s="103">
        <v>926426</v>
      </c>
      <c r="HN37" s="99">
        <v>926426</v>
      </c>
      <c r="HO37" s="304"/>
      <c r="HP37" s="305"/>
      <c r="HQ37" s="306"/>
      <c r="HR37" s="307"/>
      <c r="HS37" s="305"/>
      <c r="HT37" s="305"/>
      <c r="HU37" s="305"/>
      <c r="HV37" s="305"/>
      <c r="HW37" s="305"/>
      <c r="HX37" s="308"/>
      <c r="HY37" s="309"/>
      <c r="HZ37" s="118">
        <v>0</v>
      </c>
      <c r="IA37" s="119">
        <v>0</v>
      </c>
      <c r="IB37" s="120">
        <v>0</v>
      </c>
      <c r="IC37" s="133">
        <v>0</v>
      </c>
      <c r="ID37" s="119">
        <v>82164</v>
      </c>
      <c r="IE37" s="134">
        <v>301304</v>
      </c>
      <c r="IF37" s="120">
        <v>427376</v>
      </c>
      <c r="IG37" s="119">
        <v>214888</v>
      </c>
      <c r="IH37" s="120">
        <v>42134</v>
      </c>
      <c r="II37" s="135">
        <v>1067866</v>
      </c>
      <c r="IJ37" s="126">
        <v>1067866</v>
      </c>
      <c r="IK37" s="219">
        <v>0</v>
      </c>
      <c r="IL37" s="223">
        <v>0</v>
      </c>
      <c r="IM37" s="224">
        <v>0</v>
      </c>
      <c r="IN37" s="127"/>
      <c r="IO37" s="109">
        <v>0</v>
      </c>
      <c r="IP37" s="109">
        <v>101056</v>
      </c>
      <c r="IQ37" s="109">
        <v>0</v>
      </c>
      <c r="IR37" s="109">
        <v>0</v>
      </c>
      <c r="IS37" s="109">
        <v>0</v>
      </c>
      <c r="IT37" s="128">
        <v>101056</v>
      </c>
      <c r="IU37" s="296">
        <v>10105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82164</v>
      </c>
      <c r="JL37" s="109">
        <v>200248</v>
      </c>
      <c r="JM37" s="109">
        <v>0</v>
      </c>
      <c r="JN37" s="109">
        <v>0</v>
      </c>
      <c r="JO37" s="109">
        <v>42134</v>
      </c>
      <c r="JP37" s="110">
        <v>324546</v>
      </c>
      <c r="JQ37" s="296">
        <v>324546</v>
      </c>
      <c r="JR37" s="129">
        <v>0</v>
      </c>
      <c r="JS37" s="109">
        <v>0</v>
      </c>
      <c r="JT37" s="128">
        <v>0</v>
      </c>
      <c r="JU37" s="108">
        <v>0</v>
      </c>
      <c r="JV37" s="109">
        <v>0</v>
      </c>
      <c r="JW37" s="109">
        <v>0</v>
      </c>
      <c r="JX37" s="109">
        <v>0</v>
      </c>
      <c r="JY37" s="109">
        <v>0</v>
      </c>
      <c r="JZ37" s="109">
        <v>0</v>
      </c>
      <c r="KA37" s="110">
        <v>0</v>
      </c>
      <c r="KB37" s="296">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231344</v>
      </c>
      <c r="KU37" s="109">
        <v>0</v>
      </c>
      <c r="KV37" s="109">
        <v>0</v>
      </c>
      <c r="KW37" s="110">
        <v>231344</v>
      </c>
      <c r="KX37" s="296">
        <v>231344</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96032</v>
      </c>
      <c r="LQ37" s="109">
        <v>214888</v>
      </c>
      <c r="LR37" s="109">
        <v>0</v>
      </c>
      <c r="LS37" s="110">
        <v>410920</v>
      </c>
      <c r="LT37" s="296">
        <v>410920</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227943</v>
      </c>
      <c r="MK37" s="109">
        <v>0</v>
      </c>
      <c r="ML37" s="109">
        <v>0</v>
      </c>
      <c r="MM37" s="109">
        <v>1469720</v>
      </c>
      <c r="MN37" s="109">
        <v>304646</v>
      </c>
      <c r="MO37" s="110">
        <v>2002309</v>
      </c>
      <c r="MP37" s="130">
        <v>2002309</v>
      </c>
      <c r="MQ37" s="129">
        <v>0</v>
      </c>
      <c r="MR37" s="109">
        <v>0</v>
      </c>
      <c r="MS37" s="110">
        <v>0</v>
      </c>
      <c r="MT37" s="132"/>
      <c r="MU37" s="109">
        <v>0</v>
      </c>
      <c r="MV37" s="109">
        <v>0</v>
      </c>
      <c r="MW37" s="109">
        <v>0</v>
      </c>
      <c r="MX37" s="109">
        <v>943303</v>
      </c>
      <c r="MY37" s="109">
        <v>0</v>
      </c>
      <c r="MZ37" s="110">
        <v>943303</v>
      </c>
      <c r="NA37" s="130">
        <v>943303</v>
      </c>
      <c r="NB37" s="129">
        <v>0</v>
      </c>
      <c r="NC37" s="109">
        <v>0</v>
      </c>
      <c r="ND37" s="110">
        <v>0</v>
      </c>
      <c r="NE37" s="132"/>
      <c r="NF37" s="109">
        <v>227943</v>
      </c>
      <c r="NG37" s="109">
        <v>0</v>
      </c>
      <c r="NH37" s="109">
        <v>0</v>
      </c>
      <c r="NI37" s="109">
        <v>526417</v>
      </c>
      <c r="NJ37" s="109">
        <v>304646</v>
      </c>
      <c r="NK37" s="110">
        <v>1059006</v>
      </c>
      <c r="NL37" s="296">
        <v>1059006</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0</v>
      </c>
      <c r="OJ37" s="109">
        <v>12000</v>
      </c>
      <c r="OK37" s="128">
        <v>12000</v>
      </c>
      <c r="OL37" s="108">
        <v>0</v>
      </c>
      <c r="OM37" s="109">
        <v>730519</v>
      </c>
      <c r="ON37" s="109">
        <v>1281506</v>
      </c>
      <c r="OO37" s="109">
        <v>673940</v>
      </c>
      <c r="OP37" s="109">
        <v>1908490</v>
      </c>
      <c r="OQ37" s="109">
        <v>830084</v>
      </c>
      <c r="OR37" s="110">
        <v>5424539</v>
      </c>
      <c r="OS37" s="130">
        <v>5436539</v>
      </c>
    </row>
    <row r="38" spans="2:409" ht="21" customHeight="1" x14ac:dyDescent="0.2">
      <c r="B38" s="468" t="s">
        <v>33</v>
      </c>
      <c r="C38" s="100">
        <v>106554</v>
      </c>
      <c r="D38" s="104">
        <v>123001</v>
      </c>
      <c r="E38" s="103">
        <v>229555</v>
      </c>
      <c r="F38" s="99">
        <v>0</v>
      </c>
      <c r="G38" s="104">
        <v>148258</v>
      </c>
      <c r="H38" s="104">
        <v>187597</v>
      </c>
      <c r="I38" s="104">
        <v>155550</v>
      </c>
      <c r="J38" s="104">
        <v>0</v>
      </c>
      <c r="K38" s="104">
        <v>0</v>
      </c>
      <c r="L38" s="160">
        <v>491405</v>
      </c>
      <c r="M38" s="106">
        <v>720960</v>
      </c>
      <c r="N38" s="100">
        <v>101754</v>
      </c>
      <c r="O38" s="104">
        <v>77981</v>
      </c>
      <c r="P38" s="103">
        <v>179735</v>
      </c>
      <c r="Q38" s="100">
        <v>0</v>
      </c>
      <c r="R38" s="104">
        <v>63231</v>
      </c>
      <c r="S38" s="104">
        <v>11976</v>
      </c>
      <c r="T38" s="104">
        <v>139470</v>
      </c>
      <c r="U38" s="104">
        <v>0</v>
      </c>
      <c r="V38" s="104">
        <v>0</v>
      </c>
      <c r="W38" s="103">
        <v>214677</v>
      </c>
      <c r="X38" s="106">
        <v>394412</v>
      </c>
      <c r="Y38" s="100">
        <v>0</v>
      </c>
      <c r="Z38" s="104">
        <v>0</v>
      </c>
      <c r="AA38" s="103">
        <v>0</v>
      </c>
      <c r="AB38" s="100">
        <v>0</v>
      </c>
      <c r="AC38" s="104">
        <v>25034</v>
      </c>
      <c r="AD38" s="104">
        <v>2376</v>
      </c>
      <c r="AE38" s="104">
        <v>33888</v>
      </c>
      <c r="AF38" s="104">
        <v>0</v>
      </c>
      <c r="AG38" s="104">
        <v>0</v>
      </c>
      <c r="AH38" s="103">
        <v>61298</v>
      </c>
      <c r="AI38" s="106">
        <v>61298</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25157</v>
      </c>
      <c r="AZ38" s="104">
        <v>0</v>
      </c>
      <c r="BA38" s="104">
        <v>23883</v>
      </c>
      <c r="BB38" s="104">
        <v>0</v>
      </c>
      <c r="BC38" s="104">
        <v>0</v>
      </c>
      <c r="BD38" s="103">
        <v>49040</v>
      </c>
      <c r="BE38" s="106">
        <v>49040</v>
      </c>
      <c r="BF38" s="100">
        <v>101754</v>
      </c>
      <c r="BG38" s="104">
        <v>77981</v>
      </c>
      <c r="BH38" s="102">
        <v>179735</v>
      </c>
      <c r="BI38" s="101">
        <v>0</v>
      </c>
      <c r="BJ38" s="104">
        <v>0</v>
      </c>
      <c r="BK38" s="104">
        <v>0</v>
      </c>
      <c r="BL38" s="104">
        <v>68755</v>
      </c>
      <c r="BM38" s="104">
        <v>0</v>
      </c>
      <c r="BN38" s="104">
        <v>0</v>
      </c>
      <c r="BO38" s="103">
        <v>68755</v>
      </c>
      <c r="BP38" s="106">
        <v>248490</v>
      </c>
      <c r="BQ38" s="100">
        <v>0</v>
      </c>
      <c r="BR38" s="104">
        <v>0</v>
      </c>
      <c r="BS38" s="103">
        <v>0</v>
      </c>
      <c r="BT38" s="100">
        <v>0</v>
      </c>
      <c r="BU38" s="104">
        <v>13040</v>
      </c>
      <c r="BV38" s="104">
        <v>9600</v>
      </c>
      <c r="BW38" s="104">
        <v>12944</v>
      </c>
      <c r="BX38" s="104">
        <v>0</v>
      </c>
      <c r="BY38" s="104">
        <v>0</v>
      </c>
      <c r="BZ38" s="103">
        <v>35584</v>
      </c>
      <c r="CA38" s="106">
        <v>35584</v>
      </c>
      <c r="CB38" s="100">
        <v>0</v>
      </c>
      <c r="CC38" s="104">
        <v>38620</v>
      </c>
      <c r="CD38" s="103">
        <v>38620</v>
      </c>
      <c r="CE38" s="100">
        <v>0</v>
      </c>
      <c r="CF38" s="104">
        <v>82627</v>
      </c>
      <c r="CG38" s="104">
        <v>0</v>
      </c>
      <c r="CH38" s="104">
        <v>0</v>
      </c>
      <c r="CI38" s="104">
        <v>0</v>
      </c>
      <c r="CJ38" s="104">
        <v>0</v>
      </c>
      <c r="CK38" s="103">
        <v>82627</v>
      </c>
      <c r="CL38" s="106">
        <v>121247</v>
      </c>
      <c r="CM38" s="100">
        <v>0</v>
      </c>
      <c r="CN38" s="104">
        <v>0</v>
      </c>
      <c r="CO38" s="103">
        <v>0</v>
      </c>
      <c r="CP38" s="101">
        <v>0</v>
      </c>
      <c r="CQ38" s="104">
        <v>57180</v>
      </c>
      <c r="CR38" s="104">
        <v>0</v>
      </c>
      <c r="CS38" s="104">
        <v>0</v>
      </c>
      <c r="CT38" s="104">
        <v>0</v>
      </c>
      <c r="CU38" s="104">
        <v>0</v>
      </c>
      <c r="CV38" s="103">
        <v>57180</v>
      </c>
      <c r="CW38" s="106">
        <v>57180</v>
      </c>
      <c r="CX38" s="100">
        <v>0</v>
      </c>
      <c r="CY38" s="104">
        <v>38620</v>
      </c>
      <c r="CZ38" s="103">
        <v>38620</v>
      </c>
      <c r="DA38" s="100">
        <v>0</v>
      </c>
      <c r="DB38" s="104">
        <v>25447</v>
      </c>
      <c r="DC38" s="104">
        <v>0</v>
      </c>
      <c r="DD38" s="104">
        <v>0</v>
      </c>
      <c r="DE38" s="104">
        <v>0</v>
      </c>
      <c r="DF38" s="104">
        <v>0</v>
      </c>
      <c r="DG38" s="103">
        <v>25447</v>
      </c>
      <c r="DH38" s="106">
        <v>64067</v>
      </c>
      <c r="DI38" s="100">
        <v>0</v>
      </c>
      <c r="DJ38" s="104">
        <v>0</v>
      </c>
      <c r="DK38" s="102">
        <v>0</v>
      </c>
      <c r="DL38" s="101">
        <v>0</v>
      </c>
      <c r="DM38" s="104">
        <v>0</v>
      </c>
      <c r="DN38" s="104">
        <v>0</v>
      </c>
      <c r="DO38" s="104">
        <v>0</v>
      </c>
      <c r="DP38" s="104">
        <v>0</v>
      </c>
      <c r="DQ38" s="104">
        <v>0</v>
      </c>
      <c r="DR38" s="103">
        <v>0</v>
      </c>
      <c r="DS38" s="106">
        <v>0</v>
      </c>
      <c r="DT38" s="100">
        <v>0</v>
      </c>
      <c r="DU38" s="104">
        <v>0</v>
      </c>
      <c r="DV38" s="103">
        <v>0</v>
      </c>
      <c r="DW38" s="100">
        <v>0</v>
      </c>
      <c r="DX38" s="104">
        <v>0</v>
      </c>
      <c r="DY38" s="104">
        <v>0</v>
      </c>
      <c r="DZ38" s="104">
        <v>0</v>
      </c>
      <c r="EA38" s="104">
        <v>0</v>
      </c>
      <c r="EB38" s="104">
        <v>0</v>
      </c>
      <c r="EC38" s="103">
        <v>0</v>
      </c>
      <c r="ED38" s="106">
        <v>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2"/>
      <c r="FE38" s="104">
        <v>0</v>
      </c>
      <c r="FF38" s="104">
        <v>0</v>
      </c>
      <c r="FG38" s="104">
        <v>0</v>
      </c>
      <c r="FH38" s="104">
        <v>0</v>
      </c>
      <c r="FI38" s="104">
        <v>0</v>
      </c>
      <c r="FJ38" s="103">
        <v>0</v>
      </c>
      <c r="FK38" s="106">
        <v>0</v>
      </c>
      <c r="FL38" s="100">
        <v>4800</v>
      </c>
      <c r="FM38" s="104">
        <v>6400</v>
      </c>
      <c r="FN38" s="103">
        <v>11200</v>
      </c>
      <c r="FO38" s="100">
        <v>0</v>
      </c>
      <c r="FP38" s="104">
        <v>2400</v>
      </c>
      <c r="FQ38" s="104">
        <v>1600</v>
      </c>
      <c r="FR38" s="104">
        <v>16080</v>
      </c>
      <c r="FS38" s="104">
        <v>0</v>
      </c>
      <c r="FT38" s="104">
        <v>0</v>
      </c>
      <c r="FU38" s="103">
        <v>20080</v>
      </c>
      <c r="FV38" s="106">
        <v>31280</v>
      </c>
      <c r="FW38" s="105">
        <v>4800</v>
      </c>
      <c r="FX38" s="104">
        <v>6400</v>
      </c>
      <c r="FY38" s="102">
        <v>11200</v>
      </c>
      <c r="FZ38" s="101">
        <v>0</v>
      </c>
      <c r="GA38" s="104">
        <v>2400</v>
      </c>
      <c r="GB38" s="104">
        <v>1600</v>
      </c>
      <c r="GC38" s="104">
        <v>16080</v>
      </c>
      <c r="GD38" s="104">
        <v>0</v>
      </c>
      <c r="GE38" s="104">
        <v>0</v>
      </c>
      <c r="GF38" s="103">
        <v>20080</v>
      </c>
      <c r="GG38" s="294">
        <v>312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74021</v>
      </c>
      <c r="HJ38" s="104">
        <v>0</v>
      </c>
      <c r="HK38" s="104">
        <v>0</v>
      </c>
      <c r="HL38" s="104">
        <v>0</v>
      </c>
      <c r="HM38" s="103">
        <v>174021</v>
      </c>
      <c r="HN38" s="99">
        <v>174021</v>
      </c>
      <c r="HO38" s="304"/>
      <c r="HP38" s="305"/>
      <c r="HQ38" s="306"/>
      <c r="HR38" s="307"/>
      <c r="HS38" s="305"/>
      <c r="HT38" s="305"/>
      <c r="HU38" s="305"/>
      <c r="HV38" s="305"/>
      <c r="HW38" s="305"/>
      <c r="HX38" s="308"/>
      <c r="HY38" s="309"/>
      <c r="HZ38" s="137">
        <v>0</v>
      </c>
      <c r="IA38" s="122">
        <v>0</v>
      </c>
      <c r="IB38" s="137">
        <v>0</v>
      </c>
      <c r="IC38" s="133">
        <v>0</v>
      </c>
      <c r="ID38" s="119">
        <v>35246</v>
      </c>
      <c r="IE38" s="134">
        <v>0</v>
      </c>
      <c r="IF38" s="120">
        <v>231973</v>
      </c>
      <c r="IG38" s="119">
        <v>0</v>
      </c>
      <c r="IH38" s="120">
        <v>0</v>
      </c>
      <c r="II38" s="135">
        <v>267219</v>
      </c>
      <c r="IJ38" s="137">
        <v>267219</v>
      </c>
      <c r="IK38" s="219">
        <v>0</v>
      </c>
      <c r="IL38" s="223">
        <v>0</v>
      </c>
      <c r="IM38" s="224">
        <v>0</v>
      </c>
      <c r="IN38" s="127"/>
      <c r="IO38" s="109">
        <v>0</v>
      </c>
      <c r="IP38" s="109">
        <v>0</v>
      </c>
      <c r="IQ38" s="109">
        <v>0</v>
      </c>
      <c r="IR38" s="109">
        <v>0</v>
      </c>
      <c r="IS38" s="109">
        <v>0</v>
      </c>
      <c r="IT38" s="128">
        <v>0</v>
      </c>
      <c r="IU38" s="296">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35246</v>
      </c>
      <c r="JL38" s="109">
        <v>0</v>
      </c>
      <c r="JM38" s="109">
        <v>0</v>
      </c>
      <c r="JN38" s="109">
        <v>0</v>
      </c>
      <c r="JO38" s="109">
        <v>0</v>
      </c>
      <c r="JP38" s="110">
        <v>35246</v>
      </c>
      <c r="JQ38" s="296">
        <v>35246</v>
      </c>
      <c r="JR38" s="129">
        <v>0</v>
      </c>
      <c r="JS38" s="109">
        <v>0</v>
      </c>
      <c r="JT38" s="128">
        <v>0</v>
      </c>
      <c r="JU38" s="108">
        <v>0</v>
      </c>
      <c r="JV38" s="109">
        <v>0</v>
      </c>
      <c r="JW38" s="109">
        <v>0</v>
      </c>
      <c r="JX38" s="109">
        <v>0</v>
      </c>
      <c r="JY38" s="109">
        <v>0</v>
      </c>
      <c r="JZ38" s="109">
        <v>0</v>
      </c>
      <c r="KA38" s="110">
        <v>0</v>
      </c>
      <c r="KB38" s="296">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6">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6">
        <v>0</v>
      </c>
      <c r="LU38" s="129">
        <v>0</v>
      </c>
      <c r="LV38" s="109">
        <v>0</v>
      </c>
      <c r="LW38" s="110">
        <v>0</v>
      </c>
      <c r="LX38" s="132"/>
      <c r="LY38" s="109">
        <v>0</v>
      </c>
      <c r="LZ38" s="109">
        <v>0</v>
      </c>
      <c r="MA38" s="109">
        <v>231973</v>
      </c>
      <c r="MB38" s="109">
        <v>0</v>
      </c>
      <c r="MC38" s="109">
        <v>0</v>
      </c>
      <c r="MD38" s="110">
        <v>231973</v>
      </c>
      <c r="ME38" s="111">
        <v>231973</v>
      </c>
      <c r="MF38" s="129">
        <v>0</v>
      </c>
      <c r="MG38" s="109">
        <v>0</v>
      </c>
      <c r="MH38" s="110">
        <v>0</v>
      </c>
      <c r="MI38" s="132"/>
      <c r="MJ38" s="109">
        <v>0</v>
      </c>
      <c r="MK38" s="109">
        <v>215400</v>
      </c>
      <c r="ML38" s="109">
        <v>0</v>
      </c>
      <c r="MM38" s="109">
        <v>0</v>
      </c>
      <c r="MN38" s="109">
        <v>0</v>
      </c>
      <c r="MO38" s="110">
        <v>215400</v>
      </c>
      <c r="MP38" s="130">
        <v>215400</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0</v>
      </c>
      <c r="NI38" s="109">
        <v>0</v>
      </c>
      <c r="NJ38" s="109">
        <v>0</v>
      </c>
      <c r="NK38" s="110">
        <v>0</v>
      </c>
      <c r="NL38" s="296">
        <v>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215400</v>
      </c>
      <c r="OD38" s="109">
        <v>0</v>
      </c>
      <c r="OE38" s="109">
        <v>0</v>
      </c>
      <c r="OF38" s="109">
        <v>0</v>
      </c>
      <c r="OG38" s="110">
        <v>215400</v>
      </c>
      <c r="OH38" s="111">
        <v>215400</v>
      </c>
      <c r="OI38" s="129">
        <v>106554</v>
      </c>
      <c r="OJ38" s="109">
        <v>123001</v>
      </c>
      <c r="OK38" s="128">
        <v>229555</v>
      </c>
      <c r="OL38" s="108">
        <v>0</v>
      </c>
      <c r="OM38" s="109">
        <v>183504</v>
      </c>
      <c r="ON38" s="109">
        <v>402997</v>
      </c>
      <c r="OO38" s="109">
        <v>387523</v>
      </c>
      <c r="OP38" s="109">
        <v>0</v>
      </c>
      <c r="OQ38" s="109">
        <v>0</v>
      </c>
      <c r="OR38" s="110">
        <v>974024</v>
      </c>
      <c r="OS38" s="130">
        <v>1203579</v>
      </c>
    </row>
    <row r="39" spans="2:409" ht="21" customHeight="1" x14ac:dyDescent="0.2">
      <c r="B39" s="468" t="s">
        <v>34</v>
      </c>
      <c r="C39" s="100">
        <v>0</v>
      </c>
      <c r="D39" s="104">
        <v>19520</v>
      </c>
      <c r="E39" s="161">
        <v>19520</v>
      </c>
      <c r="F39" s="162">
        <v>0</v>
      </c>
      <c r="G39" s="163">
        <v>42064</v>
      </c>
      <c r="H39" s="163">
        <v>477660</v>
      </c>
      <c r="I39" s="163">
        <v>7200</v>
      </c>
      <c r="J39" s="163">
        <v>45152</v>
      </c>
      <c r="K39" s="163">
        <v>446645</v>
      </c>
      <c r="L39" s="164">
        <v>1018721</v>
      </c>
      <c r="M39" s="106">
        <v>1038241</v>
      </c>
      <c r="N39" s="100">
        <v>0</v>
      </c>
      <c r="O39" s="104">
        <v>0</v>
      </c>
      <c r="P39" s="103">
        <v>0</v>
      </c>
      <c r="Q39" s="100">
        <v>0</v>
      </c>
      <c r="R39" s="104">
        <v>32864</v>
      </c>
      <c r="S39" s="104">
        <v>102044</v>
      </c>
      <c r="T39" s="104">
        <v>0</v>
      </c>
      <c r="U39" s="104">
        <v>31792</v>
      </c>
      <c r="V39" s="104">
        <v>25688</v>
      </c>
      <c r="W39" s="103">
        <v>192388</v>
      </c>
      <c r="X39" s="106">
        <v>192388</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32864</v>
      </c>
      <c r="AZ39" s="104">
        <v>64700</v>
      </c>
      <c r="BA39" s="104">
        <v>0</v>
      </c>
      <c r="BB39" s="104">
        <v>31792</v>
      </c>
      <c r="BC39" s="104">
        <v>0</v>
      </c>
      <c r="BD39" s="103">
        <v>129356</v>
      </c>
      <c r="BE39" s="106">
        <v>129356</v>
      </c>
      <c r="BF39" s="100">
        <v>0</v>
      </c>
      <c r="BG39" s="104">
        <v>0</v>
      </c>
      <c r="BH39" s="102">
        <v>0</v>
      </c>
      <c r="BI39" s="101">
        <v>0</v>
      </c>
      <c r="BJ39" s="104">
        <v>0</v>
      </c>
      <c r="BK39" s="104">
        <v>0</v>
      </c>
      <c r="BL39" s="104">
        <v>0</v>
      </c>
      <c r="BM39" s="104">
        <v>0</v>
      </c>
      <c r="BN39" s="104">
        <v>0</v>
      </c>
      <c r="BO39" s="103">
        <v>0</v>
      </c>
      <c r="BP39" s="106">
        <v>0</v>
      </c>
      <c r="BQ39" s="100">
        <v>0</v>
      </c>
      <c r="BR39" s="104">
        <v>0</v>
      </c>
      <c r="BS39" s="103">
        <v>0</v>
      </c>
      <c r="BT39" s="100">
        <v>0</v>
      </c>
      <c r="BU39" s="104">
        <v>0</v>
      </c>
      <c r="BV39" s="104">
        <v>37344</v>
      </c>
      <c r="BW39" s="104">
        <v>0</v>
      </c>
      <c r="BX39" s="104">
        <v>0</v>
      </c>
      <c r="BY39" s="104">
        <v>25688</v>
      </c>
      <c r="BZ39" s="103">
        <v>63032</v>
      </c>
      <c r="CA39" s="106">
        <v>63032</v>
      </c>
      <c r="CB39" s="100">
        <v>0</v>
      </c>
      <c r="CC39" s="104">
        <v>0</v>
      </c>
      <c r="CD39" s="103">
        <v>0</v>
      </c>
      <c r="CE39" s="100">
        <v>0</v>
      </c>
      <c r="CF39" s="104">
        <v>0</v>
      </c>
      <c r="CG39" s="104">
        <v>147352</v>
      </c>
      <c r="CH39" s="104">
        <v>0</v>
      </c>
      <c r="CI39" s="104">
        <v>0</v>
      </c>
      <c r="CJ39" s="104">
        <v>0</v>
      </c>
      <c r="CK39" s="103">
        <v>147352</v>
      </c>
      <c r="CL39" s="106">
        <v>147352</v>
      </c>
      <c r="CM39" s="100">
        <v>0</v>
      </c>
      <c r="CN39" s="104">
        <v>0</v>
      </c>
      <c r="CO39" s="103">
        <v>0</v>
      </c>
      <c r="CP39" s="101">
        <v>0</v>
      </c>
      <c r="CQ39" s="104">
        <v>0</v>
      </c>
      <c r="CR39" s="104">
        <v>147352</v>
      </c>
      <c r="CS39" s="104">
        <v>0</v>
      </c>
      <c r="CT39" s="104">
        <v>0</v>
      </c>
      <c r="CU39" s="104">
        <v>0</v>
      </c>
      <c r="CV39" s="103">
        <v>147352</v>
      </c>
      <c r="CW39" s="106">
        <v>147352</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2"/>
      <c r="FE39" s="104">
        <v>0</v>
      </c>
      <c r="FF39" s="104">
        <v>0</v>
      </c>
      <c r="FG39" s="104">
        <v>0</v>
      </c>
      <c r="FH39" s="104">
        <v>0</v>
      </c>
      <c r="FI39" s="104">
        <v>0</v>
      </c>
      <c r="FJ39" s="103">
        <v>0</v>
      </c>
      <c r="FK39" s="106">
        <v>0</v>
      </c>
      <c r="FL39" s="100">
        <v>0</v>
      </c>
      <c r="FM39" s="104">
        <v>19520</v>
      </c>
      <c r="FN39" s="103">
        <v>19520</v>
      </c>
      <c r="FO39" s="100">
        <v>0</v>
      </c>
      <c r="FP39" s="104">
        <v>9200</v>
      </c>
      <c r="FQ39" s="104">
        <v>66432</v>
      </c>
      <c r="FR39" s="104">
        <v>7200</v>
      </c>
      <c r="FS39" s="104">
        <v>13360</v>
      </c>
      <c r="FT39" s="104">
        <v>0</v>
      </c>
      <c r="FU39" s="103">
        <v>96192</v>
      </c>
      <c r="FV39" s="106">
        <v>115712</v>
      </c>
      <c r="FW39" s="105">
        <v>0</v>
      </c>
      <c r="FX39" s="104">
        <v>19520</v>
      </c>
      <c r="FY39" s="102">
        <v>19520</v>
      </c>
      <c r="FZ39" s="101">
        <v>0</v>
      </c>
      <c r="GA39" s="104">
        <v>9200</v>
      </c>
      <c r="GB39" s="104">
        <v>66432</v>
      </c>
      <c r="GC39" s="104">
        <v>7200</v>
      </c>
      <c r="GD39" s="104">
        <v>13360</v>
      </c>
      <c r="GE39" s="104">
        <v>0</v>
      </c>
      <c r="GF39" s="103">
        <v>96192</v>
      </c>
      <c r="GG39" s="294">
        <v>115712</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161832</v>
      </c>
      <c r="HJ39" s="104">
        <v>0</v>
      </c>
      <c r="HK39" s="104">
        <v>0</v>
      </c>
      <c r="HL39" s="104">
        <v>420957</v>
      </c>
      <c r="HM39" s="103">
        <v>582789</v>
      </c>
      <c r="HN39" s="99">
        <v>582789</v>
      </c>
      <c r="HO39" s="304"/>
      <c r="HP39" s="305"/>
      <c r="HQ39" s="306"/>
      <c r="HR39" s="307"/>
      <c r="HS39" s="305"/>
      <c r="HT39" s="305"/>
      <c r="HU39" s="305"/>
      <c r="HV39" s="305"/>
      <c r="HW39" s="305"/>
      <c r="HX39" s="308"/>
      <c r="HY39" s="309"/>
      <c r="HZ39" s="118">
        <v>0</v>
      </c>
      <c r="IA39" s="119">
        <v>0</v>
      </c>
      <c r="IB39" s="120">
        <v>0</v>
      </c>
      <c r="IC39" s="133">
        <v>0</v>
      </c>
      <c r="ID39" s="119">
        <v>76896</v>
      </c>
      <c r="IE39" s="134">
        <v>260472</v>
      </c>
      <c r="IF39" s="120">
        <v>464952</v>
      </c>
      <c r="IG39" s="119">
        <v>0</v>
      </c>
      <c r="IH39" s="120">
        <v>0</v>
      </c>
      <c r="II39" s="135">
        <v>802320</v>
      </c>
      <c r="IJ39" s="126">
        <v>802320</v>
      </c>
      <c r="IK39" s="219">
        <v>0</v>
      </c>
      <c r="IL39" s="223">
        <v>0</v>
      </c>
      <c r="IM39" s="224">
        <v>0</v>
      </c>
      <c r="IN39" s="127"/>
      <c r="IO39" s="109">
        <v>0</v>
      </c>
      <c r="IP39" s="109">
        <v>0</v>
      </c>
      <c r="IQ39" s="109">
        <v>0</v>
      </c>
      <c r="IR39" s="109">
        <v>0</v>
      </c>
      <c r="IS39" s="109">
        <v>0</v>
      </c>
      <c r="IT39" s="128">
        <v>0</v>
      </c>
      <c r="IU39" s="296">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76896</v>
      </c>
      <c r="JL39" s="109">
        <v>96544</v>
      </c>
      <c r="JM39" s="109">
        <v>0</v>
      </c>
      <c r="JN39" s="109">
        <v>0</v>
      </c>
      <c r="JO39" s="109">
        <v>0</v>
      </c>
      <c r="JP39" s="110">
        <v>173440</v>
      </c>
      <c r="JQ39" s="296">
        <v>173440</v>
      </c>
      <c r="JR39" s="129">
        <v>0</v>
      </c>
      <c r="JS39" s="109">
        <v>0</v>
      </c>
      <c r="JT39" s="128">
        <v>0</v>
      </c>
      <c r="JU39" s="108">
        <v>0</v>
      </c>
      <c r="JV39" s="109">
        <v>0</v>
      </c>
      <c r="JW39" s="109">
        <v>0</v>
      </c>
      <c r="JX39" s="109">
        <v>0</v>
      </c>
      <c r="JY39" s="109">
        <v>0</v>
      </c>
      <c r="JZ39" s="109">
        <v>0</v>
      </c>
      <c r="KA39" s="110">
        <v>0</v>
      </c>
      <c r="KB39" s="296">
        <v>0</v>
      </c>
      <c r="KC39" s="221">
        <v>0</v>
      </c>
      <c r="KD39" s="217">
        <v>0</v>
      </c>
      <c r="KE39" s="110">
        <v>0</v>
      </c>
      <c r="KF39" s="108">
        <v>0</v>
      </c>
      <c r="KG39" s="109">
        <v>0</v>
      </c>
      <c r="KH39" s="109">
        <v>163928</v>
      </c>
      <c r="KI39" s="109">
        <v>219712</v>
      </c>
      <c r="KJ39" s="109">
        <v>0</v>
      </c>
      <c r="KK39" s="109">
        <v>0</v>
      </c>
      <c r="KL39" s="110">
        <v>383640</v>
      </c>
      <c r="KM39" s="130">
        <v>383640</v>
      </c>
      <c r="KN39" s="219">
        <v>0</v>
      </c>
      <c r="KO39" s="223">
        <v>0</v>
      </c>
      <c r="KP39" s="224">
        <v>0</v>
      </c>
      <c r="KQ39" s="127"/>
      <c r="KR39" s="109">
        <v>0</v>
      </c>
      <c r="KS39" s="109">
        <v>0</v>
      </c>
      <c r="KT39" s="109">
        <v>0</v>
      </c>
      <c r="KU39" s="109">
        <v>0</v>
      </c>
      <c r="KV39" s="109">
        <v>0</v>
      </c>
      <c r="KW39" s="110">
        <v>0</v>
      </c>
      <c r="KX39" s="296">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6">
        <v>0</v>
      </c>
      <c r="LU39" s="129">
        <v>0</v>
      </c>
      <c r="LV39" s="109">
        <v>0</v>
      </c>
      <c r="LW39" s="110">
        <v>0</v>
      </c>
      <c r="LX39" s="132"/>
      <c r="LY39" s="109">
        <v>0</v>
      </c>
      <c r="LZ39" s="109">
        <v>0</v>
      </c>
      <c r="MA39" s="109">
        <v>245240</v>
      </c>
      <c r="MB39" s="109">
        <v>0</v>
      </c>
      <c r="MC39" s="109">
        <v>0</v>
      </c>
      <c r="MD39" s="110">
        <v>245240</v>
      </c>
      <c r="ME39" s="111">
        <v>245240</v>
      </c>
      <c r="MF39" s="129">
        <v>0</v>
      </c>
      <c r="MG39" s="109">
        <v>0</v>
      </c>
      <c r="MH39" s="110">
        <v>0</v>
      </c>
      <c r="MI39" s="132"/>
      <c r="MJ39" s="109">
        <v>0</v>
      </c>
      <c r="MK39" s="109">
        <v>0</v>
      </c>
      <c r="ML39" s="109">
        <v>454032</v>
      </c>
      <c r="MM39" s="109">
        <v>0</v>
      </c>
      <c r="MN39" s="109">
        <v>0</v>
      </c>
      <c r="MO39" s="110">
        <v>454032</v>
      </c>
      <c r="MP39" s="130">
        <v>454032</v>
      </c>
      <c r="MQ39" s="129">
        <v>0</v>
      </c>
      <c r="MR39" s="109">
        <v>0</v>
      </c>
      <c r="MS39" s="110">
        <v>0</v>
      </c>
      <c r="MT39" s="132"/>
      <c r="MU39" s="109">
        <v>0</v>
      </c>
      <c r="MV39" s="109">
        <v>0</v>
      </c>
      <c r="MW39" s="109">
        <v>211696</v>
      </c>
      <c r="MX39" s="109">
        <v>0</v>
      </c>
      <c r="MY39" s="109">
        <v>0</v>
      </c>
      <c r="MZ39" s="110">
        <v>211696</v>
      </c>
      <c r="NA39" s="130">
        <v>211696</v>
      </c>
      <c r="NB39" s="129">
        <v>0</v>
      </c>
      <c r="NC39" s="109">
        <v>0</v>
      </c>
      <c r="ND39" s="110">
        <v>0</v>
      </c>
      <c r="NE39" s="132"/>
      <c r="NF39" s="109">
        <v>0</v>
      </c>
      <c r="NG39" s="109">
        <v>0</v>
      </c>
      <c r="NH39" s="109">
        <v>242336</v>
      </c>
      <c r="NI39" s="109">
        <v>0</v>
      </c>
      <c r="NJ39" s="109">
        <v>0</v>
      </c>
      <c r="NK39" s="110">
        <v>242336</v>
      </c>
      <c r="NL39" s="296">
        <v>242336</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19520</v>
      </c>
      <c r="OK39" s="128">
        <v>19520</v>
      </c>
      <c r="OL39" s="108">
        <v>0</v>
      </c>
      <c r="OM39" s="109">
        <v>118960</v>
      </c>
      <c r="ON39" s="109">
        <v>738132</v>
      </c>
      <c r="OO39" s="109">
        <v>926184</v>
      </c>
      <c r="OP39" s="109">
        <v>45152</v>
      </c>
      <c r="OQ39" s="109">
        <v>446645</v>
      </c>
      <c r="OR39" s="110">
        <v>2275073</v>
      </c>
      <c r="OS39" s="130">
        <v>2294593</v>
      </c>
    </row>
    <row r="40" spans="2:409" ht="21" customHeight="1" x14ac:dyDescent="0.2">
      <c r="B40" s="468" t="s">
        <v>35</v>
      </c>
      <c r="C40" s="100">
        <v>107600</v>
      </c>
      <c r="D40" s="104">
        <v>141999</v>
      </c>
      <c r="E40" s="103">
        <v>249599</v>
      </c>
      <c r="F40" s="99">
        <v>0</v>
      </c>
      <c r="G40" s="104">
        <v>1729105</v>
      </c>
      <c r="H40" s="104">
        <v>451086</v>
      </c>
      <c r="I40" s="104">
        <v>943034</v>
      </c>
      <c r="J40" s="104">
        <v>994202</v>
      </c>
      <c r="K40" s="104">
        <v>460894</v>
      </c>
      <c r="L40" s="160">
        <v>4578321</v>
      </c>
      <c r="M40" s="106">
        <v>4827920</v>
      </c>
      <c r="N40" s="100">
        <v>30944</v>
      </c>
      <c r="O40" s="104">
        <v>0</v>
      </c>
      <c r="P40" s="103">
        <v>30944</v>
      </c>
      <c r="Q40" s="100">
        <v>0</v>
      </c>
      <c r="R40" s="104">
        <v>424024</v>
      </c>
      <c r="S40" s="104">
        <v>89977</v>
      </c>
      <c r="T40" s="104">
        <v>296607</v>
      </c>
      <c r="U40" s="104">
        <v>262552</v>
      </c>
      <c r="V40" s="104">
        <v>212914</v>
      </c>
      <c r="W40" s="103">
        <v>1286074</v>
      </c>
      <c r="X40" s="106">
        <v>1317018</v>
      </c>
      <c r="Y40" s="100">
        <v>0</v>
      </c>
      <c r="Z40" s="104">
        <v>0</v>
      </c>
      <c r="AA40" s="103">
        <v>0</v>
      </c>
      <c r="AB40" s="100">
        <v>0</v>
      </c>
      <c r="AC40" s="104">
        <v>204408</v>
      </c>
      <c r="AD40" s="104">
        <v>44897</v>
      </c>
      <c r="AE40" s="104">
        <v>206167</v>
      </c>
      <c r="AF40" s="104">
        <v>148000</v>
      </c>
      <c r="AG40" s="104">
        <v>128930</v>
      </c>
      <c r="AH40" s="103">
        <v>732402</v>
      </c>
      <c r="AI40" s="106">
        <v>732402</v>
      </c>
      <c r="AJ40" s="100">
        <v>0</v>
      </c>
      <c r="AK40" s="104">
        <v>0</v>
      </c>
      <c r="AL40" s="103">
        <v>0</v>
      </c>
      <c r="AM40" s="100">
        <v>0</v>
      </c>
      <c r="AN40" s="104">
        <v>0</v>
      </c>
      <c r="AO40" s="104">
        <v>13120</v>
      </c>
      <c r="AP40" s="104">
        <v>0</v>
      </c>
      <c r="AQ40" s="104">
        <v>65552</v>
      </c>
      <c r="AR40" s="104">
        <v>55752</v>
      </c>
      <c r="AS40" s="103">
        <v>134424</v>
      </c>
      <c r="AT40" s="106">
        <v>134424</v>
      </c>
      <c r="AU40" s="100">
        <v>0</v>
      </c>
      <c r="AV40" s="104">
        <v>0</v>
      </c>
      <c r="AW40" s="103">
        <v>0</v>
      </c>
      <c r="AX40" s="100">
        <v>0</v>
      </c>
      <c r="AY40" s="104">
        <v>40456</v>
      </c>
      <c r="AZ40" s="104">
        <v>0</v>
      </c>
      <c r="BA40" s="104">
        <v>28224</v>
      </c>
      <c r="BB40" s="104">
        <v>0</v>
      </c>
      <c r="BC40" s="104">
        <v>0</v>
      </c>
      <c r="BD40" s="103">
        <v>68680</v>
      </c>
      <c r="BE40" s="106">
        <v>68680</v>
      </c>
      <c r="BF40" s="100">
        <v>20032</v>
      </c>
      <c r="BG40" s="104">
        <v>0</v>
      </c>
      <c r="BH40" s="102">
        <v>20032</v>
      </c>
      <c r="BI40" s="101">
        <v>0</v>
      </c>
      <c r="BJ40" s="104">
        <v>76200</v>
      </c>
      <c r="BK40" s="104">
        <v>0</v>
      </c>
      <c r="BL40" s="104">
        <v>0</v>
      </c>
      <c r="BM40" s="104">
        <v>0</v>
      </c>
      <c r="BN40" s="104">
        <v>0</v>
      </c>
      <c r="BO40" s="103">
        <v>76200</v>
      </c>
      <c r="BP40" s="106">
        <v>96232</v>
      </c>
      <c r="BQ40" s="100">
        <v>10912</v>
      </c>
      <c r="BR40" s="104">
        <v>0</v>
      </c>
      <c r="BS40" s="103">
        <v>10912</v>
      </c>
      <c r="BT40" s="100">
        <v>0</v>
      </c>
      <c r="BU40" s="104">
        <v>102960</v>
      </c>
      <c r="BV40" s="104">
        <v>31960</v>
      </c>
      <c r="BW40" s="104">
        <v>62216</v>
      </c>
      <c r="BX40" s="104">
        <v>49000</v>
      </c>
      <c r="BY40" s="104">
        <v>28232</v>
      </c>
      <c r="BZ40" s="103">
        <v>274368</v>
      </c>
      <c r="CA40" s="106">
        <v>285280</v>
      </c>
      <c r="CB40" s="100">
        <v>20728</v>
      </c>
      <c r="CC40" s="104">
        <v>40815</v>
      </c>
      <c r="CD40" s="103">
        <v>61543</v>
      </c>
      <c r="CE40" s="100">
        <v>0</v>
      </c>
      <c r="CF40" s="104">
        <v>366368</v>
      </c>
      <c r="CG40" s="104">
        <v>150200</v>
      </c>
      <c r="CH40" s="104">
        <v>228976</v>
      </c>
      <c r="CI40" s="104">
        <v>96528</v>
      </c>
      <c r="CJ40" s="104">
        <v>0</v>
      </c>
      <c r="CK40" s="103">
        <v>842072</v>
      </c>
      <c r="CL40" s="106">
        <v>903615</v>
      </c>
      <c r="CM40" s="100">
        <v>0</v>
      </c>
      <c r="CN40" s="104">
        <v>0</v>
      </c>
      <c r="CO40" s="103">
        <v>0</v>
      </c>
      <c r="CP40" s="101">
        <v>0</v>
      </c>
      <c r="CQ40" s="104">
        <v>231800</v>
      </c>
      <c r="CR40" s="104">
        <v>150200</v>
      </c>
      <c r="CS40" s="104">
        <v>158656</v>
      </c>
      <c r="CT40" s="104">
        <v>0</v>
      </c>
      <c r="CU40" s="104">
        <v>0</v>
      </c>
      <c r="CV40" s="103">
        <v>540656</v>
      </c>
      <c r="CW40" s="106">
        <v>540656</v>
      </c>
      <c r="CX40" s="100">
        <v>20728</v>
      </c>
      <c r="CY40" s="104">
        <v>40815</v>
      </c>
      <c r="CZ40" s="103">
        <v>61543</v>
      </c>
      <c r="DA40" s="100">
        <v>0</v>
      </c>
      <c r="DB40" s="104">
        <v>134568</v>
      </c>
      <c r="DC40" s="104">
        <v>0</v>
      </c>
      <c r="DD40" s="104">
        <v>70320</v>
      </c>
      <c r="DE40" s="104">
        <v>96528</v>
      </c>
      <c r="DF40" s="104">
        <v>0</v>
      </c>
      <c r="DG40" s="103">
        <v>301416</v>
      </c>
      <c r="DH40" s="106">
        <v>362959</v>
      </c>
      <c r="DI40" s="100">
        <v>0</v>
      </c>
      <c r="DJ40" s="104">
        <v>0</v>
      </c>
      <c r="DK40" s="102">
        <v>0</v>
      </c>
      <c r="DL40" s="101">
        <v>0</v>
      </c>
      <c r="DM40" s="104">
        <v>20104</v>
      </c>
      <c r="DN40" s="104">
        <v>0</v>
      </c>
      <c r="DO40" s="104">
        <v>0</v>
      </c>
      <c r="DP40" s="104">
        <v>0</v>
      </c>
      <c r="DQ40" s="104">
        <v>0</v>
      </c>
      <c r="DR40" s="103">
        <v>20104</v>
      </c>
      <c r="DS40" s="106">
        <v>20104</v>
      </c>
      <c r="DT40" s="100">
        <v>0</v>
      </c>
      <c r="DU40" s="104">
        <v>0</v>
      </c>
      <c r="DV40" s="103">
        <v>0</v>
      </c>
      <c r="DW40" s="100">
        <v>0</v>
      </c>
      <c r="DX40" s="104">
        <v>20104</v>
      </c>
      <c r="DY40" s="104">
        <v>0</v>
      </c>
      <c r="DZ40" s="104">
        <v>0</v>
      </c>
      <c r="EA40" s="104">
        <v>0</v>
      </c>
      <c r="EB40" s="104">
        <v>0</v>
      </c>
      <c r="EC40" s="103">
        <v>20104</v>
      </c>
      <c r="ED40" s="106">
        <v>2010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2"/>
      <c r="FE40" s="104">
        <v>0</v>
      </c>
      <c r="FF40" s="104">
        <v>0</v>
      </c>
      <c r="FG40" s="104">
        <v>0</v>
      </c>
      <c r="FH40" s="104">
        <v>0</v>
      </c>
      <c r="FI40" s="104">
        <v>0</v>
      </c>
      <c r="FJ40" s="103">
        <v>0</v>
      </c>
      <c r="FK40" s="106">
        <v>0</v>
      </c>
      <c r="FL40" s="100">
        <v>0</v>
      </c>
      <c r="FM40" s="104">
        <v>10736</v>
      </c>
      <c r="FN40" s="103">
        <v>10736</v>
      </c>
      <c r="FO40" s="100">
        <v>0</v>
      </c>
      <c r="FP40" s="104">
        <v>16800</v>
      </c>
      <c r="FQ40" s="104">
        <v>29904</v>
      </c>
      <c r="FR40" s="104">
        <v>223968</v>
      </c>
      <c r="FS40" s="104">
        <v>39200</v>
      </c>
      <c r="FT40" s="104">
        <v>10400</v>
      </c>
      <c r="FU40" s="103">
        <v>320272</v>
      </c>
      <c r="FV40" s="106">
        <v>331008</v>
      </c>
      <c r="FW40" s="105">
        <v>0</v>
      </c>
      <c r="FX40" s="104">
        <v>10736</v>
      </c>
      <c r="FY40" s="102">
        <v>10736</v>
      </c>
      <c r="FZ40" s="101">
        <v>0</v>
      </c>
      <c r="GA40" s="104">
        <v>16800</v>
      </c>
      <c r="GB40" s="104">
        <v>29904</v>
      </c>
      <c r="GC40" s="104">
        <v>63968</v>
      </c>
      <c r="GD40" s="104">
        <v>39200</v>
      </c>
      <c r="GE40" s="104">
        <v>10400</v>
      </c>
      <c r="GF40" s="103">
        <v>160272</v>
      </c>
      <c r="GG40" s="294">
        <v>171008</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160000</v>
      </c>
      <c r="GZ40" s="104">
        <v>0</v>
      </c>
      <c r="HA40" s="104">
        <v>0</v>
      </c>
      <c r="HB40" s="102">
        <v>160000</v>
      </c>
      <c r="HC40" s="106">
        <v>160000</v>
      </c>
      <c r="HD40" s="100">
        <v>55928</v>
      </c>
      <c r="HE40" s="104">
        <v>90448</v>
      </c>
      <c r="HF40" s="102">
        <v>146376</v>
      </c>
      <c r="HG40" s="101">
        <v>0</v>
      </c>
      <c r="HH40" s="104">
        <v>901809</v>
      </c>
      <c r="HI40" s="104">
        <v>181005</v>
      </c>
      <c r="HJ40" s="104">
        <v>193483</v>
      </c>
      <c r="HK40" s="104">
        <v>595922</v>
      </c>
      <c r="HL40" s="104">
        <v>237580</v>
      </c>
      <c r="HM40" s="103">
        <v>2109799</v>
      </c>
      <c r="HN40" s="99">
        <v>2256175</v>
      </c>
      <c r="HO40" s="304"/>
      <c r="HP40" s="305"/>
      <c r="HQ40" s="306"/>
      <c r="HR40" s="307"/>
      <c r="HS40" s="305"/>
      <c r="HT40" s="305"/>
      <c r="HU40" s="305"/>
      <c r="HV40" s="305"/>
      <c r="HW40" s="305"/>
      <c r="HX40" s="308"/>
      <c r="HY40" s="309"/>
      <c r="HZ40" s="137">
        <v>0</v>
      </c>
      <c r="IA40" s="122">
        <v>0</v>
      </c>
      <c r="IB40" s="137">
        <v>0</v>
      </c>
      <c r="IC40" s="133">
        <v>0</v>
      </c>
      <c r="ID40" s="119">
        <v>0</v>
      </c>
      <c r="IE40" s="134">
        <v>479904</v>
      </c>
      <c r="IF40" s="120">
        <v>119168</v>
      </c>
      <c r="IG40" s="119">
        <v>0</v>
      </c>
      <c r="IH40" s="120">
        <v>0</v>
      </c>
      <c r="II40" s="135">
        <v>599072</v>
      </c>
      <c r="IJ40" s="137">
        <v>599072</v>
      </c>
      <c r="IK40" s="219">
        <v>0</v>
      </c>
      <c r="IL40" s="223">
        <v>0</v>
      </c>
      <c r="IM40" s="224">
        <v>0</v>
      </c>
      <c r="IN40" s="127"/>
      <c r="IO40" s="109">
        <v>0</v>
      </c>
      <c r="IP40" s="109">
        <v>0</v>
      </c>
      <c r="IQ40" s="109">
        <v>119168</v>
      </c>
      <c r="IR40" s="109">
        <v>0</v>
      </c>
      <c r="IS40" s="109">
        <v>0</v>
      </c>
      <c r="IT40" s="128">
        <v>119168</v>
      </c>
      <c r="IU40" s="296">
        <v>119168</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6">
        <v>0</v>
      </c>
      <c r="JR40" s="129">
        <v>0</v>
      </c>
      <c r="JS40" s="109">
        <v>0</v>
      </c>
      <c r="JT40" s="128">
        <v>0</v>
      </c>
      <c r="JU40" s="108">
        <v>0</v>
      </c>
      <c r="JV40" s="109">
        <v>0</v>
      </c>
      <c r="JW40" s="109">
        <v>0</v>
      </c>
      <c r="JX40" s="109">
        <v>0</v>
      </c>
      <c r="JY40" s="109">
        <v>0</v>
      </c>
      <c r="JZ40" s="109">
        <v>0</v>
      </c>
      <c r="KA40" s="110">
        <v>0</v>
      </c>
      <c r="KB40" s="296">
        <v>0</v>
      </c>
      <c r="KC40" s="221">
        <v>0</v>
      </c>
      <c r="KD40" s="217">
        <v>0</v>
      </c>
      <c r="KE40" s="110">
        <v>0</v>
      </c>
      <c r="KF40" s="108">
        <v>0</v>
      </c>
      <c r="KG40" s="109">
        <v>0</v>
      </c>
      <c r="KH40" s="109">
        <v>250536</v>
      </c>
      <c r="KI40" s="109">
        <v>0</v>
      </c>
      <c r="KJ40" s="109">
        <v>0</v>
      </c>
      <c r="KK40" s="109">
        <v>0</v>
      </c>
      <c r="KL40" s="110">
        <v>250536</v>
      </c>
      <c r="KM40" s="130">
        <v>250536</v>
      </c>
      <c r="KN40" s="219">
        <v>0</v>
      </c>
      <c r="KO40" s="223">
        <v>0</v>
      </c>
      <c r="KP40" s="224">
        <v>0</v>
      </c>
      <c r="KQ40" s="127"/>
      <c r="KR40" s="109">
        <v>0</v>
      </c>
      <c r="KS40" s="109">
        <v>229368</v>
      </c>
      <c r="KT40" s="109">
        <v>0</v>
      </c>
      <c r="KU40" s="109">
        <v>0</v>
      </c>
      <c r="KV40" s="109">
        <v>0</v>
      </c>
      <c r="KW40" s="110">
        <v>229368</v>
      </c>
      <c r="KX40" s="296">
        <v>229368</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6">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209656</v>
      </c>
      <c r="MK40" s="109">
        <v>0</v>
      </c>
      <c r="ML40" s="109">
        <v>559746</v>
      </c>
      <c r="MM40" s="109">
        <v>256552</v>
      </c>
      <c r="MN40" s="109">
        <v>522832</v>
      </c>
      <c r="MO40" s="110">
        <v>1548786</v>
      </c>
      <c r="MP40" s="130">
        <v>1548786</v>
      </c>
      <c r="MQ40" s="129">
        <v>0</v>
      </c>
      <c r="MR40" s="109">
        <v>0</v>
      </c>
      <c r="MS40" s="110">
        <v>0</v>
      </c>
      <c r="MT40" s="132"/>
      <c r="MU40" s="109">
        <v>0</v>
      </c>
      <c r="MV40" s="109">
        <v>0</v>
      </c>
      <c r="MW40" s="109">
        <v>0</v>
      </c>
      <c r="MX40" s="109">
        <v>256552</v>
      </c>
      <c r="MY40" s="109">
        <v>522832</v>
      </c>
      <c r="MZ40" s="110">
        <v>779384</v>
      </c>
      <c r="NA40" s="130">
        <v>779384</v>
      </c>
      <c r="NB40" s="129">
        <v>0</v>
      </c>
      <c r="NC40" s="109">
        <v>0</v>
      </c>
      <c r="ND40" s="110">
        <v>0</v>
      </c>
      <c r="NE40" s="132"/>
      <c r="NF40" s="109">
        <v>209656</v>
      </c>
      <c r="NG40" s="109">
        <v>0</v>
      </c>
      <c r="NH40" s="109">
        <v>559746</v>
      </c>
      <c r="NI40" s="109">
        <v>0</v>
      </c>
      <c r="NJ40" s="109">
        <v>0</v>
      </c>
      <c r="NK40" s="110">
        <v>769402</v>
      </c>
      <c r="NL40" s="296">
        <v>769402</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107600</v>
      </c>
      <c r="OJ40" s="109">
        <v>141999</v>
      </c>
      <c r="OK40" s="128">
        <v>249599</v>
      </c>
      <c r="OL40" s="108">
        <v>0</v>
      </c>
      <c r="OM40" s="109">
        <v>1938761</v>
      </c>
      <c r="ON40" s="109">
        <v>930990</v>
      </c>
      <c r="OO40" s="109">
        <v>1621948</v>
      </c>
      <c r="OP40" s="109">
        <v>1250754</v>
      </c>
      <c r="OQ40" s="109">
        <v>983726</v>
      </c>
      <c r="OR40" s="110">
        <v>6726179</v>
      </c>
      <c r="OS40" s="130">
        <v>6975778</v>
      </c>
    </row>
    <row r="41" spans="2:409" ht="21" customHeight="1" x14ac:dyDescent="0.2">
      <c r="B41" s="468" t="s">
        <v>36</v>
      </c>
      <c r="C41" s="100">
        <v>32438</v>
      </c>
      <c r="D41" s="104">
        <v>78483</v>
      </c>
      <c r="E41" s="103">
        <v>110921</v>
      </c>
      <c r="F41" s="99">
        <v>0</v>
      </c>
      <c r="G41" s="104">
        <v>561375</v>
      </c>
      <c r="H41" s="104">
        <v>378503</v>
      </c>
      <c r="I41" s="104">
        <v>413825</v>
      </c>
      <c r="J41" s="104">
        <v>812100</v>
      </c>
      <c r="K41" s="104">
        <v>359375</v>
      </c>
      <c r="L41" s="160">
        <v>2525178</v>
      </c>
      <c r="M41" s="106">
        <v>2636099</v>
      </c>
      <c r="N41" s="100">
        <v>9920</v>
      </c>
      <c r="O41" s="104">
        <v>41187</v>
      </c>
      <c r="P41" s="103">
        <v>51107</v>
      </c>
      <c r="Q41" s="100">
        <v>0</v>
      </c>
      <c r="R41" s="104">
        <v>115197</v>
      </c>
      <c r="S41" s="104">
        <v>45379</v>
      </c>
      <c r="T41" s="104">
        <v>181556</v>
      </c>
      <c r="U41" s="104">
        <v>140671</v>
      </c>
      <c r="V41" s="104">
        <v>359375</v>
      </c>
      <c r="W41" s="103">
        <v>842178</v>
      </c>
      <c r="X41" s="106">
        <v>893285</v>
      </c>
      <c r="Y41" s="100">
        <v>0</v>
      </c>
      <c r="Z41" s="104">
        <v>0</v>
      </c>
      <c r="AA41" s="103">
        <v>0</v>
      </c>
      <c r="AB41" s="100">
        <v>0</v>
      </c>
      <c r="AC41" s="104">
        <v>54988</v>
      </c>
      <c r="AD41" s="104">
        <v>0</v>
      </c>
      <c r="AE41" s="104">
        <v>41651</v>
      </c>
      <c r="AF41" s="104">
        <v>0</v>
      </c>
      <c r="AG41" s="104">
        <v>339823</v>
      </c>
      <c r="AH41" s="103">
        <v>436462</v>
      </c>
      <c r="AI41" s="106">
        <v>436462</v>
      </c>
      <c r="AJ41" s="100">
        <v>0</v>
      </c>
      <c r="AK41" s="104">
        <v>0</v>
      </c>
      <c r="AL41" s="103">
        <v>0</v>
      </c>
      <c r="AM41" s="100">
        <v>0</v>
      </c>
      <c r="AN41" s="104">
        <v>0</v>
      </c>
      <c r="AO41" s="104">
        <v>0</v>
      </c>
      <c r="AP41" s="104">
        <v>0</v>
      </c>
      <c r="AQ41" s="104">
        <v>46716</v>
      </c>
      <c r="AR41" s="104">
        <v>0</v>
      </c>
      <c r="AS41" s="103">
        <v>46716</v>
      </c>
      <c r="AT41" s="106">
        <v>46716</v>
      </c>
      <c r="AU41" s="100">
        <v>9920</v>
      </c>
      <c r="AV41" s="104">
        <v>0</v>
      </c>
      <c r="AW41" s="103">
        <v>9920</v>
      </c>
      <c r="AX41" s="100">
        <v>0</v>
      </c>
      <c r="AY41" s="104">
        <v>42353</v>
      </c>
      <c r="AZ41" s="104">
        <v>0</v>
      </c>
      <c r="BA41" s="104">
        <v>104383</v>
      </c>
      <c r="BB41" s="104">
        <v>54095</v>
      </c>
      <c r="BC41" s="104">
        <v>0</v>
      </c>
      <c r="BD41" s="103">
        <v>200831</v>
      </c>
      <c r="BE41" s="106">
        <v>210751</v>
      </c>
      <c r="BF41" s="100">
        <v>0</v>
      </c>
      <c r="BG41" s="104">
        <v>41187</v>
      </c>
      <c r="BH41" s="102">
        <v>41187</v>
      </c>
      <c r="BI41" s="101">
        <v>0</v>
      </c>
      <c r="BJ41" s="104">
        <v>0</v>
      </c>
      <c r="BK41" s="104">
        <v>20931</v>
      </c>
      <c r="BL41" s="104">
        <v>15698</v>
      </c>
      <c r="BM41" s="104">
        <v>26164</v>
      </c>
      <c r="BN41" s="104">
        <v>0</v>
      </c>
      <c r="BO41" s="103">
        <v>62793</v>
      </c>
      <c r="BP41" s="106">
        <v>103980</v>
      </c>
      <c r="BQ41" s="100">
        <v>0</v>
      </c>
      <c r="BR41" s="104">
        <v>0</v>
      </c>
      <c r="BS41" s="103">
        <v>0</v>
      </c>
      <c r="BT41" s="100">
        <v>0</v>
      </c>
      <c r="BU41" s="104">
        <v>17856</v>
      </c>
      <c r="BV41" s="104">
        <v>24448</v>
      </c>
      <c r="BW41" s="104">
        <v>19824</v>
      </c>
      <c r="BX41" s="104">
        <v>13696</v>
      </c>
      <c r="BY41" s="104">
        <v>19552</v>
      </c>
      <c r="BZ41" s="103">
        <v>95376</v>
      </c>
      <c r="CA41" s="106">
        <v>95376</v>
      </c>
      <c r="CB41" s="100">
        <v>19318</v>
      </c>
      <c r="CC41" s="104">
        <v>37296</v>
      </c>
      <c r="CD41" s="103">
        <v>56614</v>
      </c>
      <c r="CE41" s="100">
        <v>0</v>
      </c>
      <c r="CF41" s="104">
        <v>78190</v>
      </c>
      <c r="CG41" s="104">
        <v>97851</v>
      </c>
      <c r="CH41" s="104">
        <v>0</v>
      </c>
      <c r="CI41" s="104">
        <v>64734</v>
      </c>
      <c r="CJ41" s="104">
        <v>0</v>
      </c>
      <c r="CK41" s="103">
        <v>240775</v>
      </c>
      <c r="CL41" s="106">
        <v>297389</v>
      </c>
      <c r="CM41" s="100">
        <v>0</v>
      </c>
      <c r="CN41" s="104">
        <v>0</v>
      </c>
      <c r="CO41" s="103">
        <v>0</v>
      </c>
      <c r="CP41" s="101">
        <v>0</v>
      </c>
      <c r="CQ41" s="104">
        <v>78190</v>
      </c>
      <c r="CR41" s="104">
        <v>97851</v>
      </c>
      <c r="CS41" s="104">
        <v>0</v>
      </c>
      <c r="CT41" s="104">
        <v>0</v>
      </c>
      <c r="CU41" s="104">
        <v>0</v>
      </c>
      <c r="CV41" s="103">
        <v>176041</v>
      </c>
      <c r="CW41" s="106">
        <v>176041</v>
      </c>
      <c r="CX41" s="100">
        <v>19318</v>
      </c>
      <c r="CY41" s="104">
        <v>37296</v>
      </c>
      <c r="CZ41" s="103">
        <v>56614</v>
      </c>
      <c r="DA41" s="100">
        <v>0</v>
      </c>
      <c r="DB41" s="104">
        <v>0</v>
      </c>
      <c r="DC41" s="104">
        <v>0</v>
      </c>
      <c r="DD41" s="104">
        <v>0</v>
      </c>
      <c r="DE41" s="104">
        <v>64734</v>
      </c>
      <c r="DF41" s="104">
        <v>0</v>
      </c>
      <c r="DG41" s="103">
        <v>64734</v>
      </c>
      <c r="DH41" s="106">
        <v>121348</v>
      </c>
      <c r="DI41" s="100">
        <v>0</v>
      </c>
      <c r="DJ41" s="104">
        <v>0</v>
      </c>
      <c r="DK41" s="102">
        <v>0</v>
      </c>
      <c r="DL41" s="101">
        <v>0</v>
      </c>
      <c r="DM41" s="104">
        <v>0</v>
      </c>
      <c r="DN41" s="104">
        <v>16483</v>
      </c>
      <c r="DO41" s="104">
        <v>0</v>
      </c>
      <c r="DP41" s="104">
        <v>524871</v>
      </c>
      <c r="DQ41" s="104">
        <v>0</v>
      </c>
      <c r="DR41" s="103">
        <v>541354</v>
      </c>
      <c r="DS41" s="106">
        <v>541354</v>
      </c>
      <c r="DT41" s="100">
        <v>0</v>
      </c>
      <c r="DU41" s="104">
        <v>0</v>
      </c>
      <c r="DV41" s="103">
        <v>0</v>
      </c>
      <c r="DW41" s="100">
        <v>0</v>
      </c>
      <c r="DX41" s="104">
        <v>0</v>
      </c>
      <c r="DY41" s="104">
        <v>16483</v>
      </c>
      <c r="DZ41" s="104">
        <v>0</v>
      </c>
      <c r="EA41" s="104">
        <v>524871</v>
      </c>
      <c r="EB41" s="104">
        <v>0</v>
      </c>
      <c r="EC41" s="103">
        <v>541354</v>
      </c>
      <c r="ED41" s="106">
        <v>541354</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2"/>
      <c r="FE41" s="104">
        <v>0</v>
      </c>
      <c r="FF41" s="104">
        <v>0</v>
      </c>
      <c r="FG41" s="104">
        <v>0</v>
      </c>
      <c r="FH41" s="104">
        <v>0</v>
      </c>
      <c r="FI41" s="104">
        <v>0</v>
      </c>
      <c r="FJ41" s="103">
        <v>0</v>
      </c>
      <c r="FK41" s="106">
        <v>0</v>
      </c>
      <c r="FL41" s="100">
        <v>3200</v>
      </c>
      <c r="FM41" s="104">
        <v>0</v>
      </c>
      <c r="FN41" s="103">
        <v>3200</v>
      </c>
      <c r="FO41" s="100">
        <v>0</v>
      </c>
      <c r="FP41" s="104">
        <v>216280</v>
      </c>
      <c r="FQ41" s="104">
        <v>49040</v>
      </c>
      <c r="FR41" s="104">
        <v>37120</v>
      </c>
      <c r="FS41" s="104">
        <v>81824</v>
      </c>
      <c r="FT41" s="104">
        <v>0</v>
      </c>
      <c r="FU41" s="103">
        <v>384264</v>
      </c>
      <c r="FV41" s="106">
        <v>387464</v>
      </c>
      <c r="FW41" s="105">
        <v>3200</v>
      </c>
      <c r="FX41" s="104">
        <v>0</v>
      </c>
      <c r="FY41" s="102">
        <v>3200</v>
      </c>
      <c r="FZ41" s="101">
        <v>0</v>
      </c>
      <c r="GA41" s="104">
        <v>94680</v>
      </c>
      <c r="GB41" s="104">
        <v>49040</v>
      </c>
      <c r="GC41" s="104">
        <v>37120</v>
      </c>
      <c r="GD41" s="104">
        <v>81824</v>
      </c>
      <c r="GE41" s="104">
        <v>0</v>
      </c>
      <c r="GF41" s="103">
        <v>262664</v>
      </c>
      <c r="GG41" s="294">
        <v>265864</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121600</v>
      </c>
      <c r="GX41" s="104">
        <v>0</v>
      </c>
      <c r="GY41" s="104">
        <v>0</v>
      </c>
      <c r="GZ41" s="104">
        <v>0</v>
      </c>
      <c r="HA41" s="104">
        <v>0</v>
      </c>
      <c r="HB41" s="102">
        <v>121600</v>
      </c>
      <c r="HC41" s="106">
        <v>121600</v>
      </c>
      <c r="HD41" s="100">
        <v>0</v>
      </c>
      <c r="HE41" s="104">
        <v>0</v>
      </c>
      <c r="HF41" s="102">
        <v>0</v>
      </c>
      <c r="HG41" s="101">
        <v>0</v>
      </c>
      <c r="HH41" s="104">
        <v>151708</v>
      </c>
      <c r="HI41" s="104">
        <v>169750</v>
      </c>
      <c r="HJ41" s="104">
        <v>195149</v>
      </c>
      <c r="HK41" s="104">
        <v>0</v>
      </c>
      <c r="HL41" s="104">
        <v>0</v>
      </c>
      <c r="HM41" s="103">
        <v>516607</v>
      </c>
      <c r="HN41" s="99">
        <v>516607</v>
      </c>
      <c r="HO41" s="304"/>
      <c r="HP41" s="305"/>
      <c r="HQ41" s="306"/>
      <c r="HR41" s="307"/>
      <c r="HS41" s="305"/>
      <c r="HT41" s="305"/>
      <c r="HU41" s="305"/>
      <c r="HV41" s="305"/>
      <c r="HW41" s="305"/>
      <c r="HX41" s="308"/>
      <c r="HY41" s="309"/>
      <c r="HZ41" s="118">
        <v>0</v>
      </c>
      <c r="IA41" s="119">
        <v>0</v>
      </c>
      <c r="IB41" s="120">
        <v>0</v>
      </c>
      <c r="IC41" s="133">
        <v>0</v>
      </c>
      <c r="ID41" s="119">
        <v>80100</v>
      </c>
      <c r="IE41" s="134">
        <v>41841</v>
      </c>
      <c r="IF41" s="120">
        <v>0</v>
      </c>
      <c r="IG41" s="119">
        <v>325478</v>
      </c>
      <c r="IH41" s="120">
        <v>0</v>
      </c>
      <c r="II41" s="135">
        <v>447419</v>
      </c>
      <c r="IJ41" s="126">
        <v>447419</v>
      </c>
      <c r="IK41" s="219">
        <v>0</v>
      </c>
      <c r="IL41" s="223">
        <v>0</v>
      </c>
      <c r="IM41" s="224">
        <v>0</v>
      </c>
      <c r="IN41" s="127"/>
      <c r="IO41" s="109">
        <v>0</v>
      </c>
      <c r="IP41" s="109">
        <v>0</v>
      </c>
      <c r="IQ41" s="109">
        <v>0</v>
      </c>
      <c r="IR41" s="109">
        <v>0</v>
      </c>
      <c r="IS41" s="109">
        <v>0</v>
      </c>
      <c r="IT41" s="128">
        <v>0</v>
      </c>
      <c r="IU41" s="296">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80100</v>
      </c>
      <c r="JL41" s="109">
        <v>41841</v>
      </c>
      <c r="JM41" s="109">
        <v>0</v>
      </c>
      <c r="JN41" s="109">
        <v>74177</v>
      </c>
      <c r="JO41" s="109">
        <v>0</v>
      </c>
      <c r="JP41" s="110">
        <v>196118</v>
      </c>
      <c r="JQ41" s="296">
        <v>196118</v>
      </c>
      <c r="JR41" s="129">
        <v>0</v>
      </c>
      <c r="JS41" s="109">
        <v>0</v>
      </c>
      <c r="JT41" s="128">
        <v>0</v>
      </c>
      <c r="JU41" s="108">
        <v>0</v>
      </c>
      <c r="JV41" s="109">
        <v>0</v>
      </c>
      <c r="JW41" s="109">
        <v>0</v>
      </c>
      <c r="JX41" s="109">
        <v>0</v>
      </c>
      <c r="JY41" s="109">
        <v>0</v>
      </c>
      <c r="JZ41" s="109">
        <v>0</v>
      </c>
      <c r="KA41" s="110">
        <v>0</v>
      </c>
      <c r="KB41" s="296">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c r="KR41" s="109">
        <v>0</v>
      </c>
      <c r="KS41" s="109">
        <v>0</v>
      </c>
      <c r="KT41" s="109">
        <v>0</v>
      </c>
      <c r="KU41" s="109">
        <v>251301</v>
      </c>
      <c r="KV41" s="109">
        <v>0</v>
      </c>
      <c r="KW41" s="110">
        <v>251301</v>
      </c>
      <c r="KX41" s="296">
        <v>251301</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6">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0</v>
      </c>
      <c r="ML41" s="109">
        <v>0</v>
      </c>
      <c r="MM41" s="109">
        <v>784016</v>
      </c>
      <c r="MN41" s="109">
        <v>664620</v>
      </c>
      <c r="MO41" s="110">
        <v>1448636</v>
      </c>
      <c r="MP41" s="130">
        <v>1448636</v>
      </c>
      <c r="MQ41" s="129">
        <v>0</v>
      </c>
      <c r="MR41" s="109">
        <v>0</v>
      </c>
      <c r="MS41" s="110">
        <v>0</v>
      </c>
      <c r="MT41" s="132"/>
      <c r="MU41" s="109">
        <v>0</v>
      </c>
      <c r="MV41" s="109">
        <v>0</v>
      </c>
      <c r="MW41" s="109">
        <v>0</v>
      </c>
      <c r="MX41" s="109">
        <v>512919</v>
      </c>
      <c r="MY41" s="109">
        <v>546564</v>
      </c>
      <c r="MZ41" s="110">
        <v>1059483</v>
      </c>
      <c r="NA41" s="130">
        <v>1059483</v>
      </c>
      <c r="NB41" s="129">
        <v>0</v>
      </c>
      <c r="NC41" s="109">
        <v>0</v>
      </c>
      <c r="ND41" s="110">
        <v>0</v>
      </c>
      <c r="NE41" s="132"/>
      <c r="NF41" s="109">
        <v>0</v>
      </c>
      <c r="NG41" s="109">
        <v>0</v>
      </c>
      <c r="NH41" s="109">
        <v>0</v>
      </c>
      <c r="NI41" s="109">
        <v>271097</v>
      </c>
      <c r="NJ41" s="109">
        <v>118056</v>
      </c>
      <c r="NK41" s="110">
        <v>389153</v>
      </c>
      <c r="NL41" s="296">
        <v>389153</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32438</v>
      </c>
      <c r="OJ41" s="109">
        <v>78483</v>
      </c>
      <c r="OK41" s="128">
        <v>110921</v>
      </c>
      <c r="OL41" s="108">
        <v>0</v>
      </c>
      <c r="OM41" s="109">
        <v>641475</v>
      </c>
      <c r="ON41" s="109">
        <v>420344</v>
      </c>
      <c r="OO41" s="109">
        <v>413825</v>
      </c>
      <c r="OP41" s="109">
        <v>1921594</v>
      </c>
      <c r="OQ41" s="109">
        <v>1023995</v>
      </c>
      <c r="OR41" s="110">
        <v>4421233</v>
      </c>
      <c r="OS41" s="130">
        <v>4532154</v>
      </c>
    </row>
    <row r="42" spans="2:409" ht="21" customHeight="1" thickBot="1" x14ac:dyDescent="0.25">
      <c r="B42" s="469" t="s">
        <v>37</v>
      </c>
      <c r="C42" s="107">
        <v>0</v>
      </c>
      <c r="D42" s="165">
        <v>0</v>
      </c>
      <c r="E42" s="166">
        <v>0</v>
      </c>
      <c r="F42" s="167">
        <v>0</v>
      </c>
      <c r="G42" s="165">
        <v>23739</v>
      </c>
      <c r="H42" s="165">
        <v>105224</v>
      </c>
      <c r="I42" s="165">
        <v>160000</v>
      </c>
      <c r="J42" s="165">
        <v>0</v>
      </c>
      <c r="K42" s="165">
        <v>0</v>
      </c>
      <c r="L42" s="167">
        <v>288963</v>
      </c>
      <c r="M42" s="168">
        <v>288963</v>
      </c>
      <c r="N42" s="107">
        <v>0</v>
      </c>
      <c r="O42" s="165">
        <v>0</v>
      </c>
      <c r="P42" s="166">
        <v>0</v>
      </c>
      <c r="Q42" s="107">
        <v>0</v>
      </c>
      <c r="R42" s="165">
        <v>0</v>
      </c>
      <c r="S42" s="165">
        <v>0</v>
      </c>
      <c r="T42" s="165">
        <v>0</v>
      </c>
      <c r="U42" s="165">
        <v>0</v>
      </c>
      <c r="V42" s="165">
        <v>0</v>
      </c>
      <c r="W42" s="166">
        <v>0</v>
      </c>
      <c r="X42" s="168">
        <v>0</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0</v>
      </c>
      <c r="BD42" s="166">
        <v>0</v>
      </c>
      <c r="BE42" s="168">
        <v>0</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0</v>
      </c>
      <c r="BY42" s="165">
        <v>0</v>
      </c>
      <c r="BZ42" s="166">
        <v>0</v>
      </c>
      <c r="CA42" s="168">
        <v>0</v>
      </c>
      <c r="CB42" s="107">
        <v>0</v>
      </c>
      <c r="CC42" s="165">
        <v>0</v>
      </c>
      <c r="CD42" s="166">
        <v>0</v>
      </c>
      <c r="CE42" s="107">
        <v>0</v>
      </c>
      <c r="CF42" s="165">
        <v>22539</v>
      </c>
      <c r="CG42" s="165">
        <v>86216</v>
      </c>
      <c r="CH42" s="165">
        <v>0</v>
      </c>
      <c r="CI42" s="165">
        <v>0</v>
      </c>
      <c r="CJ42" s="165">
        <v>0</v>
      </c>
      <c r="CK42" s="166">
        <v>108755</v>
      </c>
      <c r="CL42" s="168">
        <v>108755</v>
      </c>
      <c r="CM42" s="107">
        <v>0</v>
      </c>
      <c r="CN42" s="165">
        <v>0</v>
      </c>
      <c r="CO42" s="166">
        <v>0</v>
      </c>
      <c r="CP42" s="169">
        <v>0</v>
      </c>
      <c r="CQ42" s="165">
        <v>0</v>
      </c>
      <c r="CR42" s="165">
        <v>86216</v>
      </c>
      <c r="CS42" s="165">
        <v>0</v>
      </c>
      <c r="CT42" s="165">
        <v>0</v>
      </c>
      <c r="CU42" s="165">
        <v>0</v>
      </c>
      <c r="CV42" s="166">
        <v>86216</v>
      </c>
      <c r="CW42" s="168">
        <v>86216</v>
      </c>
      <c r="CX42" s="107">
        <v>0</v>
      </c>
      <c r="CY42" s="165">
        <v>0</v>
      </c>
      <c r="CZ42" s="166">
        <v>0</v>
      </c>
      <c r="DA42" s="107">
        <v>0</v>
      </c>
      <c r="DB42" s="165">
        <v>22539</v>
      </c>
      <c r="DC42" s="165">
        <v>0</v>
      </c>
      <c r="DD42" s="165">
        <v>0</v>
      </c>
      <c r="DE42" s="165">
        <v>0</v>
      </c>
      <c r="DF42" s="165">
        <v>0</v>
      </c>
      <c r="DG42" s="166">
        <v>22539</v>
      </c>
      <c r="DH42" s="168">
        <v>22539</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3"/>
      <c r="FE42" s="165">
        <v>0</v>
      </c>
      <c r="FF42" s="165">
        <v>0</v>
      </c>
      <c r="FG42" s="165">
        <v>0</v>
      </c>
      <c r="FH42" s="165">
        <v>0</v>
      </c>
      <c r="FI42" s="165">
        <v>0</v>
      </c>
      <c r="FJ42" s="166">
        <v>0</v>
      </c>
      <c r="FK42" s="168">
        <v>0</v>
      </c>
      <c r="FL42" s="107">
        <v>0</v>
      </c>
      <c r="FM42" s="165">
        <v>0</v>
      </c>
      <c r="FN42" s="166">
        <v>0</v>
      </c>
      <c r="FO42" s="107">
        <v>0</v>
      </c>
      <c r="FP42" s="165">
        <v>1200</v>
      </c>
      <c r="FQ42" s="165">
        <v>19008</v>
      </c>
      <c r="FR42" s="165">
        <v>160000</v>
      </c>
      <c r="FS42" s="165">
        <v>0</v>
      </c>
      <c r="FT42" s="165">
        <v>0</v>
      </c>
      <c r="FU42" s="166">
        <v>180208</v>
      </c>
      <c r="FV42" s="168">
        <v>180208</v>
      </c>
      <c r="FW42" s="171">
        <v>0</v>
      </c>
      <c r="FX42" s="165">
        <v>0</v>
      </c>
      <c r="FY42" s="170">
        <v>0</v>
      </c>
      <c r="FZ42" s="169">
        <v>0</v>
      </c>
      <c r="GA42" s="165">
        <v>1200</v>
      </c>
      <c r="GB42" s="165">
        <v>19008</v>
      </c>
      <c r="GC42" s="165">
        <v>0</v>
      </c>
      <c r="GD42" s="165">
        <v>0</v>
      </c>
      <c r="GE42" s="165">
        <v>0</v>
      </c>
      <c r="GF42" s="166">
        <v>20208</v>
      </c>
      <c r="GG42" s="295">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160000</v>
      </c>
      <c r="GZ42" s="165">
        <v>0</v>
      </c>
      <c r="HA42" s="165">
        <v>0</v>
      </c>
      <c r="HB42" s="170">
        <v>160000</v>
      </c>
      <c r="HC42" s="168">
        <v>160000</v>
      </c>
      <c r="HD42" s="107">
        <v>0</v>
      </c>
      <c r="HE42" s="165">
        <v>0</v>
      </c>
      <c r="HF42" s="170">
        <v>0</v>
      </c>
      <c r="HG42" s="169">
        <v>0</v>
      </c>
      <c r="HH42" s="165">
        <v>0</v>
      </c>
      <c r="HI42" s="165">
        <v>0</v>
      </c>
      <c r="HJ42" s="165">
        <v>0</v>
      </c>
      <c r="HK42" s="165">
        <v>0</v>
      </c>
      <c r="HL42" s="165">
        <v>0</v>
      </c>
      <c r="HM42" s="166">
        <v>0</v>
      </c>
      <c r="HN42" s="167">
        <v>0</v>
      </c>
      <c r="HO42" s="310"/>
      <c r="HP42" s="311"/>
      <c r="HQ42" s="312"/>
      <c r="HR42" s="313"/>
      <c r="HS42" s="311"/>
      <c r="HT42" s="311"/>
      <c r="HU42" s="311"/>
      <c r="HV42" s="311"/>
      <c r="HW42" s="311"/>
      <c r="HX42" s="314"/>
      <c r="HY42" s="315"/>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c r="IO42" s="148">
        <v>0</v>
      </c>
      <c r="IP42" s="148">
        <v>0</v>
      </c>
      <c r="IQ42" s="148">
        <v>0</v>
      </c>
      <c r="IR42" s="148">
        <v>0</v>
      </c>
      <c r="IS42" s="148">
        <v>0</v>
      </c>
      <c r="IT42" s="149">
        <v>0</v>
      </c>
      <c r="IU42" s="297">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7">
        <v>0</v>
      </c>
      <c r="JR42" s="150">
        <v>0</v>
      </c>
      <c r="JS42" s="148">
        <v>0</v>
      </c>
      <c r="JT42" s="149">
        <v>0</v>
      </c>
      <c r="JU42" s="151">
        <v>0</v>
      </c>
      <c r="JV42" s="148">
        <v>0</v>
      </c>
      <c r="JW42" s="148">
        <v>0</v>
      </c>
      <c r="JX42" s="148">
        <v>0</v>
      </c>
      <c r="JY42" s="148">
        <v>0</v>
      </c>
      <c r="JZ42" s="148">
        <v>0</v>
      </c>
      <c r="KA42" s="152">
        <v>0</v>
      </c>
      <c r="KB42" s="297">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7">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7">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222072</v>
      </c>
      <c r="MM42" s="148">
        <v>0</v>
      </c>
      <c r="MN42" s="148">
        <v>0</v>
      </c>
      <c r="MO42" s="152">
        <v>222072</v>
      </c>
      <c r="MP42" s="154">
        <v>222072</v>
      </c>
      <c r="MQ42" s="150">
        <v>0</v>
      </c>
      <c r="MR42" s="148">
        <v>0</v>
      </c>
      <c r="MS42" s="152">
        <v>0</v>
      </c>
      <c r="MT42" s="156"/>
      <c r="MU42" s="148">
        <v>0</v>
      </c>
      <c r="MV42" s="148">
        <v>0</v>
      </c>
      <c r="MW42" s="148">
        <v>222072</v>
      </c>
      <c r="MX42" s="148">
        <v>0</v>
      </c>
      <c r="MY42" s="148">
        <v>0</v>
      </c>
      <c r="MZ42" s="152">
        <v>222072</v>
      </c>
      <c r="NA42" s="154">
        <v>222072</v>
      </c>
      <c r="NB42" s="150">
        <v>0</v>
      </c>
      <c r="NC42" s="148">
        <v>0</v>
      </c>
      <c r="ND42" s="152">
        <v>0</v>
      </c>
      <c r="NE42" s="156"/>
      <c r="NF42" s="148">
        <v>0</v>
      </c>
      <c r="NG42" s="148">
        <v>0</v>
      </c>
      <c r="NH42" s="148">
        <v>0</v>
      </c>
      <c r="NI42" s="148">
        <v>0</v>
      </c>
      <c r="NJ42" s="148">
        <v>0</v>
      </c>
      <c r="NK42" s="152">
        <v>0</v>
      </c>
      <c r="NL42" s="297">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23739</v>
      </c>
      <c r="ON42" s="148">
        <v>105224</v>
      </c>
      <c r="OO42" s="148">
        <v>382072</v>
      </c>
      <c r="OP42" s="148">
        <v>0</v>
      </c>
      <c r="OQ42" s="148">
        <v>0</v>
      </c>
      <c r="OR42" s="152">
        <v>511035</v>
      </c>
      <c r="OS42" s="154">
        <v>511035</v>
      </c>
    </row>
    <row r="43" spans="2:409" x14ac:dyDescent="0.2">
      <c r="B43" s="39"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0" customWidth="1"/>
    <col min="83" max="83" width="7.6640625" style="300" customWidth="1"/>
    <col min="84" max="84" width="9.88671875" style="300" customWidth="1"/>
    <col min="85" max="85" width="10" style="300" customWidth="1"/>
    <col min="86" max="86" width="9.77734375" style="300" customWidth="1"/>
    <col min="87" max="87" width="9.21875" style="300" customWidth="1"/>
    <col min="88" max="88" width="8.77734375" style="300" customWidth="1"/>
    <col min="89" max="89" width="9.88671875" style="300" customWidth="1"/>
    <col min="90" max="90" width="9.77734375" style="300"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0" customWidth="1"/>
    <col min="116" max="116" width="7.21875" style="300" customWidth="1"/>
    <col min="117" max="121" width="8.21875" style="300" customWidth="1"/>
    <col min="122" max="122" width="10.109375" style="300" customWidth="1"/>
    <col min="123" max="123" width="9.77734375" style="300"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0" customWidth="1"/>
    <col min="171" max="171" width="6.6640625" style="300" customWidth="1"/>
    <col min="172" max="176" width="8.21875" style="300" customWidth="1"/>
    <col min="177" max="177" width="10.109375" style="300" customWidth="1"/>
    <col min="178" max="178" width="9.88671875" style="300"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4</v>
      </c>
      <c r="E1" s="464">
        <f>第１表!F2</f>
        <v>6</v>
      </c>
      <c r="F1" s="233">
        <f>第１表!G2</f>
        <v>1</v>
      </c>
      <c r="G1" s="740">
        <f>IF(F1&lt;3,F1-2+12,F1-2)</f>
        <v>11</v>
      </c>
      <c r="H1" s="740"/>
      <c r="IB1" s="339"/>
      <c r="IC1" s="239"/>
      <c r="ID1" s="656"/>
      <c r="IE1" s="656"/>
    </row>
    <row r="2" spans="2:409" ht="24" customHeight="1" x14ac:dyDescent="0.2">
      <c r="B2" s="15" t="s">
        <v>145</v>
      </c>
      <c r="E2" s="236"/>
      <c r="F2" s="237"/>
      <c r="G2" s="328"/>
      <c r="H2" s="328"/>
      <c r="IB2" s="238"/>
      <c r="IC2" s="239"/>
      <c r="ID2" s="342"/>
      <c r="IE2" s="342"/>
    </row>
    <row r="3" spans="2:409" ht="24" customHeight="1" thickBot="1" x14ac:dyDescent="0.25">
      <c r="B3" s="15" t="s">
        <v>154</v>
      </c>
    </row>
    <row r="4" spans="2:409" ht="21" customHeight="1" thickBot="1" x14ac:dyDescent="0.25">
      <c r="B4" s="693" t="s">
        <v>42</v>
      </c>
      <c r="C4" s="696" t="s">
        <v>63</v>
      </c>
      <c r="D4" s="696"/>
      <c r="E4" s="696"/>
      <c r="F4" s="696"/>
      <c r="G4" s="696"/>
      <c r="H4" s="696"/>
      <c r="I4" s="696"/>
      <c r="J4" s="696"/>
      <c r="K4" s="696"/>
      <c r="L4" s="696"/>
      <c r="M4" s="696"/>
      <c r="N4" s="699"/>
      <c r="O4" s="699"/>
      <c r="P4" s="699"/>
      <c r="Q4" s="699"/>
      <c r="R4" s="699"/>
      <c r="S4" s="699"/>
      <c r="T4" s="699"/>
      <c r="U4" s="699"/>
      <c r="V4" s="699"/>
      <c r="W4" s="699"/>
      <c r="X4" s="699"/>
      <c r="Y4" s="699"/>
      <c r="Z4" s="699"/>
      <c r="AA4" s="699"/>
      <c r="AB4" s="699"/>
      <c r="AC4" s="699"/>
      <c r="AD4" s="699"/>
      <c r="AE4" s="699"/>
      <c r="AF4" s="699"/>
      <c r="AG4" s="699"/>
      <c r="AH4" s="699"/>
      <c r="AI4" s="699"/>
      <c r="AJ4" s="699"/>
      <c r="AK4" s="699"/>
      <c r="AL4" s="699"/>
      <c r="AM4" s="699"/>
      <c r="AN4" s="699"/>
      <c r="AO4" s="699"/>
      <c r="AP4" s="699"/>
      <c r="AQ4" s="699"/>
      <c r="AR4" s="699"/>
      <c r="AS4" s="699"/>
      <c r="AT4" s="699"/>
      <c r="AU4" s="699"/>
      <c r="AV4" s="699"/>
      <c r="AW4" s="699"/>
      <c r="AX4" s="699"/>
      <c r="AY4" s="699"/>
      <c r="AZ4" s="699"/>
      <c r="BA4" s="699"/>
      <c r="BB4" s="699"/>
      <c r="BC4" s="699"/>
      <c r="BD4" s="699"/>
      <c r="BE4" s="699"/>
      <c r="BF4" s="699"/>
      <c r="BG4" s="699"/>
      <c r="BH4" s="699"/>
      <c r="BI4" s="699"/>
      <c r="BJ4" s="699"/>
      <c r="BK4" s="699"/>
      <c r="BL4" s="699"/>
      <c r="BM4" s="699"/>
      <c r="BN4" s="699"/>
      <c r="BO4" s="699"/>
      <c r="BP4" s="699"/>
      <c r="BQ4" s="699"/>
      <c r="BR4" s="699"/>
      <c r="BS4" s="699"/>
      <c r="BT4" s="699"/>
      <c r="BU4" s="699"/>
      <c r="BV4" s="699"/>
      <c r="BW4" s="699"/>
      <c r="BX4" s="699"/>
      <c r="BY4" s="699"/>
      <c r="BZ4" s="699"/>
      <c r="CA4" s="699"/>
      <c r="CB4" s="699"/>
      <c r="CC4" s="699"/>
      <c r="CD4" s="699"/>
      <c r="CE4" s="699"/>
      <c r="CF4" s="699"/>
      <c r="CG4" s="699"/>
      <c r="CH4" s="699"/>
      <c r="CI4" s="699"/>
      <c r="CJ4" s="699"/>
      <c r="CK4" s="699"/>
      <c r="CL4" s="699"/>
      <c r="CM4" s="699"/>
      <c r="CN4" s="699"/>
      <c r="CO4" s="699"/>
      <c r="CP4" s="699"/>
      <c r="CQ4" s="699"/>
      <c r="CR4" s="699"/>
      <c r="CS4" s="699"/>
      <c r="CT4" s="699"/>
      <c r="CU4" s="699"/>
      <c r="CV4" s="699"/>
      <c r="CW4" s="699"/>
      <c r="CX4" s="699"/>
      <c r="CY4" s="699"/>
      <c r="CZ4" s="699"/>
      <c r="DA4" s="699"/>
      <c r="DB4" s="699"/>
      <c r="DC4" s="699"/>
      <c r="DD4" s="699"/>
      <c r="DE4" s="699"/>
      <c r="DF4" s="699"/>
      <c r="DG4" s="699"/>
      <c r="DH4" s="699"/>
      <c r="DI4" s="699"/>
      <c r="DJ4" s="699"/>
      <c r="DK4" s="699"/>
      <c r="DL4" s="699"/>
      <c r="DM4" s="699"/>
      <c r="DN4" s="699"/>
      <c r="DO4" s="699"/>
      <c r="DP4" s="699"/>
      <c r="DQ4" s="699"/>
      <c r="DR4" s="699"/>
      <c r="DS4" s="699"/>
      <c r="DT4" s="699"/>
      <c r="DU4" s="699"/>
      <c r="DV4" s="699"/>
      <c r="DW4" s="699"/>
      <c r="DX4" s="699"/>
      <c r="DY4" s="699"/>
      <c r="DZ4" s="699"/>
      <c r="EA4" s="699"/>
      <c r="EB4" s="699"/>
      <c r="EC4" s="699"/>
      <c r="ED4" s="699"/>
      <c r="EE4" s="699"/>
      <c r="EF4" s="699"/>
      <c r="EG4" s="699"/>
      <c r="EH4" s="699"/>
      <c r="EI4" s="699"/>
      <c r="EJ4" s="699"/>
      <c r="EK4" s="699"/>
      <c r="EL4" s="699"/>
      <c r="EM4" s="699"/>
      <c r="EN4" s="699"/>
      <c r="EO4" s="699"/>
      <c r="EP4" s="699"/>
      <c r="EQ4" s="699"/>
      <c r="ER4" s="699"/>
      <c r="ES4" s="699"/>
      <c r="ET4" s="699"/>
      <c r="EU4" s="699"/>
      <c r="EV4" s="699"/>
      <c r="EW4" s="699"/>
      <c r="EX4" s="699"/>
      <c r="EY4" s="699"/>
      <c r="EZ4" s="699"/>
      <c r="FA4" s="699"/>
      <c r="FB4" s="699"/>
      <c r="FC4" s="699"/>
      <c r="FD4" s="699"/>
      <c r="FE4" s="699"/>
      <c r="FF4" s="699"/>
      <c r="FG4" s="699"/>
      <c r="FH4" s="699"/>
      <c r="FI4" s="699"/>
      <c r="FJ4" s="699"/>
      <c r="FK4" s="699"/>
      <c r="FL4" s="699"/>
      <c r="FM4" s="699"/>
      <c r="FN4" s="699"/>
      <c r="FO4" s="699"/>
      <c r="FP4" s="699"/>
      <c r="FQ4" s="699"/>
      <c r="FR4" s="699"/>
      <c r="FS4" s="699"/>
      <c r="FT4" s="699"/>
      <c r="FU4" s="699"/>
      <c r="FV4" s="699"/>
      <c r="FW4" s="699"/>
      <c r="FX4" s="699"/>
      <c r="FY4" s="699"/>
      <c r="FZ4" s="699"/>
      <c r="GA4" s="699"/>
      <c r="GB4" s="699"/>
      <c r="GC4" s="699"/>
      <c r="GD4" s="699"/>
      <c r="GE4" s="699"/>
      <c r="GF4" s="699"/>
      <c r="GG4" s="699"/>
      <c r="GH4" s="699"/>
      <c r="GI4" s="699"/>
      <c r="GJ4" s="699"/>
      <c r="GK4" s="699"/>
      <c r="GL4" s="699"/>
      <c r="GM4" s="699"/>
      <c r="GN4" s="699"/>
      <c r="GO4" s="699"/>
      <c r="GP4" s="699"/>
      <c r="GQ4" s="699"/>
      <c r="GR4" s="699"/>
      <c r="GS4" s="699"/>
      <c r="GT4" s="699"/>
      <c r="GU4" s="699"/>
      <c r="GV4" s="699"/>
      <c r="GW4" s="699"/>
      <c r="GX4" s="699"/>
      <c r="GY4" s="699"/>
      <c r="GZ4" s="699"/>
      <c r="HA4" s="699"/>
      <c r="HB4" s="699"/>
      <c r="HC4" s="699"/>
      <c r="HD4" s="699"/>
      <c r="HE4" s="699"/>
      <c r="HF4" s="699"/>
      <c r="HG4" s="699"/>
      <c r="HH4" s="699"/>
      <c r="HI4" s="699"/>
      <c r="HJ4" s="699"/>
      <c r="HK4" s="699"/>
      <c r="HL4" s="699"/>
      <c r="HM4" s="699"/>
      <c r="HN4" s="699"/>
      <c r="HO4" s="699"/>
      <c r="HP4" s="699"/>
      <c r="HQ4" s="699"/>
      <c r="HR4" s="699"/>
      <c r="HS4" s="699"/>
      <c r="HT4" s="699"/>
      <c r="HU4" s="699"/>
      <c r="HV4" s="699"/>
      <c r="HW4" s="699"/>
      <c r="HX4" s="699"/>
      <c r="HY4" s="700"/>
      <c r="HZ4" s="653" t="s">
        <v>85</v>
      </c>
      <c r="IA4" s="654"/>
      <c r="IB4" s="654"/>
      <c r="IC4" s="654"/>
      <c r="ID4" s="654"/>
      <c r="IE4" s="654"/>
      <c r="IF4" s="654"/>
      <c r="IG4" s="654"/>
      <c r="IH4" s="654"/>
      <c r="II4" s="654"/>
      <c r="IJ4" s="654"/>
      <c r="IK4" s="654"/>
      <c r="IL4" s="654"/>
      <c r="IM4" s="654"/>
      <c r="IN4" s="654"/>
      <c r="IO4" s="654"/>
      <c r="IP4" s="654"/>
      <c r="IQ4" s="654"/>
      <c r="IR4" s="654"/>
      <c r="IS4" s="654"/>
      <c r="IT4" s="654"/>
      <c r="IU4" s="654"/>
      <c r="IV4" s="654"/>
      <c r="IW4" s="654"/>
      <c r="IX4" s="654"/>
      <c r="IY4" s="654"/>
      <c r="IZ4" s="654"/>
      <c r="JA4" s="654"/>
      <c r="JB4" s="654"/>
      <c r="JC4" s="654"/>
      <c r="JD4" s="654"/>
      <c r="JE4" s="654"/>
      <c r="JF4" s="654"/>
      <c r="JG4" s="654"/>
      <c r="JH4" s="654"/>
      <c r="JI4" s="654"/>
      <c r="JJ4" s="654"/>
      <c r="JK4" s="654"/>
      <c r="JL4" s="654"/>
      <c r="JM4" s="654"/>
      <c r="JN4" s="654"/>
      <c r="JO4" s="654"/>
      <c r="JP4" s="654"/>
      <c r="JQ4" s="654"/>
      <c r="JR4" s="654"/>
      <c r="JS4" s="654"/>
      <c r="JT4" s="654"/>
      <c r="JU4" s="654"/>
      <c r="JV4" s="654"/>
      <c r="JW4" s="654"/>
      <c r="JX4" s="654"/>
      <c r="JY4" s="654"/>
      <c r="JZ4" s="654"/>
      <c r="KA4" s="654"/>
      <c r="KB4" s="654"/>
      <c r="KC4" s="654"/>
      <c r="KD4" s="654"/>
      <c r="KE4" s="654"/>
      <c r="KF4" s="654"/>
      <c r="KG4" s="654"/>
      <c r="KH4" s="654"/>
      <c r="KI4" s="654"/>
      <c r="KJ4" s="654"/>
      <c r="KK4" s="654"/>
      <c r="KL4" s="654"/>
      <c r="KM4" s="654"/>
      <c r="KN4" s="654"/>
      <c r="KO4" s="654"/>
      <c r="KP4" s="654"/>
      <c r="KQ4" s="654"/>
      <c r="KR4" s="654"/>
      <c r="KS4" s="654"/>
      <c r="KT4" s="654"/>
      <c r="KU4" s="654"/>
      <c r="KV4" s="654"/>
      <c r="KW4" s="654"/>
      <c r="KX4" s="654"/>
      <c r="KY4" s="654"/>
      <c r="KZ4" s="654"/>
      <c r="LA4" s="654"/>
      <c r="LB4" s="654"/>
      <c r="LC4" s="654"/>
      <c r="LD4" s="654"/>
      <c r="LE4" s="654"/>
      <c r="LF4" s="654"/>
      <c r="LG4" s="654"/>
      <c r="LH4" s="654"/>
      <c r="LI4" s="654"/>
      <c r="LJ4" s="654"/>
      <c r="LK4" s="654"/>
      <c r="LL4" s="654"/>
      <c r="LM4" s="654"/>
      <c r="LN4" s="654"/>
      <c r="LO4" s="654"/>
      <c r="LP4" s="654"/>
      <c r="LQ4" s="654"/>
      <c r="LR4" s="654"/>
      <c r="LS4" s="654"/>
      <c r="LT4" s="654"/>
      <c r="LU4" s="654"/>
      <c r="LV4" s="654"/>
      <c r="LW4" s="654"/>
      <c r="LX4" s="654"/>
      <c r="LY4" s="654"/>
      <c r="LZ4" s="654"/>
      <c r="MA4" s="654"/>
      <c r="MB4" s="654"/>
      <c r="MC4" s="654"/>
      <c r="MD4" s="654"/>
      <c r="ME4" s="655"/>
      <c r="MF4" s="653" t="s">
        <v>86</v>
      </c>
      <c r="MG4" s="654"/>
      <c r="MH4" s="654"/>
      <c r="MI4" s="654"/>
      <c r="MJ4" s="654"/>
      <c r="MK4" s="654"/>
      <c r="ML4" s="654"/>
      <c r="MM4" s="654"/>
      <c r="MN4" s="654"/>
      <c r="MO4" s="654"/>
      <c r="MP4" s="654"/>
      <c r="MQ4" s="654"/>
      <c r="MR4" s="654"/>
      <c r="MS4" s="654"/>
      <c r="MT4" s="654"/>
      <c r="MU4" s="654"/>
      <c r="MV4" s="654"/>
      <c r="MW4" s="654"/>
      <c r="MX4" s="654"/>
      <c r="MY4" s="654"/>
      <c r="MZ4" s="654"/>
      <c r="NA4" s="654"/>
      <c r="NB4" s="654"/>
      <c r="NC4" s="654"/>
      <c r="ND4" s="654"/>
      <c r="NE4" s="654"/>
      <c r="NF4" s="654"/>
      <c r="NG4" s="654"/>
      <c r="NH4" s="654"/>
      <c r="NI4" s="654"/>
      <c r="NJ4" s="654"/>
      <c r="NK4" s="654"/>
      <c r="NL4" s="654"/>
      <c r="NM4" s="654"/>
      <c r="NN4" s="654"/>
      <c r="NO4" s="654"/>
      <c r="NP4" s="654"/>
      <c r="NQ4" s="654"/>
      <c r="NR4" s="654"/>
      <c r="NS4" s="654"/>
      <c r="NT4" s="654"/>
      <c r="NU4" s="654"/>
      <c r="NV4" s="654"/>
      <c r="NW4" s="654"/>
      <c r="NX4" s="654"/>
      <c r="NY4" s="654"/>
      <c r="NZ4" s="654"/>
      <c r="OA4" s="654"/>
      <c r="OB4" s="654"/>
      <c r="OC4" s="654"/>
      <c r="OD4" s="654"/>
      <c r="OE4" s="654"/>
      <c r="OF4" s="654"/>
      <c r="OG4" s="654"/>
      <c r="OH4" s="655"/>
      <c r="OI4" s="608" t="s">
        <v>60</v>
      </c>
      <c r="OJ4" s="518"/>
      <c r="OK4" s="518"/>
      <c r="OL4" s="518"/>
      <c r="OM4" s="518"/>
      <c r="ON4" s="518"/>
      <c r="OO4" s="518"/>
      <c r="OP4" s="518"/>
      <c r="OQ4" s="518"/>
      <c r="OR4" s="518"/>
      <c r="OS4" s="519"/>
    </row>
    <row r="5" spans="2:409" ht="21" customHeight="1" thickBot="1" x14ac:dyDescent="0.25">
      <c r="B5" s="694"/>
      <c r="C5" s="697"/>
      <c r="D5" s="697"/>
      <c r="E5" s="697"/>
      <c r="F5" s="697"/>
      <c r="G5" s="697"/>
      <c r="H5" s="697"/>
      <c r="I5" s="697"/>
      <c r="J5" s="697"/>
      <c r="K5" s="697"/>
      <c r="L5" s="697"/>
      <c r="M5" s="697"/>
      <c r="N5" s="701" t="s">
        <v>64</v>
      </c>
      <c r="O5" s="702"/>
      <c r="P5" s="702"/>
      <c r="Q5" s="702"/>
      <c r="R5" s="702"/>
      <c r="S5" s="702"/>
      <c r="T5" s="702"/>
      <c r="U5" s="702"/>
      <c r="V5" s="702"/>
      <c r="W5" s="702"/>
      <c r="X5" s="702"/>
      <c r="Y5" s="702"/>
      <c r="Z5" s="702"/>
      <c r="AA5" s="702"/>
      <c r="AB5" s="702"/>
      <c r="AC5" s="702"/>
      <c r="AD5" s="702"/>
      <c r="AE5" s="702"/>
      <c r="AF5" s="702"/>
      <c r="AG5" s="702"/>
      <c r="AH5" s="702"/>
      <c r="AI5" s="702"/>
      <c r="AJ5" s="702"/>
      <c r="AK5" s="702"/>
      <c r="AL5" s="702"/>
      <c r="AM5" s="702"/>
      <c r="AN5" s="702"/>
      <c r="AO5" s="702"/>
      <c r="AP5" s="702"/>
      <c r="AQ5" s="702"/>
      <c r="AR5" s="702"/>
      <c r="AS5" s="702"/>
      <c r="AT5" s="702"/>
      <c r="AU5" s="702"/>
      <c r="AV5" s="702"/>
      <c r="AW5" s="702"/>
      <c r="AX5" s="702"/>
      <c r="AY5" s="702"/>
      <c r="AZ5" s="702"/>
      <c r="BA5" s="702"/>
      <c r="BB5" s="702"/>
      <c r="BC5" s="702"/>
      <c r="BD5" s="702"/>
      <c r="BE5" s="702"/>
      <c r="BF5" s="702"/>
      <c r="BG5" s="702"/>
      <c r="BH5" s="702"/>
      <c r="BI5" s="702"/>
      <c r="BJ5" s="702"/>
      <c r="BK5" s="702"/>
      <c r="BL5" s="702"/>
      <c r="BM5" s="702"/>
      <c r="BN5" s="702"/>
      <c r="BO5" s="702"/>
      <c r="BP5" s="702"/>
      <c r="BQ5" s="702"/>
      <c r="BR5" s="702"/>
      <c r="BS5" s="702"/>
      <c r="BT5" s="702"/>
      <c r="BU5" s="702"/>
      <c r="BV5" s="702"/>
      <c r="BW5" s="702"/>
      <c r="BX5" s="702"/>
      <c r="BY5" s="702"/>
      <c r="BZ5" s="702"/>
      <c r="CA5" s="703"/>
      <c r="CB5" s="701" t="s">
        <v>65</v>
      </c>
      <c r="CC5" s="702"/>
      <c r="CD5" s="702"/>
      <c r="CE5" s="702"/>
      <c r="CF5" s="702"/>
      <c r="CG5" s="702"/>
      <c r="CH5" s="702"/>
      <c r="CI5" s="702"/>
      <c r="CJ5" s="702"/>
      <c r="CK5" s="702"/>
      <c r="CL5" s="702"/>
      <c r="CM5" s="702"/>
      <c r="CN5" s="702"/>
      <c r="CO5" s="702"/>
      <c r="CP5" s="702"/>
      <c r="CQ5" s="702"/>
      <c r="CR5" s="702"/>
      <c r="CS5" s="702"/>
      <c r="CT5" s="702"/>
      <c r="CU5" s="702"/>
      <c r="CV5" s="702"/>
      <c r="CW5" s="702"/>
      <c r="CX5" s="702"/>
      <c r="CY5" s="702"/>
      <c r="CZ5" s="702"/>
      <c r="DA5" s="702"/>
      <c r="DB5" s="702"/>
      <c r="DC5" s="702"/>
      <c r="DD5" s="702"/>
      <c r="DE5" s="702"/>
      <c r="DF5" s="702"/>
      <c r="DG5" s="702"/>
      <c r="DH5" s="703"/>
      <c r="DI5" s="522" t="s">
        <v>66</v>
      </c>
      <c r="DJ5" s="523"/>
      <c r="DK5" s="523"/>
      <c r="DL5" s="523"/>
      <c r="DM5" s="523"/>
      <c r="DN5" s="523"/>
      <c r="DO5" s="523"/>
      <c r="DP5" s="523"/>
      <c r="DQ5" s="523"/>
      <c r="DR5" s="523"/>
      <c r="DS5" s="523"/>
      <c r="DT5" s="523"/>
      <c r="DU5" s="523"/>
      <c r="DV5" s="523"/>
      <c r="DW5" s="523"/>
      <c r="DX5" s="523"/>
      <c r="DY5" s="523"/>
      <c r="DZ5" s="523"/>
      <c r="EA5" s="523"/>
      <c r="EB5" s="523"/>
      <c r="EC5" s="523"/>
      <c r="ED5" s="523"/>
      <c r="EE5" s="523"/>
      <c r="EF5" s="523"/>
      <c r="EG5" s="523"/>
      <c r="EH5" s="523"/>
      <c r="EI5" s="523"/>
      <c r="EJ5" s="523"/>
      <c r="EK5" s="523"/>
      <c r="EL5" s="523"/>
      <c r="EM5" s="523"/>
      <c r="EN5" s="523"/>
      <c r="EO5" s="523"/>
      <c r="EP5" s="523"/>
      <c r="EQ5" s="523"/>
      <c r="ER5" s="523"/>
      <c r="ES5" s="523"/>
      <c r="ET5" s="523"/>
      <c r="EU5" s="523"/>
      <c r="EV5" s="523"/>
      <c r="EW5" s="523"/>
      <c r="EX5" s="523"/>
      <c r="EY5" s="523"/>
      <c r="EZ5" s="523"/>
      <c r="FA5" s="523"/>
      <c r="FB5" s="523"/>
      <c r="FC5" s="523"/>
      <c r="FD5" s="523"/>
      <c r="FE5" s="523"/>
      <c r="FF5" s="523"/>
      <c r="FG5" s="523"/>
      <c r="FH5" s="523"/>
      <c r="FI5" s="523"/>
      <c r="FJ5" s="523"/>
      <c r="FK5" s="524"/>
      <c r="FL5" s="701" t="s">
        <v>67</v>
      </c>
      <c r="FM5" s="702"/>
      <c r="FN5" s="702"/>
      <c r="FO5" s="702"/>
      <c r="FP5" s="702"/>
      <c r="FQ5" s="702"/>
      <c r="FR5" s="702"/>
      <c r="FS5" s="702"/>
      <c r="FT5" s="702"/>
      <c r="FU5" s="702"/>
      <c r="FV5" s="702"/>
      <c r="FW5" s="702"/>
      <c r="FX5" s="702"/>
      <c r="FY5" s="702"/>
      <c r="FZ5" s="702"/>
      <c r="GA5" s="702"/>
      <c r="GB5" s="702"/>
      <c r="GC5" s="702"/>
      <c r="GD5" s="702"/>
      <c r="GE5" s="702"/>
      <c r="GF5" s="702"/>
      <c r="GG5" s="702"/>
      <c r="GH5" s="702"/>
      <c r="GI5" s="702"/>
      <c r="GJ5" s="702"/>
      <c r="GK5" s="702"/>
      <c r="GL5" s="702"/>
      <c r="GM5" s="702"/>
      <c r="GN5" s="702"/>
      <c r="GO5" s="702"/>
      <c r="GP5" s="702"/>
      <c r="GQ5" s="702"/>
      <c r="GR5" s="702"/>
      <c r="GS5" s="702"/>
      <c r="GT5" s="702"/>
      <c r="GU5" s="702"/>
      <c r="GV5" s="702"/>
      <c r="GW5" s="702"/>
      <c r="GX5" s="702"/>
      <c r="GY5" s="702"/>
      <c r="GZ5" s="702"/>
      <c r="HA5" s="702"/>
      <c r="HB5" s="702"/>
      <c r="HC5" s="703"/>
      <c r="HD5" s="704" t="s">
        <v>68</v>
      </c>
      <c r="HE5" s="705"/>
      <c r="HF5" s="705"/>
      <c r="HG5" s="705"/>
      <c r="HH5" s="705"/>
      <c r="HI5" s="705"/>
      <c r="HJ5" s="705"/>
      <c r="HK5" s="705"/>
      <c r="HL5" s="705"/>
      <c r="HM5" s="705"/>
      <c r="HN5" s="706"/>
      <c r="HO5" s="704" t="s">
        <v>69</v>
      </c>
      <c r="HP5" s="705"/>
      <c r="HQ5" s="705"/>
      <c r="HR5" s="705"/>
      <c r="HS5" s="705"/>
      <c r="HT5" s="705"/>
      <c r="HU5" s="705"/>
      <c r="HV5" s="705"/>
      <c r="HW5" s="705"/>
      <c r="HX5" s="705"/>
      <c r="HY5" s="706"/>
      <c r="HZ5" s="632"/>
      <c r="IA5" s="633"/>
      <c r="IB5" s="633"/>
      <c r="IC5" s="633"/>
      <c r="ID5" s="633"/>
      <c r="IE5" s="633"/>
      <c r="IF5" s="633"/>
      <c r="IG5" s="633"/>
      <c r="IH5" s="633"/>
      <c r="II5" s="633"/>
      <c r="IJ5" s="634"/>
      <c r="IK5" s="608" t="s">
        <v>94</v>
      </c>
      <c r="IL5" s="518"/>
      <c r="IM5" s="518"/>
      <c r="IN5" s="518"/>
      <c r="IO5" s="518"/>
      <c r="IP5" s="518"/>
      <c r="IQ5" s="518"/>
      <c r="IR5" s="518"/>
      <c r="IS5" s="518"/>
      <c r="IT5" s="518"/>
      <c r="IU5" s="519"/>
      <c r="IV5" s="608" t="s">
        <v>88</v>
      </c>
      <c r="IW5" s="518"/>
      <c r="IX5" s="518"/>
      <c r="IY5" s="518"/>
      <c r="IZ5" s="518"/>
      <c r="JA5" s="518"/>
      <c r="JB5" s="518"/>
      <c r="JC5" s="518"/>
      <c r="JD5" s="518"/>
      <c r="JE5" s="518"/>
      <c r="JF5" s="519"/>
      <c r="JG5" s="638" t="s">
        <v>142</v>
      </c>
      <c r="JH5" s="639"/>
      <c r="JI5" s="639"/>
      <c r="JJ5" s="639"/>
      <c r="JK5" s="639"/>
      <c r="JL5" s="639"/>
      <c r="JM5" s="639"/>
      <c r="JN5" s="639"/>
      <c r="JO5" s="639"/>
      <c r="JP5" s="639"/>
      <c r="JQ5" s="640"/>
      <c r="JR5" s="608" t="s">
        <v>90</v>
      </c>
      <c r="JS5" s="518"/>
      <c r="JT5" s="518"/>
      <c r="JU5" s="518"/>
      <c r="JV5" s="518"/>
      <c r="JW5" s="518"/>
      <c r="JX5" s="518"/>
      <c r="JY5" s="518"/>
      <c r="JZ5" s="518"/>
      <c r="KA5" s="518"/>
      <c r="KB5" s="519"/>
      <c r="KC5" s="608" t="s">
        <v>89</v>
      </c>
      <c r="KD5" s="518"/>
      <c r="KE5" s="518"/>
      <c r="KF5" s="518"/>
      <c r="KG5" s="518"/>
      <c r="KH5" s="518"/>
      <c r="KI5" s="518"/>
      <c r="KJ5" s="518"/>
      <c r="KK5" s="518"/>
      <c r="KL5" s="518"/>
      <c r="KM5" s="519"/>
      <c r="KN5" s="608" t="s">
        <v>91</v>
      </c>
      <c r="KO5" s="518"/>
      <c r="KP5" s="518"/>
      <c r="KQ5" s="518"/>
      <c r="KR5" s="518"/>
      <c r="KS5" s="518"/>
      <c r="KT5" s="518"/>
      <c r="KU5" s="518"/>
      <c r="KV5" s="518"/>
      <c r="KW5" s="518"/>
      <c r="KX5" s="519"/>
      <c r="KY5" s="608" t="s">
        <v>92</v>
      </c>
      <c r="KZ5" s="518"/>
      <c r="LA5" s="518"/>
      <c r="LB5" s="518"/>
      <c r="LC5" s="518"/>
      <c r="LD5" s="518"/>
      <c r="LE5" s="518"/>
      <c r="LF5" s="518"/>
      <c r="LG5" s="518"/>
      <c r="LH5" s="518"/>
      <c r="LI5" s="519"/>
      <c r="LJ5" s="644" t="s">
        <v>93</v>
      </c>
      <c r="LK5" s="645"/>
      <c r="LL5" s="645"/>
      <c r="LM5" s="645"/>
      <c r="LN5" s="645"/>
      <c r="LO5" s="645"/>
      <c r="LP5" s="645"/>
      <c r="LQ5" s="645"/>
      <c r="LR5" s="645"/>
      <c r="LS5" s="645"/>
      <c r="LT5" s="646"/>
      <c r="LU5" s="647" t="s">
        <v>143</v>
      </c>
      <c r="LV5" s="648"/>
      <c r="LW5" s="648"/>
      <c r="LX5" s="648"/>
      <c r="LY5" s="648"/>
      <c r="LZ5" s="648"/>
      <c r="MA5" s="648"/>
      <c r="MB5" s="648"/>
      <c r="MC5" s="648"/>
      <c r="MD5" s="648"/>
      <c r="ME5" s="649"/>
      <c r="MF5" s="632"/>
      <c r="MG5" s="633"/>
      <c r="MH5" s="633"/>
      <c r="MI5" s="633"/>
      <c r="MJ5" s="633"/>
      <c r="MK5" s="633"/>
      <c r="ML5" s="633"/>
      <c r="MM5" s="633"/>
      <c r="MN5" s="633"/>
      <c r="MO5" s="633"/>
      <c r="MP5" s="634"/>
      <c r="MQ5" s="608" t="s">
        <v>57</v>
      </c>
      <c r="MR5" s="518"/>
      <c r="MS5" s="518"/>
      <c r="MT5" s="518"/>
      <c r="MU5" s="518"/>
      <c r="MV5" s="518"/>
      <c r="MW5" s="518"/>
      <c r="MX5" s="518"/>
      <c r="MY5" s="518"/>
      <c r="MZ5" s="518"/>
      <c r="NA5" s="519"/>
      <c r="NB5" s="608" t="s">
        <v>58</v>
      </c>
      <c r="NC5" s="518"/>
      <c r="ND5" s="518"/>
      <c r="NE5" s="518"/>
      <c r="NF5" s="518"/>
      <c r="NG5" s="518"/>
      <c r="NH5" s="518"/>
      <c r="NI5" s="518"/>
      <c r="NJ5" s="518"/>
      <c r="NK5" s="518"/>
      <c r="NL5" s="519"/>
      <c r="NM5" s="608" t="s">
        <v>59</v>
      </c>
      <c r="NN5" s="518"/>
      <c r="NO5" s="518"/>
      <c r="NP5" s="518"/>
      <c r="NQ5" s="518"/>
      <c r="NR5" s="518"/>
      <c r="NS5" s="518"/>
      <c r="NT5" s="518"/>
      <c r="NU5" s="518"/>
      <c r="NV5" s="518"/>
      <c r="NW5" s="519"/>
      <c r="NX5" s="657" t="s">
        <v>149</v>
      </c>
      <c r="NY5" s="658"/>
      <c r="NZ5" s="658"/>
      <c r="OA5" s="658"/>
      <c r="OB5" s="658"/>
      <c r="OC5" s="658"/>
      <c r="OD5" s="658"/>
      <c r="OE5" s="658"/>
      <c r="OF5" s="658"/>
      <c r="OG5" s="658"/>
      <c r="OH5" s="659"/>
      <c r="OI5" s="629"/>
      <c r="OJ5" s="630"/>
      <c r="OK5" s="630"/>
      <c r="OL5" s="630"/>
      <c r="OM5" s="630"/>
      <c r="ON5" s="630"/>
      <c r="OO5" s="630"/>
      <c r="OP5" s="630"/>
      <c r="OQ5" s="630"/>
      <c r="OR5" s="630"/>
      <c r="OS5" s="631"/>
    </row>
    <row r="6" spans="2:409" ht="21" customHeight="1" thickBot="1" x14ac:dyDescent="0.25">
      <c r="B6" s="694"/>
      <c r="C6" s="698"/>
      <c r="D6" s="698"/>
      <c r="E6" s="698"/>
      <c r="F6" s="698"/>
      <c r="G6" s="698"/>
      <c r="H6" s="698"/>
      <c r="I6" s="698"/>
      <c r="J6" s="698"/>
      <c r="K6" s="698"/>
      <c r="L6" s="698"/>
      <c r="M6" s="698"/>
      <c r="N6" s="531"/>
      <c r="O6" s="532"/>
      <c r="P6" s="532"/>
      <c r="Q6" s="532"/>
      <c r="R6" s="532"/>
      <c r="S6" s="532"/>
      <c r="T6" s="532"/>
      <c r="U6" s="532"/>
      <c r="V6" s="532"/>
      <c r="W6" s="532"/>
      <c r="X6" s="533"/>
      <c r="Y6" s="713" t="s">
        <v>70</v>
      </c>
      <c r="Z6" s="535"/>
      <c r="AA6" s="535"/>
      <c r="AB6" s="535"/>
      <c r="AC6" s="535"/>
      <c r="AD6" s="535"/>
      <c r="AE6" s="535"/>
      <c r="AF6" s="535"/>
      <c r="AG6" s="535"/>
      <c r="AH6" s="535"/>
      <c r="AI6" s="536"/>
      <c r="AJ6" s="710" t="s">
        <v>71</v>
      </c>
      <c r="AK6" s="711"/>
      <c r="AL6" s="711"/>
      <c r="AM6" s="711"/>
      <c r="AN6" s="711"/>
      <c r="AO6" s="711"/>
      <c r="AP6" s="711"/>
      <c r="AQ6" s="711"/>
      <c r="AR6" s="711"/>
      <c r="AS6" s="711"/>
      <c r="AT6" s="712"/>
      <c r="AU6" s="710" t="s">
        <v>72</v>
      </c>
      <c r="AV6" s="711"/>
      <c r="AW6" s="711"/>
      <c r="AX6" s="711"/>
      <c r="AY6" s="711"/>
      <c r="AZ6" s="711"/>
      <c r="BA6" s="711"/>
      <c r="BB6" s="711"/>
      <c r="BC6" s="711"/>
      <c r="BD6" s="711"/>
      <c r="BE6" s="712"/>
      <c r="BF6" s="710" t="s">
        <v>73</v>
      </c>
      <c r="BG6" s="711"/>
      <c r="BH6" s="711"/>
      <c r="BI6" s="711"/>
      <c r="BJ6" s="711"/>
      <c r="BK6" s="711"/>
      <c r="BL6" s="711"/>
      <c r="BM6" s="711"/>
      <c r="BN6" s="711"/>
      <c r="BO6" s="711"/>
      <c r="BP6" s="712"/>
      <c r="BQ6" s="710" t="s">
        <v>74</v>
      </c>
      <c r="BR6" s="711"/>
      <c r="BS6" s="711"/>
      <c r="BT6" s="711"/>
      <c r="BU6" s="711"/>
      <c r="BV6" s="711"/>
      <c r="BW6" s="711"/>
      <c r="BX6" s="711"/>
      <c r="BY6" s="711"/>
      <c r="BZ6" s="711"/>
      <c r="CA6" s="712"/>
      <c r="CB6" s="714"/>
      <c r="CC6" s="715"/>
      <c r="CD6" s="715"/>
      <c r="CE6" s="715"/>
      <c r="CF6" s="715"/>
      <c r="CG6" s="715"/>
      <c r="CH6" s="715"/>
      <c r="CI6" s="715"/>
      <c r="CJ6" s="715"/>
      <c r="CK6" s="715"/>
      <c r="CL6" s="716"/>
      <c r="CM6" s="710" t="s">
        <v>75</v>
      </c>
      <c r="CN6" s="711"/>
      <c r="CO6" s="711"/>
      <c r="CP6" s="711"/>
      <c r="CQ6" s="711"/>
      <c r="CR6" s="711"/>
      <c r="CS6" s="711"/>
      <c r="CT6" s="711"/>
      <c r="CU6" s="711"/>
      <c r="CV6" s="711"/>
      <c r="CW6" s="712"/>
      <c r="CX6" s="710" t="s">
        <v>76</v>
      </c>
      <c r="CY6" s="711"/>
      <c r="CZ6" s="711"/>
      <c r="DA6" s="711"/>
      <c r="DB6" s="711"/>
      <c r="DC6" s="711"/>
      <c r="DD6" s="711"/>
      <c r="DE6" s="711"/>
      <c r="DF6" s="711"/>
      <c r="DG6" s="711"/>
      <c r="DH6" s="712"/>
      <c r="DI6" s="714"/>
      <c r="DJ6" s="715"/>
      <c r="DK6" s="715"/>
      <c r="DL6" s="715"/>
      <c r="DM6" s="715"/>
      <c r="DN6" s="715"/>
      <c r="DO6" s="715"/>
      <c r="DP6" s="715"/>
      <c r="DQ6" s="715"/>
      <c r="DR6" s="715"/>
      <c r="DS6" s="715"/>
      <c r="DT6" s="710" t="s">
        <v>77</v>
      </c>
      <c r="DU6" s="711"/>
      <c r="DV6" s="711"/>
      <c r="DW6" s="711"/>
      <c r="DX6" s="711"/>
      <c r="DY6" s="711"/>
      <c r="DZ6" s="711"/>
      <c r="EA6" s="711"/>
      <c r="EB6" s="711"/>
      <c r="EC6" s="711"/>
      <c r="ED6" s="712"/>
      <c r="EE6" s="710" t="s">
        <v>78</v>
      </c>
      <c r="EF6" s="711"/>
      <c r="EG6" s="711"/>
      <c r="EH6" s="711"/>
      <c r="EI6" s="711"/>
      <c r="EJ6" s="711"/>
      <c r="EK6" s="711"/>
      <c r="EL6" s="711"/>
      <c r="EM6" s="711"/>
      <c r="EN6" s="711"/>
      <c r="EO6" s="712"/>
      <c r="EP6" s="710" t="s">
        <v>79</v>
      </c>
      <c r="EQ6" s="711"/>
      <c r="ER6" s="711"/>
      <c r="ES6" s="711"/>
      <c r="ET6" s="711"/>
      <c r="EU6" s="711"/>
      <c r="EV6" s="711"/>
      <c r="EW6" s="711"/>
      <c r="EX6" s="711"/>
      <c r="EY6" s="711"/>
      <c r="EZ6" s="712"/>
      <c r="FA6" s="691" t="s">
        <v>150</v>
      </c>
      <c r="FB6" s="711"/>
      <c r="FC6" s="711"/>
      <c r="FD6" s="711"/>
      <c r="FE6" s="711"/>
      <c r="FF6" s="711"/>
      <c r="FG6" s="711"/>
      <c r="FH6" s="711"/>
      <c r="FI6" s="711"/>
      <c r="FJ6" s="711"/>
      <c r="FK6" s="712"/>
      <c r="FL6" s="714"/>
      <c r="FM6" s="715"/>
      <c r="FN6" s="715"/>
      <c r="FO6" s="715"/>
      <c r="FP6" s="715"/>
      <c r="FQ6" s="715"/>
      <c r="FR6" s="715"/>
      <c r="FS6" s="715"/>
      <c r="FT6" s="715"/>
      <c r="FU6" s="715"/>
      <c r="FV6" s="715"/>
      <c r="FW6" s="710" t="s">
        <v>80</v>
      </c>
      <c r="FX6" s="711"/>
      <c r="FY6" s="711"/>
      <c r="FZ6" s="711"/>
      <c r="GA6" s="711"/>
      <c r="GB6" s="711"/>
      <c r="GC6" s="711"/>
      <c r="GD6" s="711"/>
      <c r="GE6" s="711"/>
      <c r="GF6" s="711"/>
      <c r="GG6" s="712"/>
      <c r="GH6" s="713" t="s">
        <v>81</v>
      </c>
      <c r="GI6" s="535"/>
      <c r="GJ6" s="535"/>
      <c r="GK6" s="535"/>
      <c r="GL6" s="535"/>
      <c r="GM6" s="535"/>
      <c r="GN6" s="535"/>
      <c r="GO6" s="535"/>
      <c r="GP6" s="535"/>
      <c r="GQ6" s="535"/>
      <c r="GR6" s="536"/>
      <c r="GS6" s="713" t="s">
        <v>82</v>
      </c>
      <c r="GT6" s="535"/>
      <c r="GU6" s="535"/>
      <c r="GV6" s="535"/>
      <c r="GW6" s="535"/>
      <c r="GX6" s="535"/>
      <c r="GY6" s="535"/>
      <c r="GZ6" s="535"/>
      <c r="HA6" s="535"/>
      <c r="HB6" s="535"/>
      <c r="HC6" s="536"/>
      <c r="HD6" s="707"/>
      <c r="HE6" s="708"/>
      <c r="HF6" s="708"/>
      <c r="HG6" s="708"/>
      <c r="HH6" s="708"/>
      <c r="HI6" s="708"/>
      <c r="HJ6" s="708"/>
      <c r="HK6" s="708"/>
      <c r="HL6" s="708"/>
      <c r="HM6" s="708"/>
      <c r="HN6" s="709"/>
      <c r="HO6" s="707"/>
      <c r="HP6" s="708"/>
      <c r="HQ6" s="708"/>
      <c r="HR6" s="708"/>
      <c r="HS6" s="708"/>
      <c r="HT6" s="708"/>
      <c r="HU6" s="708"/>
      <c r="HV6" s="708"/>
      <c r="HW6" s="708"/>
      <c r="HX6" s="708"/>
      <c r="HY6" s="709"/>
      <c r="HZ6" s="635"/>
      <c r="IA6" s="636"/>
      <c r="IB6" s="636"/>
      <c r="IC6" s="636"/>
      <c r="ID6" s="636"/>
      <c r="IE6" s="636"/>
      <c r="IF6" s="636"/>
      <c r="IG6" s="636"/>
      <c r="IH6" s="636"/>
      <c r="II6" s="636"/>
      <c r="IJ6" s="637"/>
      <c r="IK6" s="609"/>
      <c r="IL6" s="600"/>
      <c r="IM6" s="600"/>
      <c r="IN6" s="600"/>
      <c r="IO6" s="600"/>
      <c r="IP6" s="600"/>
      <c r="IQ6" s="600"/>
      <c r="IR6" s="600"/>
      <c r="IS6" s="600"/>
      <c r="IT6" s="600"/>
      <c r="IU6" s="610"/>
      <c r="IV6" s="609"/>
      <c r="IW6" s="600"/>
      <c r="IX6" s="600"/>
      <c r="IY6" s="600"/>
      <c r="IZ6" s="600"/>
      <c r="JA6" s="600"/>
      <c r="JB6" s="600"/>
      <c r="JC6" s="600"/>
      <c r="JD6" s="600"/>
      <c r="JE6" s="600"/>
      <c r="JF6" s="610"/>
      <c r="JG6" s="641"/>
      <c r="JH6" s="642"/>
      <c r="JI6" s="642"/>
      <c r="JJ6" s="642"/>
      <c r="JK6" s="642"/>
      <c r="JL6" s="642"/>
      <c r="JM6" s="642"/>
      <c r="JN6" s="642"/>
      <c r="JO6" s="642"/>
      <c r="JP6" s="642"/>
      <c r="JQ6" s="643"/>
      <c r="JR6" s="609"/>
      <c r="JS6" s="600"/>
      <c r="JT6" s="600"/>
      <c r="JU6" s="600"/>
      <c r="JV6" s="600"/>
      <c r="JW6" s="600"/>
      <c r="JX6" s="600"/>
      <c r="JY6" s="600"/>
      <c r="JZ6" s="600"/>
      <c r="KA6" s="600"/>
      <c r="KB6" s="610"/>
      <c r="KC6" s="609"/>
      <c r="KD6" s="600"/>
      <c r="KE6" s="600"/>
      <c r="KF6" s="600"/>
      <c r="KG6" s="600"/>
      <c r="KH6" s="600"/>
      <c r="KI6" s="600"/>
      <c r="KJ6" s="600"/>
      <c r="KK6" s="600"/>
      <c r="KL6" s="600"/>
      <c r="KM6" s="610"/>
      <c r="KN6" s="609"/>
      <c r="KO6" s="600"/>
      <c r="KP6" s="600"/>
      <c r="KQ6" s="600"/>
      <c r="KR6" s="600"/>
      <c r="KS6" s="600"/>
      <c r="KT6" s="600"/>
      <c r="KU6" s="600"/>
      <c r="KV6" s="600"/>
      <c r="KW6" s="600"/>
      <c r="KX6" s="610"/>
      <c r="KY6" s="609"/>
      <c r="KZ6" s="600"/>
      <c r="LA6" s="600"/>
      <c r="LB6" s="600"/>
      <c r="LC6" s="600"/>
      <c r="LD6" s="600"/>
      <c r="LE6" s="600"/>
      <c r="LF6" s="600"/>
      <c r="LG6" s="600"/>
      <c r="LH6" s="600"/>
      <c r="LI6" s="610"/>
      <c r="LJ6" s="635"/>
      <c r="LK6" s="636"/>
      <c r="LL6" s="636"/>
      <c r="LM6" s="636"/>
      <c r="LN6" s="636"/>
      <c r="LO6" s="636"/>
      <c r="LP6" s="636"/>
      <c r="LQ6" s="636"/>
      <c r="LR6" s="636"/>
      <c r="LS6" s="636"/>
      <c r="LT6" s="637"/>
      <c r="LU6" s="650"/>
      <c r="LV6" s="651"/>
      <c r="LW6" s="651"/>
      <c r="LX6" s="651"/>
      <c r="LY6" s="651"/>
      <c r="LZ6" s="651"/>
      <c r="MA6" s="651"/>
      <c r="MB6" s="651"/>
      <c r="MC6" s="651"/>
      <c r="MD6" s="651"/>
      <c r="ME6" s="652"/>
      <c r="MF6" s="635"/>
      <c r="MG6" s="636"/>
      <c r="MH6" s="636"/>
      <c r="MI6" s="636"/>
      <c r="MJ6" s="636"/>
      <c r="MK6" s="636"/>
      <c r="ML6" s="636"/>
      <c r="MM6" s="636"/>
      <c r="MN6" s="636"/>
      <c r="MO6" s="636"/>
      <c r="MP6" s="637"/>
      <c r="MQ6" s="609"/>
      <c r="MR6" s="600"/>
      <c r="MS6" s="600"/>
      <c r="MT6" s="600"/>
      <c r="MU6" s="600"/>
      <c r="MV6" s="600"/>
      <c r="MW6" s="600"/>
      <c r="MX6" s="600"/>
      <c r="MY6" s="600"/>
      <c r="MZ6" s="600"/>
      <c r="NA6" s="610"/>
      <c r="NB6" s="609"/>
      <c r="NC6" s="600"/>
      <c r="ND6" s="600"/>
      <c r="NE6" s="600"/>
      <c r="NF6" s="600"/>
      <c r="NG6" s="600"/>
      <c r="NH6" s="600"/>
      <c r="NI6" s="600"/>
      <c r="NJ6" s="600"/>
      <c r="NK6" s="600"/>
      <c r="NL6" s="610"/>
      <c r="NM6" s="609"/>
      <c r="NN6" s="600"/>
      <c r="NO6" s="600"/>
      <c r="NP6" s="600"/>
      <c r="NQ6" s="600"/>
      <c r="NR6" s="600"/>
      <c r="NS6" s="600"/>
      <c r="NT6" s="600"/>
      <c r="NU6" s="600"/>
      <c r="NV6" s="600"/>
      <c r="NW6" s="610"/>
      <c r="NX6" s="660"/>
      <c r="NY6" s="661"/>
      <c r="NZ6" s="661"/>
      <c r="OA6" s="661"/>
      <c r="OB6" s="661"/>
      <c r="OC6" s="661"/>
      <c r="OD6" s="661"/>
      <c r="OE6" s="661"/>
      <c r="OF6" s="661"/>
      <c r="OG6" s="661"/>
      <c r="OH6" s="662"/>
      <c r="OI6" s="609"/>
      <c r="OJ6" s="600"/>
      <c r="OK6" s="600"/>
      <c r="OL6" s="600"/>
      <c r="OM6" s="600"/>
      <c r="ON6" s="600"/>
      <c r="OO6" s="600"/>
      <c r="OP6" s="600"/>
      <c r="OQ6" s="600"/>
      <c r="OR6" s="600"/>
      <c r="OS6" s="610"/>
    </row>
    <row r="7" spans="2:409" ht="21" customHeight="1" x14ac:dyDescent="0.2">
      <c r="B7" s="694"/>
      <c r="C7" s="717" t="s">
        <v>61</v>
      </c>
      <c r="D7" s="717"/>
      <c r="E7" s="717"/>
      <c r="F7" s="718" t="s">
        <v>62</v>
      </c>
      <c r="G7" s="717"/>
      <c r="H7" s="717"/>
      <c r="I7" s="717"/>
      <c r="J7" s="717"/>
      <c r="K7" s="717"/>
      <c r="L7" s="717"/>
      <c r="M7" s="718" t="s">
        <v>52</v>
      </c>
      <c r="N7" s="720" t="s">
        <v>61</v>
      </c>
      <c r="O7" s="717"/>
      <c r="P7" s="717"/>
      <c r="Q7" s="718" t="s">
        <v>62</v>
      </c>
      <c r="R7" s="717"/>
      <c r="S7" s="717"/>
      <c r="T7" s="717"/>
      <c r="U7" s="717"/>
      <c r="V7" s="717"/>
      <c r="W7" s="721"/>
      <c r="X7" s="725" t="s">
        <v>52</v>
      </c>
      <c r="Y7" s="531" t="s">
        <v>61</v>
      </c>
      <c r="Z7" s="532"/>
      <c r="AA7" s="727"/>
      <c r="AB7" s="728" t="s">
        <v>62</v>
      </c>
      <c r="AC7" s="532"/>
      <c r="AD7" s="532"/>
      <c r="AE7" s="532"/>
      <c r="AF7" s="532"/>
      <c r="AG7" s="532"/>
      <c r="AH7" s="727"/>
      <c r="AI7" s="533" t="s">
        <v>52</v>
      </c>
      <c r="AJ7" s="730" t="s">
        <v>61</v>
      </c>
      <c r="AK7" s="723"/>
      <c r="AL7" s="731"/>
      <c r="AM7" s="722" t="s">
        <v>62</v>
      </c>
      <c r="AN7" s="723"/>
      <c r="AO7" s="723"/>
      <c r="AP7" s="723"/>
      <c r="AQ7" s="723"/>
      <c r="AR7" s="723"/>
      <c r="AS7" s="724"/>
      <c r="AT7" s="533" t="s">
        <v>52</v>
      </c>
      <c r="AU7" s="730" t="s">
        <v>61</v>
      </c>
      <c r="AV7" s="723"/>
      <c r="AW7" s="731"/>
      <c r="AX7" s="722" t="s">
        <v>62</v>
      </c>
      <c r="AY7" s="723"/>
      <c r="AZ7" s="723"/>
      <c r="BA7" s="723"/>
      <c r="BB7" s="723"/>
      <c r="BC7" s="723"/>
      <c r="BD7" s="724"/>
      <c r="BE7" s="533" t="s">
        <v>52</v>
      </c>
      <c r="BF7" s="730" t="s">
        <v>61</v>
      </c>
      <c r="BG7" s="723"/>
      <c r="BH7" s="731"/>
      <c r="BI7" s="722" t="s">
        <v>62</v>
      </c>
      <c r="BJ7" s="723"/>
      <c r="BK7" s="723"/>
      <c r="BL7" s="723"/>
      <c r="BM7" s="723"/>
      <c r="BN7" s="723"/>
      <c r="BO7" s="724"/>
      <c r="BP7" s="533" t="s">
        <v>52</v>
      </c>
      <c r="BQ7" s="730" t="s">
        <v>61</v>
      </c>
      <c r="BR7" s="723"/>
      <c r="BS7" s="731"/>
      <c r="BT7" s="722" t="s">
        <v>62</v>
      </c>
      <c r="BU7" s="723"/>
      <c r="BV7" s="723"/>
      <c r="BW7" s="723"/>
      <c r="BX7" s="723"/>
      <c r="BY7" s="723"/>
      <c r="BZ7" s="724"/>
      <c r="CA7" s="533" t="s">
        <v>52</v>
      </c>
      <c r="CB7" s="732" t="s">
        <v>61</v>
      </c>
      <c r="CC7" s="733"/>
      <c r="CD7" s="734"/>
      <c r="CE7" s="735" t="s">
        <v>62</v>
      </c>
      <c r="CF7" s="733"/>
      <c r="CG7" s="733"/>
      <c r="CH7" s="733"/>
      <c r="CI7" s="733"/>
      <c r="CJ7" s="733"/>
      <c r="CK7" s="736"/>
      <c r="CL7" s="725" t="s">
        <v>52</v>
      </c>
      <c r="CM7" s="730" t="s">
        <v>61</v>
      </c>
      <c r="CN7" s="723"/>
      <c r="CO7" s="724"/>
      <c r="CP7" s="722" t="s">
        <v>62</v>
      </c>
      <c r="CQ7" s="723"/>
      <c r="CR7" s="723"/>
      <c r="CS7" s="723"/>
      <c r="CT7" s="723"/>
      <c r="CU7" s="723"/>
      <c r="CV7" s="724"/>
      <c r="CW7" s="737" t="s">
        <v>52</v>
      </c>
      <c r="CX7" s="730" t="s">
        <v>61</v>
      </c>
      <c r="CY7" s="723"/>
      <c r="CZ7" s="724"/>
      <c r="DA7" s="722" t="s">
        <v>62</v>
      </c>
      <c r="DB7" s="723"/>
      <c r="DC7" s="723"/>
      <c r="DD7" s="723"/>
      <c r="DE7" s="723"/>
      <c r="DF7" s="723"/>
      <c r="DG7" s="724"/>
      <c r="DH7" s="737" t="s">
        <v>52</v>
      </c>
      <c r="DI7" s="732" t="s">
        <v>61</v>
      </c>
      <c r="DJ7" s="733"/>
      <c r="DK7" s="736"/>
      <c r="DL7" s="735" t="s">
        <v>62</v>
      </c>
      <c r="DM7" s="733"/>
      <c r="DN7" s="733"/>
      <c r="DO7" s="733"/>
      <c r="DP7" s="733"/>
      <c r="DQ7" s="733"/>
      <c r="DR7" s="736"/>
      <c r="DS7" s="725" t="s">
        <v>52</v>
      </c>
      <c r="DT7" s="730" t="s">
        <v>61</v>
      </c>
      <c r="DU7" s="723"/>
      <c r="DV7" s="731"/>
      <c r="DW7" s="722" t="s">
        <v>62</v>
      </c>
      <c r="DX7" s="723"/>
      <c r="DY7" s="723"/>
      <c r="DZ7" s="723"/>
      <c r="EA7" s="723"/>
      <c r="EB7" s="723"/>
      <c r="EC7" s="724"/>
      <c r="ED7" s="533" t="s">
        <v>52</v>
      </c>
      <c r="EE7" s="730" t="s">
        <v>61</v>
      </c>
      <c r="EF7" s="723"/>
      <c r="EG7" s="731"/>
      <c r="EH7" s="722" t="s">
        <v>62</v>
      </c>
      <c r="EI7" s="723"/>
      <c r="EJ7" s="723"/>
      <c r="EK7" s="723"/>
      <c r="EL7" s="723"/>
      <c r="EM7" s="723"/>
      <c r="EN7" s="724"/>
      <c r="EO7" s="533" t="s">
        <v>52</v>
      </c>
      <c r="EP7" s="730" t="s">
        <v>61</v>
      </c>
      <c r="EQ7" s="723"/>
      <c r="ER7" s="731"/>
      <c r="ES7" s="722" t="s">
        <v>62</v>
      </c>
      <c r="ET7" s="723"/>
      <c r="EU7" s="723"/>
      <c r="EV7" s="723"/>
      <c r="EW7" s="723"/>
      <c r="EX7" s="723"/>
      <c r="EY7" s="724"/>
      <c r="EZ7" s="533" t="s">
        <v>52</v>
      </c>
      <c r="FA7" s="730" t="s">
        <v>61</v>
      </c>
      <c r="FB7" s="723"/>
      <c r="FC7" s="731"/>
      <c r="FD7" s="722" t="s">
        <v>62</v>
      </c>
      <c r="FE7" s="723"/>
      <c r="FF7" s="723"/>
      <c r="FG7" s="723"/>
      <c r="FH7" s="723"/>
      <c r="FI7" s="723"/>
      <c r="FJ7" s="724"/>
      <c r="FK7" s="533" t="s">
        <v>52</v>
      </c>
      <c r="FL7" s="732" t="s">
        <v>61</v>
      </c>
      <c r="FM7" s="733"/>
      <c r="FN7" s="734"/>
      <c r="FO7" s="735" t="s">
        <v>62</v>
      </c>
      <c r="FP7" s="733"/>
      <c r="FQ7" s="733"/>
      <c r="FR7" s="733"/>
      <c r="FS7" s="733"/>
      <c r="FT7" s="733"/>
      <c r="FU7" s="736"/>
      <c r="FV7" s="717" t="s">
        <v>52</v>
      </c>
      <c r="FW7" s="730" t="s">
        <v>61</v>
      </c>
      <c r="FX7" s="723"/>
      <c r="FY7" s="731"/>
      <c r="FZ7" s="722" t="s">
        <v>62</v>
      </c>
      <c r="GA7" s="723"/>
      <c r="GB7" s="723"/>
      <c r="GC7" s="723"/>
      <c r="GD7" s="723"/>
      <c r="GE7" s="723"/>
      <c r="GF7" s="724"/>
      <c r="GG7" s="533" t="s">
        <v>52</v>
      </c>
      <c r="GH7" s="531" t="s">
        <v>61</v>
      </c>
      <c r="GI7" s="532"/>
      <c r="GJ7" s="532"/>
      <c r="GK7" s="728" t="s">
        <v>62</v>
      </c>
      <c r="GL7" s="532"/>
      <c r="GM7" s="532"/>
      <c r="GN7" s="532"/>
      <c r="GO7" s="532"/>
      <c r="GP7" s="532"/>
      <c r="GQ7" s="727"/>
      <c r="GR7" s="738" t="s">
        <v>52</v>
      </c>
      <c r="GS7" s="531" t="s">
        <v>61</v>
      </c>
      <c r="GT7" s="532"/>
      <c r="GU7" s="727"/>
      <c r="GV7" s="728" t="s">
        <v>62</v>
      </c>
      <c r="GW7" s="532"/>
      <c r="GX7" s="532"/>
      <c r="GY7" s="532"/>
      <c r="GZ7" s="532"/>
      <c r="HA7" s="532"/>
      <c r="HB7" s="727"/>
      <c r="HC7" s="738" t="s">
        <v>52</v>
      </c>
      <c r="HD7" s="730" t="s">
        <v>61</v>
      </c>
      <c r="HE7" s="723"/>
      <c r="HF7" s="731"/>
      <c r="HG7" s="722" t="s">
        <v>62</v>
      </c>
      <c r="HH7" s="723"/>
      <c r="HI7" s="723"/>
      <c r="HJ7" s="723"/>
      <c r="HK7" s="723"/>
      <c r="HL7" s="723"/>
      <c r="HM7" s="724"/>
      <c r="HN7" s="533" t="s">
        <v>52</v>
      </c>
      <c r="HO7" s="730" t="s">
        <v>61</v>
      </c>
      <c r="HP7" s="723"/>
      <c r="HQ7" s="731"/>
      <c r="HR7" s="722" t="s">
        <v>62</v>
      </c>
      <c r="HS7" s="723"/>
      <c r="HT7" s="723"/>
      <c r="HU7" s="723"/>
      <c r="HV7" s="723"/>
      <c r="HW7" s="723"/>
      <c r="HX7" s="724"/>
      <c r="HY7" s="533" t="s">
        <v>52</v>
      </c>
      <c r="HZ7" s="587" t="s">
        <v>61</v>
      </c>
      <c r="IA7" s="588"/>
      <c r="IB7" s="589"/>
      <c r="IC7" s="624" t="s">
        <v>62</v>
      </c>
      <c r="ID7" s="588"/>
      <c r="IE7" s="588"/>
      <c r="IF7" s="588"/>
      <c r="IG7" s="588"/>
      <c r="IH7" s="588"/>
      <c r="II7" s="625"/>
      <c r="IJ7" s="591" t="s">
        <v>52</v>
      </c>
      <c r="IK7" s="604" t="s">
        <v>61</v>
      </c>
      <c r="IL7" s="597"/>
      <c r="IM7" s="598"/>
      <c r="IN7" s="627" t="s">
        <v>62</v>
      </c>
      <c r="IO7" s="597"/>
      <c r="IP7" s="597"/>
      <c r="IQ7" s="597"/>
      <c r="IR7" s="597"/>
      <c r="IS7" s="597"/>
      <c r="IT7" s="628"/>
      <c r="IU7" s="610" t="s">
        <v>52</v>
      </c>
      <c r="IV7" s="604" t="s">
        <v>61</v>
      </c>
      <c r="IW7" s="597"/>
      <c r="IX7" s="628"/>
      <c r="IY7" s="627" t="s">
        <v>62</v>
      </c>
      <c r="IZ7" s="597"/>
      <c r="JA7" s="597"/>
      <c r="JB7" s="597"/>
      <c r="JC7" s="597"/>
      <c r="JD7" s="597"/>
      <c r="JE7" s="628"/>
      <c r="JF7" s="610" t="s">
        <v>52</v>
      </c>
      <c r="JG7" s="604" t="s">
        <v>61</v>
      </c>
      <c r="JH7" s="597"/>
      <c r="JI7" s="598"/>
      <c r="JJ7" s="627" t="s">
        <v>62</v>
      </c>
      <c r="JK7" s="597"/>
      <c r="JL7" s="597"/>
      <c r="JM7" s="597"/>
      <c r="JN7" s="597"/>
      <c r="JO7" s="597"/>
      <c r="JP7" s="628"/>
      <c r="JQ7" s="622" t="s">
        <v>52</v>
      </c>
      <c r="JR7" s="604" t="s">
        <v>61</v>
      </c>
      <c r="JS7" s="597"/>
      <c r="JT7" s="598"/>
      <c r="JU7" s="627" t="s">
        <v>62</v>
      </c>
      <c r="JV7" s="597"/>
      <c r="JW7" s="597"/>
      <c r="JX7" s="597"/>
      <c r="JY7" s="597"/>
      <c r="JZ7" s="597"/>
      <c r="KA7" s="628"/>
      <c r="KB7" s="622" t="s">
        <v>52</v>
      </c>
      <c r="KC7" s="604" t="s">
        <v>61</v>
      </c>
      <c r="KD7" s="597"/>
      <c r="KE7" s="598"/>
      <c r="KF7" s="627" t="s">
        <v>62</v>
      </c>
      <c r="KG7" s="597"/>
      <c r="KH7" s="597"/>
      <c r="KI7" s="597"/>
      <c r="KJ7" s="597"/>
      <c r="KK7" s="597"/>
      <c r="KL7" s="628"/>
      <c r="KM7" s="622" t="s">
        <v>52</v>
      </c>
      <c r="KN7" s="604" t="s">
        <v>61</v>
      </c>
      <c r="KO7" s="597"/>
      <c r="KP7" s="598"/>
      <c r="KQ7" s="627" t="s">
        <v>62</v>
      </c>
      <c r="KR7" s="597"/>
      <c r="KS7" s="597"/>
      <c r="KT7" s="597"/>
      <c r="KU7" s="597"/>
      <c r="KV7" s="597"/>
      <c r="KW7" s="628"/>
      <c r="KX7" s="622" t="s">
        <v>52</v>
      </c>
      <c r="KY7" s="604" t="s">
        <v>61</v>
      </c>
      <c r="KZ7" s="597"/>
      <c r="LA7" s="598"/>
      <c r="LB7" s="627" t="s">
        <v>62</v>
      </c>
      <c r="LC7" s="597"/>
      <c r="LD7" s="597"/>
      <c r="LE7" s="597"/>
      <c r="LF7" s="597"/>
      <c r="LG7" s="597"/>
      <c r="LH7" s="628"/>
      <c r="LI7" s="622" t="s">
        <v>52</v>
      </c>
      <c r="LJ7" s="604" t="s">
        <v>61</v>
      </c>
      <c r="LK7" s="597"/>
      <c r="LL7" s="598"/>
      <c r="LM7" s="627" t="s">
        <v>62</v>
      </c>
      <c r="LN7" s="597"/>
      <c r="LO7" s="597"/>
      <c r="LP7" s="597"/>
      <c r="LQ7" s="597"/>
      <c r="LR7" s="597"/>
      <c r="LS7" s="628"/>
      <c r="LT7" s="622" t="s">
        <v>52</v>
      </c>
      <c r="LU7" s="604" t="s">
        <v>61</v>
      </c>
      <c r="LV7" s="597"/>
      <c r="LW7" s="598"/>
      <c r="LX7" s="627" t="s">
        <v>62</v>
      </c>
      <c r="LY7" s="597"/>
      <c r="LZ7" s="597"/>
      <c r="MA7" s="597"/>
      <c r="MB7" s="597"/>
      <c r="MC7" s="597"/>
      <c r="MD7" s="628"/>
      <c r="ME7" s="622" t="s">
        <v>52</v>
      </c>
      <c r="MF7" s="587" t="s">
        <v>61</v>
      </c>
      <c r="MG7" s="588"/>
      <c r="MH7" s="589"/>
      <c r="MI7" s="624" t="s">
        <v>62</v>
      </c>
      <c r="MJ7" s="588"/>
      <c r="MK7" s="588"/>
      <c r="ML7" s="588"/>
      <c r="MM7" s="588"/>
      <c r="MN7" s="588"/>
      <c r="MO7" s="625"/>
      <c r="MP7" s="626" t="s">
        <v>52</v>
      </c>
      <c r="MQ7" s="604" t="s">
        <v>61</v>
      </c>
      <c r="MR7" s="597"/>
      <c r="MS7" s="598"/>
      <c r="MT7" s="627" t="s">
        <v>62</v>
      </c>
      <c r="MU7" s="597"/>
      <c r="MV7" s="597"/>
      <c r="MW7" s="597"/>
      <c r="MX7" s="597"/>
      <c r="MY7" s="597"/>
      <c r="MZ7" s="628"/>
      <c r="NA7" s="622" t="s">
        <v>52</v>
      </c>
      <c r="NB7" s="604" t="s">
        <v>61</v>
      </c>
      <c r="NC7" s="597"/>
      <c r="ND7" s="598"/>
      <c r="NE7" s="627" t="s">
        <v>62</v>
      </c>
      <c r="NF7" s="597"/>
      <c r="NG7" s="597"/>
      <c r="NH7" s="597"/>
      <c r="NI7" s="597"/>
      <c r="NJ7" s="597"/>
      <c r="NK7" s="628"/>
      <c r="NL7" s="622" t="s">
        <v>52</v>
      </c>
      <c r="NM7" s="604" t="s">
        <v>61</v>
      </c>
      <c r="NN7" s="597"/>
      <c r="NO7" s="598"/>
      <c r="NP7" s="627" t="s">
        <v>62</v>
      </c>
      <c r="NQ7" s="597"/>
      <c r="NR7" s="597"/>
      <c r="NS7" s="597"/>
      <c r="NT7" s="597"/>
      <c r="NU7" s="597"/>
      <c r="NV7" s="628"/>
      <c r="NW7" s="622" t="s">
        <v>52</v>
      </c>
      <c r="NX7" s="604" t="s">
        <v>61</v>
      </c>
      <c r="NY7" s="597"/>
      <c r="NZ7" s="598"/>
      <c r="OA7" s="627" t="s">
        <v>62</v>
      </c>
      <c r="OB7" s="597"/>
      <c r="OC7" s="597"/>
      <c r="OD7" s="597"/>
      <c r="OE7" s="597"/>
      <c r="OF7" s="597"/>
      <c r="OG7" s="628"/>
      <c r="OH7" s="622" t="s">
        <v>52</v>
      </c>
      <c r="OI7" s="587" t="s">
        <v>61</v>
      </c>
      <c r="OJ7" s="588"/>
      <c r="OK7" s="589"/>
      <c r="OL7" s="624" t="s">
        <v>62</v>
      </c>
      <c r="OM7" s="588"/>
      <c r="ON7" s="588"/>
      <c r="OO7" s="588"/>
      <c r="OP7" s="588"/>
      <c r="OQ7" s="588"/>
      <c r="OR7" s="625"/>
      <c r="OS7" s="626" t="s">
        <v>52</v>
      </c>
    </row>
    <row r="8" spans="2:409" ht="30" customHeight="1" thickBot="1" x14ac:dyDescent="0.25">
      <c r="B8" s="695"/>
      <c r="C8" s="301" t="s">
        <v>43</v>
      </c>
      <c r="D8" s="41" t="s">
        <v>44</v>
      </c>
      <c r="E8" s="302" t="s">
        <v>45</v>
      </c>
      <c r="F8" s="44" t="s">
        <v>83</v>
      </c>
      <c r="G8" s="41" t="s">
        <v>47</v>
      </c>
      <c r="H8" s="41" t="s">
        <v>48</v>
      </c>
      <c r="I8" s="41" t="s">
        <v>49</v>
      </c>
      <c r="J8" s="41" t="s">
        <v>50</v>
      </c>
      <c r="K8" s="41" t="s">
        <v>51</v>
      </c>
      <c r="L8" s="42" t="s">
        <v>45</v>
      </c>
      <c r="M8" s="719"/>
      <c r="N8" s="43" t="s">
        <v>43</v>
      </c>
      <c r="O8" s="41" t="s">
        <v>44</v>
      </c>
      <c r="P8" s="42" t="s">
        <v>45</v>
      </c>
      <c r="Q8" s="44" t="s">
        <v>83</v>
      </c>
      <c r="R8" s="41" t="s">
        <v>47</v>
      </c>
      <c r="S8" s="41" t="s">
        <v>48</v>
      </c>
      <c r="T8" s="41" t="s">
        <v>49</v>
      </c>
      <c r="U8" s="41" t="s">
        <v>50</v>
      </c>
      <c r="V8" s="41" t="s">
        <v>51</v>
      </c>
      <c r="W8" s="42" t="s">
        <v>45</v>
      </c>
      <c r="X8" s="726"/>
      <c r="Y8" s="43" t="s">
        <v>43</v>
      </c>
      <c r="Z8" s="41" t="s">
        <v>44</v>
      </c>
      <c r="AA8" s="42" t="s">
        <v>45</v>
      </c>
      <c r="AB8" s="44" t="s">
        <v>83</v>
      </c>
      <c r="AC8" s="41" t="s">
        <v>47</v>
      </c>
      <c r="AD8" s="41" t="s">
        <v>48</v>
      </c>
      <c r="AE8" s="41" t="s">
        <v>49</v>
      </c>
      <c r="AF8" s="41" t="s">
        <v>50</v>
      </c>
      <c r="AG8" s="41" t="s">
        <v>51</v>
      </c>
      <c r="AH8" s="42" t="s">
        <v>45</v>
      </c>
      <c r="AI8" s="729"/>
      <c r="AJ8" s="43" t="s">
        <v>43</v>
      </c>
      <c r="AK8" s="41" t="s">
        <v>44</v>
      </c>
      <c r="AL8" s="302" t="s">
        <v>45</v>
      </c>
      <c r="AM8" s="44" t="s">
        <v>83</v>
      </c>
      <c r="AN8" s="41" t="s">
        <v>47</v>
      </c>
      <c r="AO8" s="41" t="s">
        <v>48</v>
      </c>
      <c r="AP8" s="41" t="s">
        <v>49</v>
      </c>
      <c r="AQ8" s="41" t="s">
        <v>50</v>
      </c>
      <c r="AR8" s="41" t="s">
        <v>51</v>
      </c>
      <c r="AS8" s="42" t="s">
        <v>45</v>
      </c>
      <c r="AT8" s="729"/>
      <c r="AU8" s="43" t="s">
        <v>43</v>
      </c>
      <c r="AV8" s="41" t="s">
        <v>44</v>
      </c>
      <c r="AW8" s="302" t="s">
        <v>45</v>
      </c>
      <c r="AX8" s="44" t="s">
        <v>83</v>
      </c>
      <c r="AY8" s="41" t="s">
        <v>47</v>
      </c>
      <c r="AZ8" s="41" t="s">
        <v>48</v>
      </c>
      <c r="BA8" s="41" t="s">
        <v>49</v>
      </c>
      <c r="BB8" s="41" t="s">
        <v>50</v>
      </c>
      <c r="BC8" s="41" t="s">
        <v>51</v>
      </c>
      <c r="BD8" s="42" t="s">
        <v>45</v>
      </c>
      <c r="BE8" s="729"/>
      <c r="BF8" s="303" t="s">
        <v>43</v>
      </c>
      <c r="BG8" s="41" t="s">
        <v>44</v>
      </c>
      <c r="BH8" s="302" t="s">
        <v>45</v>
      </c>
      <c r="BI8" s="44" t="s">
        <v>83</v>
      </c>
      <c r="BJ8" s="41" t="s">
        <v>47</v>
      </c>
      <c r="BK8" s="41" t="s">
        <v>48</v>
      </c>
      <c r="BL8" s="41" t="s">
        <v>49</v>
      </c>
      <c r="BM8" s="41" t="s">
        <v>50</v>
      </c>
      <c r="BN8" s="41" t="s">
        <v>51</v>
      </c>
      <c r="BO8" s="42" t="s">
        <v>45</v>
      </c>
      <c r="BP8" s="729"/>
      <c r="BQ8" s="43" t="s">
        <v>43</v>
      </c>
      <c r="BR8" s="41" t="s">
        <v>44</v>
      </c>
      <c r="BS8" s="302" t="s">
        <v>45</v>
      </c>
      <c r="BT8" s="44" t="s">
        <v>83</v>
      </c>
      <c r="BU8" s="41" t="s">
        <v>47</v>
      </c>
      <c r="BV8" s="41" t="s">
        <v>48</v>
      </c>
      <c r="BW8" s="41" t="s">
        <v>49</v>
      </c>
      <c r="BX8" s="41" t="s">
        <v>50</v>
      </c>
      <c r="BY8" s="41" t="s">
        <v>51</v>
      </c>
      <c r="BZ8" s="42" t="s">
        <v>45</v>
      </c>
      <c r="CA8" s="729"/>
      <c r="CB8" s="43" t="s">
        <v>43</v>
      </c>
      <c r="CC8" s="41" t="s">
        <v>44</v>
      </c>
      <c r="CD8" s="302" t="s">
        <v>45</v>
      </c>
      <c r="CE8" s="44" t="s">
        <v>83</v>
      </c>
      <c r="CF8" s="41" t="s">
        <v>47</v>
      </c>
      <c r="CG8" s="41" t="s">
        <v>48</v>
      </c>
      <c r="CH8" s="41" t="s">
        <v>49</v>
      </c>
      <c r="CI8" s="41" t="s">
        <v>50</v>
      </c>
      <c r="CJ8" s="41" t="s">
        <v>51</v>
      </c>
      <c r="CK8" s="42" t="s">
        <v>45</v>
      </c>
      <c r="CL8" s="726"/>
      <c r="CM8" s="43" t="s">
        <v>43</v>
      </c>
      <c r="CN8" s="41" t="s">
        <v>44</v>
      </c>
      <c r="CO8" s="42" t="s">
        <v>45</v>
      </c>
      <c r="CP8" s="44" t="s">
        <v>83</v>
      </c>
      <c r="CQ8" s="41" t="s">
        <v>47</v>
      </c>
      <c r="CR8" s="41" t="s">
        <v>48</v>
      </c>
      <c r="CS8" s="41" t="s">
        <v>49</v>
      </c>
      <c r="CT8" s="41" t="s">
        <v>50</v>
      </c>
      <c r="CU8" s="41" t="s">
        <v>51</v>
      </c>
      <c r="CV8" s="42" t="s">
        <v>45</v>
      </c>
      <c r="CW8" s="726"/>
      <c r="CX8" s="43" t="s">
        <v>43</v>
      </c>
      <c r="CY8" s="41" t="s">
        <v>44</v>
      </c>
      <c r="CZ8" s="42" t="s">
        <v>45</v>
      </c>
      <c r="DA8" s="44" t="s">
        <v>83</v>
      </c>
      <c r="DB8" s="41" t="s">
        <v>47</v>
      </c>
      <c r="DC8" s="41" t="s">
        <v>48</v>
      </c>
      <c r="DD8" s="41" t="s">
        <v>49</v>
      </c>
      <c r="DE8" s="41" t="s">
        <v>50</v>
      </c>
      <c r="DF8" s="41" t="s">
        <v>51</v>
      </c>
      <c r="DG8" s="42" t="s">
        <v>45</v>
      </c>
      <c r="DH8" s="726"/>
      <c r="DI8" s="43" t="s">
        <v>43</v>
      </c>
      <c r="DJ8" s="41" t="s">
        <v>44</v>
      </c>
      <c r="DK8" s="42" t="s">
        <v>45</v>
      </c>
      <c r="DL8" s="44" t="s">
        <v>83</v>
      </c>
      <c r="DM8" s="41" t="s">
        <v>47</v>
      </c>
      <c r="DN8" s="41" t="s">
        <v>48</v>
      </c>
      <c r="DO8" s="41" t="s">
        <v>49</v>
      </c>
      <c r="DP8" s="41" t="s">
        <v>50</v>
      </c>
      <c r="DQ8" s="41" t="s">
        <v>51</v>
      </c>
      <c r="DR8" s="42" t="s">
        <v>45</v>
      </c>
      <c r="DS8" s="726"/>
      <c r="DT8" s="43" t="s">
        <v>43</v>
      </c>
      <c r="DU8" s="41" t="s">
        <v>44</v>
      </c>
      <c r="DV8" s="302" t="s">
        <v>45</v>
      </c>
      <c r="DW8" s="44" t="s">
        <v>83</v>
      </c>
      <c r="DX8" s="41" t="s">
        <v>47</v>
      </c>
      <c r="DY8" s="41" t="s">
        <v>48</v>
      </c>
      <c r="DZ8" s="41" t="s">
        <v>49</v>
      </c>
      <c r="EA8" s="41" t="s">
        <v>50</v>
      </c>
      <c r="EB8" s="41" t="s">
        <v>51</v>
      </c>
      <c r="EC8" s="42" t="s">
        <v>45</v>
      </c>
      <c r="ED8" s="729"/>
      <c r="EE8" s="43" t="s">
        <v>43</v>
      </c>
      <c r="EF8" s="41" t="s">
        <v>44</v>
      </c>
      <c r="EG8" s="302" t="s">
        <v>45</v>
      </c>
      <c r="EH8" s="44" t="s">
        <v>83</v>
      </c>
      <c r="EI8" s="41" t="s">
        <v>47</v>
      </c>
      <c r="EJ8" s="41" t="s">
        <v>48</v>
      </c>
      <c r="EK8" s="41" t="s">
        <v>49</v>
      </c>
      <c r="EL8" s="41" t="s">
        <v>50</v>
      </c>
      <c r="EM8" s="41" t="s">
        <v>51</v>
      </c>
      <c r="EN8" s="42" t="s">
        <v>45</v>
      </c>
      <c r="EO8" s="729"/>
      <c r="EP8" s="43" t="s">
        <v>43</v>
      </c>
      <c r="EQ8" s="41" t="s">
        <v>44</v>
      </c>
      <c r="ER8" s="302" t="s">
        <v>45</v>
      </c>
      <c r="ES8" s="44" t="s">
        <v>83</v>
      </c>
      <c r="ET8" s="41" t="s">
        <v>47</v>
      </c>
      <c r="EU8" s="41" t="s">
        <v>48</v>
      </c>
      <c r="EV8" s="41" t="s">
        <v>49</v>
      </c>
      <c r="EW8" s="41" t="s">
        <v>50</v>
      </c>
      <c r="EX8" s="41" t="s">
        <v>51</v>
      </c>
      <c r="EY8" s="42" t="s">
        <v>45</v>
      </c>
      <c r="EZ8" s="729"/>
      <c r="FA8" s="43" t="s">
        <v>43</v>
      </c>
      <c r="FB8" s="41" t="s">
        <v>44</v>
      </c>
      <c r="FC8" s="302" t="s">
        <v>45</v>
      </c>
      <c r="FD8" s="44" t="s">
        <v>83</v>
      </c>
      <c r="FE8" s="41" t="s">
        <v>47</v>
      </c>
      <c r="FF8" s="41" t="s">
        <v>48</v>
      </c>
      <c r="FG8" s="41" t="s">
        <v>49</v>
      </c>
      <c r="FH8" s="41" t="s">
        <v>50</v>
      </c>
      <c r="FI8" s="41" t="s">
        <v>51</v>
      </c>
      <c r="FJ8" s="42" t="s">
        <v>45</v>
      </c>
      <c r="FK8" s="729"/>
      <c r="FL8" s="43" t="s">
        <v>43</v>
      </c>
      <c r="FM8" s="41" t="s">
        <v>44</v>
      </c>
      <c r="FN8" s="302" t="s">
        <v>45</v>
      </c>
      <c r="FO8" s="44" t="s">
        <v>83</v>
      </c>
      <c r="FP8" s="41" t="s">
        <v>47</v>
      </c>
      <c r="FQ8" s="41" t="s">
        <v>48</v>
      </c>
      <c r="FR8" s="41" t="s">
        <v>49</v>
      </c>
      <c r="FS8" s="41" t="s">
        <v>50</v>
      </c>
      <c r="FT8" s="41" t="s">
        <v>51</v>
      </c>
      <c r="FU8" s="42" t="s">
        <v>45</v>
      </c>
      <c r="FV8" s="741"/>
      <c r="FW8" s="43" t="s">
        <v>43</v>
      </c>
      <c r="FX8" s="41" t="s">
        <v>44</v>
      </c>
      <c r="FY8" s="302" t="s">
        <v>45</v>
      </c>
      <c r="FZ8" s="44" t="s">
        <v>83</v>
      </c>
      <c r="GA8" s="41" t="s">
        <v>47</v>
      </c>
      <c r="GB8" s="41" t="s">
        <v>48</v>
      </c>
      <c r="GC8" s="41" t="s">
        <v>49</v>
      </c>
      <c r="GD8" s="41" t="s">
        <v>50</v>
      </c>
      <c r="GE8" s="41" t="s">
        <v>51</v>
      </c>
      <c r="GF8" s="42" t="s">
        <v>45</v>
      </c>
      <c r="GG8" s="729"/>
      <c r="GH8" s="43" t="s">
        <v>43</v>
      </c>
      <c r="GI8" s="41" t="s">
        <v>44</v>
      </c>
      <c r="GJ8" s="302" t="s">
        <v>45</v>
      </c>
      <c r="GK8" s="44" t="s">
        <v>83</v>
      </c>
      <c r="GL8" s="41" t="s">
        <v>47</v>
      </c>
      <c r="GM8" s="41" t="s">
        <v>48</v>
      </c>
      <c r="GN8" s="41" t="s">
        <v>49</v>
      </c>
      <c r="GO8" s="41" t="s">
        <v>50</v>
      </c>
      <c r="GP8" s="41" t="s">
        <v>51</v>
      </c>
      <c r="GQ8" s="42" t="s">
        <v>45</v>
      </c>
      <c r="GR8" s="739"/>
      <c r="GS8" s="43" t="s">
        <v>43</v>
      </c>
      <c r="GT8" s="41" t="s">
        <v>44</v>
      </c>
      <c r="GU8" s="302" t="s">
        <v>45</v>
      </c>
      <c r="GV8" s="44" t="s">
        <v>83</v>
      </c>
      <c r="GW8" s="41" t="s">
        <v>47</v>
      </c>
      <c r="GX8" s="41" t="s">
        <v>48</v>
      </c>
      <c r="GY8" s="41" t="s">
        <v>49</v>
      </c>
      <c r="GZ8" s="41" t="s">
        <v>50</v>
      </c>
      <c r="HA8" s="41" t="s">
        <v>51</v>
      </c>
      <c r="HB8" s="42" t="s">
        <v>45</v>
      </c>
      <c r="HC8" s="739"/>
      <c r="HD8" s="43" t="s">
        <v>43</v>
      </c>
      <c r="HE8" s="41" t="s">
        <v>44</v>
      </c>
      <c r="HF8" s="302" t="s">
        <v>45</v>
      </c>
      <c r="HG8" s="44" t="s">
        <v>83</v>
      </c>
      <c r="HH8" s="41" t="s">
        <v>47</v>
      </c>
      <c r="HI8" s="41" t="s">
        <v>48</v>
      </c>
      <c r="HJ8" s="41" t="s">
        <v>49</v>
      </c>
      <c r="HK8" s="41" t="s">
        <v>50</v>
      </c>
      <c r="HL8" s="41" t="s">
        <v>51</v>
      </c>
      <c r="HM8" s="42" t="s">
        <v>45</v>
      </c>
      <c r="HN8" s="729"/>
      <c r="HO8" s="43" t="s">
        <v>43</v>
      </c>
      <c r="HP8" s="41" t="s">
        <v>44</v>
      </c>
      <c r="HQ8" s="302" t="s">
        <v>45</v>
      </c>
      <c r="HR8" s="44" t="s">
        <v>83</v>
      </c>
      <c r="HS8" s="41" t="s">
        <v>47</v>
      </c>
      <c r="HT8" s="41" t="s">
        <v>48</v>
      </c>
      <c r="HU8" s="41" t="s">
        <v>49</v>
      </c>
      <c r="HV8" s="41" t="s">
        <v>50</v>
      </c>
      <c r="HW8" s="41" t="s">
        <v>51</v>
      </c>
      <c r="HX8" s="42" t="s">
        <v>45</v>
      </c>
      <c r="HY8" s="729"/>
      <c r="HZ8" s="340" t="s">
        <v>43</v>
      </c>
      <c r="IA8" s="341" t="s">
        <v>44</v>
      </c>
      <c r="IB8" s="36" t="s">
        <v>45</v>
      </c>
      <c r="IC8" s="37" t="s">
        <v>83</v>
      </c>
      <c r="ID8" s="341" t="s">
        <v>47</v>
      </c>
      <c r="IE8" s="341" t="s">
        <v>48</v>
      </c>
      <c r="IF8" s="341" t="s">
        <v>49</v>
      </c>
      <c r="IG8" s="341" t="s">
        <v>50</v>
      </c>
      <c r="IH8" s="341" t="s">
        <v>51</v>
      </c>
      <c r="II8" s="14" t="s">
        <v>45</v>
      </c>
      <c r="IJ8" s="664"/>
      <c r="IK8" s="340" t="s">
        <v>43</v>
      </c>
      <c r="IL8" s="341" t="s">
        <v>44</v>
      </c>
      <c r="IM8" s="36" t="s">
        <v>45</v>
      </c>
      <c r="IN8" s="37" t="s">
        <v>83</v>
      </c>
      <c r="IO8" s="51" t="s">
        <v>47</v>
      </c>
      <c r="IP8" s="51" t="s">
        <v>48</v>
      </c>
      <c r="IQ8" s="51" t="s">
        <v>49</v>
      </c>
      <c r="IR8" s="51" t="s">
        <v>50</v>
      </c>
      <c r="IS8" s="51" t="s">
        <v>51</v>
      </c>
      <c r="IT8" s="54" t="s">
        <v>45</v>
      </c>
      <c r="IU8" s="663"/>
      <c r="IV8" s="53" t="s">
        <v>43</v>
      </c>
      <c r="IW8" s="51" t="s">
        <v>44</v>
      </c>
      <c r="IX8" s="54" t="s">
        <v>45</v>
      </c>
      <c r="IY8" s="28" t="s">
        <v>83</v>
      </c>
      <c r="IZ8" s="51" t="s">
        <v>47</v>
      </c>
      <c r="JA8" s="51" t="s">
        <v>48</v>
      </c>
      <c r="JB8" s="51" t="s">
        <v>49</v>
      </c>
      <c r="JC8" s="51" t="s">
        <v>50</v>
      </c>
      <c r="JD8" s="51" t="s">
        <v>51</v>
      </c>
      <c r="JE8" s="54" t="s">
        <v>45</v>
      </c>
      <c r="JF8" s="663"/>
      <c r="JG8" s="53" t="s">
        <v>43</v>
      </c>
      <c r="JH8" s="51" t="s">
        <v>44</v>
      </c>
      <c r="JI8" s="52" t="s">
        <v>45</v>
      </c>
      <c r="JJ8" s="28" t="s">
        <v>83</v>
      </c>
      <c r="JK8" s="51" t="s">
        <v>47</v>
      </c>
      <c r="JL8" s="51" t="s">
        <v>48</v>
      </c>
      <c r="JM8" s="51" t="s">
        <v>49</v>
      </c>
      <c r="JN8" s="51" t="s">
        <v>50</v>
      </c>
      <c r="JO8" s="51" t="s">
        <v>51</v>
      </c>
      <c r="JP8" s="54" t="s">
        <v>45</v>
      </c>
      <c r="JQ8" s="623"/>
      <c r="JR8" s="53" t="s">
        <v>43</v>
      </c>
      <c r="JS8" s="51" t="s">
        <v>44</v>
      </c>
      <c r="JT8" s="52" t="s">
        <v>45</v>
      </c>
      <c r="JU8" s="28" t="s">
        <v>83</v>
      </c>
      <c r="JV8" s="51" t="s">
        <v>47</v>
      </c>
      <c r="JW8" s="51" t="s">
        <v>48</v>
      </c>
      <c r="JX8" s="51" t="s">
        <v>49</v>
      </c>
      <c r="JY8" s="51" t="s">
        <v>50</v>
      </c>
      <c r="JZ8" s="51" t="s">
        <v>51</v>
      </c>
      <c r="KA8" s="54" t="s">
        <v>45</v>
      </c>
      <c r="KB8" s="623"/>
      <c r="KC8" s="53" t="s">
        <v>43</v>
      </c>
      <c r="KD8" s="51" t="s">
        <v>44</v>
      </c>
      <c r="KE8" s="52" t="s">
        <v>45</v>
      </c>
      <c r="KF8" s="28" t="s">
        <v>83</v>
      </c>
      <c r="KG8" s="51" t="s">
        <v>47</v>
      </c>
      <c r="KH8" s="51" t="s">
        <v>48</v>
      </c>
      <c r="KI8" s="51" t="s">
        <v>49</v>
      </c>
      <c r="KJ8" s="51" t="s">
        <v>50</v>
      </c>
      <c r="KK8" s="51" t="s">
        <v>51</v>
      </c>
      <c r="KL8" s="54" t="s">
        <v>45</v>
      </c>
      <c r="KM8" s="623"/>
      <c r="KN8" s="53" t="s">
        <v>43</v>
      </c>
      <c r="KO8" s="51" t="s">
        <v>44</v>
      </c>
      <c r="KP8" s="52" t="s">
        <v>45</v>
      </c>
      <c r="KQ8" s="37" t="s">
        <v>83</v>
      </c>
      <c r="KR8" s="51" t="s">
        <v>47</v>
      </c>
      <c r="KS8" s="51" t="s">
        <v>48</v>
      </c>
      <c r="KT8" s="51" t="s">
        <v>49</v>
      </c>
      <c r="KU8" s="51" t="s">
        <v>50</v>
      </c>
      <c r="KV8" s="51" t="s">
        <v>51</v>
      </c>
      <c r="KW8" s="54" t="s">
        <v>45</v>
      </c>
      <c r="KX8" s="623"/>
      <c r="KY8" s="53" t="s">
        <v>43</v>
      </c>
      <c r="KZ8" s="51" t="s">
        <v>44</v>
      </c>
      <c r="LA8" s="52" t="s">
        <v>45</v>
      </c>
      <c r="LB8" s="37" t="s">
        <v>83</v>
      </c>
      <c r="LC8" s="51" t="s">
        <v>47</v>
      </c>
      <c r="LD8" s="51" t="s">
        <v>48</v>
      </c>
      <c r="LE8" s="51" t="s">
        <v>49</v>
      </c>
      <c r="LF8" s="51" t="s">
        <v>50</v>
      </c>
      <c r="LG8" s="51" t="s">
        <v>51</v>
      </c>
      <c r="LH8" s="54" t="s">
        <v>45</v>
      </c>
      <c r="LI8" s="623"/>
      <c r="LJ8" s="53" t="s">
        <v>43</v>
      </c>
      <c r="LK8" s="51" t="s">
        <v>44</v>
      </c>
      <c r="LL8" s="52" t="s">
        <v>45</v>
      </c>
      <c r="LM8" s="37" t="s">
        <v>83</v>
      </c>
      <c r="LN8" s="51" t="s">
        <v>47</v>
      </c>
      <c r="LO8" s="51" t="s">
        <v>48</v>
      </c>
      <c r="LP8" s="51" t="s">
        <v>49</v>
      </c>
      <c r="LQ8" s="51" t="s">
        <v>50</v>
      </c>
      <c r="LR8" s="51" t="s">
        <v>51</v>
      </c>
      <c r="LS8" s="54" t="s">
        <v>45</v>
      </c>
      <c r="LT8" s="623"/>
      <c r="LU8" s="53" t="s">
        <v>43</v>
      </c>
      <c r="LV8" s="51" t="s">
        <v>44</v>
      </c>
      <c r="LW8" s="52" t="s">
        <v>45</v>
      </c>
      <c r="LX8" s="37" t="s">
        <v>83</v>
      </c>
      <c r="LY8" s="51" t="s">
        <v>47</v>
      </c>
      <c r="LZ8" s="51" t="s">
        <v>48</v>
      </c>
      <c r="MA8" s="51" t="s">
        <v>49</v>
      </c>
      <c r="MB8" s="51" t="s">
        <v>50</v>
      </c>
      <c r="MC8" s="51" t="s">
        <v>51</v>
      </c>
      <c r="MD8" s="54" t="s">
        <v>45</v>
      </c>
      <c r="ME8" s="623"/>
      <c r="MF8" s="53" t="s">
        <v>43</v>
      </c>
      <c r="MG8" s="51" t="s">
        <v>44</v>
      </c>
      <c r="MH8" s="52" t="s">
        <v>45</v>
      </c>
      <c r="MI8" s="37" t="s">
        <v>83</v>
      </c>
      <c r="MJ8" s="51" t="s">
        <v>47</v>
      </c>
      <c r="MK8" s="51" t="s">
        <v>48</v>
      </c>
      <c r="ML8" s="51" t="s">
        <v>49</v>
      </c>
      <c r="MM8" s="51" t="s">
        <v>50</v>
      </c>
      <c r="MN8" s="51" t="s">
        <v>51</v>
      </c>
      <c r="MO8" s="54" t="s">
        <v>45</v>
      </c>
      <c r="MP8" s="623"/>
      <c r="MQ8" s="53" t="s">
        <v>43</v>
      </c>
      <c r="MR8" s="51" t="s">
        <v>44</v>
      </c>
      <c r="MS8" s="52" t="s">
        <v>45</v>
      </c>
      <c r="MT8" s="37" t="s">
        <v>83</v>
      </c>
      <c r="MU8" s="51" t="s">
        <v>47</v>
      </c>
      <c r="MV8" s="51" t="s">
        <v>48</v>
      </c>
      <c r="MW8" s="51" t="s">
        <v>49</v>
      </c>
      <c r="MX8" s="51" t="s">
        <v>50</v>
      </c>
      <c r="MY8" s="51" t="s">
        <v>51</v>
      </c>
      <c r="MZ8" s="54" t="s">
        <v>45</v>
      </c>
      <c r="NA8" s="623"/>
      <c r="NB8" s="53" t="s">
        <v>43</v>
      </c>
      <c r="NC8" s="51" t="s">
        <v>44</v>
      </c>
      <c r="ND8" s="52" t="s">
        <v>45</v>
      </c>
      <c r="NE8" s="37" t="s">
        <v>83</v>
      </c>
      <c r="NF8" s="51" t="s">
        <v>47</v>
      </c>
      <c r="NG8" s="51" t="s">
        <v>48</v>
      </c>
      <c r="NH8" s="51" t="s">
        <v>49</v>
      </c>
      <c r="NI8" s="51" t="s">
        <v>50</v>
      </c>
      <c r="NJ8" s="51" t="s">
        <v>51</v>
      </c>
      <c r="NK8" s="54" t="s">
        <v>45</v>
      </c>
      <c r="NL8" s="623"/>
      <c r="NM8" s="53" t="s">
        <v>43</v>
      </c>
      <c r="NN8" s="51" t="s">
        <v>44</v>
      </c>
      <c r="NO8" s="52" t="s">
        <v>45</v>
      </c>
      <c r="NP8" s="37" t="s">
        <v>83</v>
      </c>
      <c r="NQ8" s="51" t="s">
        <v>47</v>
      </c>
      <c r="NR8" s="51" t="s">
        <v>48</v>
      </c>
      <c r="NS8" s="51" t="s">
        <v>49</v>
      </c>
      <c r="NT8" s="51" t="s">
        <v>50</v>
      </c>
      <c r="NU8" s="51" t="s">
        <v>51</v>
      </c>
      <c r="NV8" s="54" t="s">
        <v>45</v>
      </c>
      <c r="NW8" s="623"/>
      <c r="NX8" s="53" t="s">
        <v>43</v>
      </c>
      <c r="NY8" s="51" t="s">
        <v>44</v>
      </c>
      <c r="NZ8" s="52" t="s">
        <v>45</v>
      </c>
      <c r="OA8" s="37" t="s">
        <v>83</v>
      </c>
      <c r="OB8" s="51" t="s">
        <v>47</v>
      </c>
      <c r="OC8" s="51" t="s">
        <v>48</v>
      </c>
      <c r="OD8" s="51" t="s">
        <v>49</v>
      </c>
      <c r="OE8" s="51" t="s">
        <v>50</v>
      </c>
      <c r="OF8" s="51" t="s">
        <v>51</v>
      </c>
      <c r="OG8" s="54" t="s">
        <v>45</v>
      </c>
      <c r="OH8" s="623"/>
      <c r="OI8" s="53" t="s">
        <v>43</v>
      </c>
      <c r="OJ8" s="51" t="s">
        <v>44</v>
      </c>
      <c r="OK8" s="52" t="s">
        <v>45</v>
      </c>
      <c r="OL8" s="28" t="s">
        <v>83</v>
      </c>
      <c r="OM8" s="51" t="s">
        <v>47</v>
      </c>
      <c r="ON8" s="51" t="s">
        <v>48</v>
      </c>
      <c r="OO8" s="51" t="s">
        <v>49</v>
      </c>
      <c r="OP8" s="51" t="s">
        <v>50</v>
      </c>
      <c r="OQ8" s="51" t="s">
        <v>51</v>
      </c>
      <c r="OR8" s="54" t="s">
        <v>45</v>
      </c>
      <c r="OS8" s="623"/>
    </row>
    <row r="9" spans="2:409" s="442" customFormat="1" ht="21" customHeight="1" x14ac:dyDescent="0.2">
      <c r="B9" s="466" t="s">
        <v>4</v>
      </c>
      <c r="C9" s="358">
        <v>25136305</v>
      </c>
      <c r="D9" s="359">
        <v>45472602</v>
      </c>
      <c r="E9" s="360">
        <v>70608907</v>
      </c>
      <c r="F9" s="361">
        <v>0</v>
      </c>
      <c r="G9" s="359">
        <v>258678349</v>
      </c>
      <c r="H9" s="359">
        <v>356403841</v>
      </c>
      <c r="I9" s="359">
        <v>305375445</v>
      </c>
      <c r="J9" s="359">
        <v>313188933</v>
      </c>
      <c r="K9" s="359">
        <v>223119432</v>
      </c>
      <c r="L9" s="362">
        <v>1456766000</v>
      </c>
      <c r="M9" s="363">
        <v>1527374907</v>
      </c>
      <c r="N9" s="358">
        <v>7913357</v>
      </c>
      <c r="O9" s="359">
        <v>17027050</v>
      </c>
      <c r="P9" s="364">
        <v>24940407</v>
      </c>
      <c r="Q9" s="358">
        <v>0</v>
      </c>
      <c r="R9" s="359">
        <v>82506133</v>
      </c>
      <c r="S9" s="359">
        <v>122514627</v>
      </c>
      <c r="T9" s="359">
        <v>99968346</v>
      </c>
      <c r="U9" s="359">
        <v>114307703</v>
      </c>
      <c r="V9" s="359">
        <v>100792401</v>
      </c>
      <c r="W9" s="364">
        <v>520089210</v>
      </c>
      <c r="X9" s="363">
        <v>545029617</v>
      </c>
      <c r="Y9" s="358">
        <v>0</v>
      </c>
      <c r="Z9" s="359">
        <v>0</v>
      </c>
      <c r="AA9" s="364">
        <v>0</v>
      </c>
      <c r="AB9" s="365">
        <v>0</v>
      </c>
      <c r="AC9" s="366">
        <v>32543027</v>
      </c>
      <c r="AD9" s="366">
        <v>47454737</v>
      </c>
      <c r="AE9" s="366">
        <v>47723900</v>
      </c>
      <c r="AF9" s="366">
        <v>59112460</v>
      </c>
      <c r="AG9" s="366">
        <v>54147709</v>
      </c>
      <c r="AH9" s="364">
        <v>240981833</v>
      </c>
      <c r="AI9" s="363">
        <v>240981833</v>
      </c>
      <c r="AJ9" s="367">
        <v>0</v>
      </c>
      <c r="AK9" s="366">
        <v>57506</v>
      </c>
      <c r="AL9" s="364">
        <v>57506</v>
      </c>
      <c r="AM9" s="365">
        <v>0</v>
      </c>
      <c r="AN9" s="366">
        <v>532181</v>
      </c>
      <c r="AO9" s="362">
        <v>1539162</v>
      </c>
      <c r="AP9" s="366">
        <v>2595066</v>
      </c>
      <c r="AQ9" s="366">
        <v>6909132</v>
      </c>
      <c r="AR9" s="366">
        <v>11217467</v>
      </c>
      <c r="AS9" s="364">
        <v>22793008</v>
      </c>
      <c r="AT9" s="363">
        <v>22850514</v>
      </c>
      <c r="AU9" s="367">
        <v>4272457</v>
      </c>
      <c r="AV9" s="366">
        <v>11796703</v>
      </c>
      <c r="AW9" s="364">
        <v>16069160</v>
      </c>
      <c r="AX9" s="365">
        <v>0</v>
      </c>
      <c r="AY9" s="366">
        <v>31965529</v>
      </c>
      <c r="AZ9" s="366">
        <v>50055915</v>
      </c>
      <c r="BA9" s="366">
        <v>30028893</v>
      </c>
      <c r="BB9" s="366">
        <v>27384962</v>
      </c>
      <c r="BC9" s="366">
        <v>20294680</v>
      </c>
      <c r="BD9" s="364">
        <v>159729979</v>
      </c>
      <c r="BE9" s="368">
        <v>175799139</v>
      </c>
      <c r="BF9" s="367">
        <v>490130</v>
      </c>
      <c r="BG9" s="362">
        <v>1669544</v>
      </c>
      <c r="BH9" s="369">
        <v>2159674</v>
      </c>
      <c r="BI9" s="365">
        <v>0</v>
      </c>
      <c r="BJ9" s="366">
        <v>3136030</v>
      </c>
      <c r="BK9" s="366">
        <v>4902761</v>
      </c>
      <c r="BL9" s="366">
        <v>2813754</v>
      </c>
      <c r="BM9" s="366">
        <v>2709880</v>
      </c>
      <c r="BN9" s="366">
        <v>1378403</v>
      </c>
      <c r="BO9" s="364">
        <v>14940828</v>
      </c>
      <c r="BP9" s="363">
        <v>17100502</v>
      </c>
      <c r="BQ9" s="367">
        <v>3150770</v>
      </c>
      <c r="BR9" s="366">
        <v>3503297</v>
      </c>
      <c r="BS9" s="364">
        <v>6654067</v>
      </c>
      <c r="BT9" s="365">
        <v>0</v>
      </c>
      <c r="BU9" s="366">
        <v>14329366</v>
      </c>
      <c r="BV9" s="366">
        <v>18562052</v>
      </c>
      <c r="BW9" s="366">
        <v>16806733</v>
      </c>
      <c r="BX9" s="366">
        <v>18191269</v>
      </c>
      <c r="BY9" s="366">
        <v>13754142</v>
      </c>
      <c r="BZ9" s="364">
        <v>81643562</v>
      </c>
      <c r="CA9" s="363">
        <v>88297629</v>
      </c>
      <c r="CB9" s="367">
        <v>2407126</v>
      </c>
      <c r="CC9" s="366">
        <v>6160634</v>
      </c>
      <c r="CD9" s="364">
        <v>8567760</v>
      </c>
      <c r="CE9" s="365">
        <v>0</v>
      </c>
      <c r="CF9" s="366">
        <v>68452322</v>
      </c>
      <c r="CG9" s="366">
        <v>85220371</v>
      </c>
      <c r="CH9" s="370">
        <v>60670583</v>
      </c>
      <c r="CI9" s="366">
        <v>38497386</v>
      </c>
      <c r="CJ9" s="366">
        <v>17907100</v>
      </c>
      <c r="CK9" s="364">
        <v>270747762</v>
      </c>
      <c r="CL9" s="363">
        <v>279315522</v>
      </c>
      <c r="CM9" s="358">
        <v>0</v>
      </c>
      <c r="CN9" s="359">
        <v>0</v>
      </c>
      <c r="CO9" s="364">
        <v>0</v>
      </c>
      <c r="CP9" s="365">
        <v>0</v>
      </c>
      <c r="CQ9" s="366">
        <v>53821952</v>
      </c>
      <c r="CR9" s="366">
        <v>62103166</v>
      </c>
      <c r="CS9" s="366">
        <v>42111933</v>
      </c>
      <c r="CT9" s="366">
        <v>25824786</v>
      </c>
      <c r="CU9" s="366">
        <v>11711838</v>
      </c>
      <c r="CV9" s="371">
        <v>195573675</v>
      </c>
      <c r="CW9" s="363">
        <v>195573675</v>
      </c>
      <c r="CX9" s="367">
        <v>2407126</v>
      </c>
      <c r="CY9" s="366">
        <v>6160634</v>
      </c>
      <c r="CZ9" s="364">
        <v>8567760</v>
      </c>
      <c r="DA9" s="365">
        <v>0</v>
      </c>
      <c r="DB9" s="366">
        <v>14630370</v>
      </c>
      <c r="DC9" s="366">
        <v>23117205</v>
      </c>
      <c r="DD9" s="366">
        <v>18558650</v>
      </c>
      <c r="DE9" s="366">
        <v>12672600</v>
      </c>
      <c r="DF9" s="366">
        <v>6195262</v>
      </c>
      <c r="DG9" s="364">
        <v>75174087</v>
      </c>
      <c r="DH9" s="363">
        <v>83741847</v>
      </c>
      <c r="DI9" s="367">
        <v>66886</v>
      </c>
      <c r="DJ9" s="366">
        <v>715848</v>
      </c>
      <c r="DK9" s="369">
        <v>782734</v>
      </c>
      <c r="DL9" s="365">
        <v>0</v>
      </c>
      <c r="DM9" s="366">
        <v>8486265</v>
      </c>
      <c r="DN9" s="366">
        <v>18046488</v>
      </c>
      <c r="DO9" s="366">
        <v>23805083</v>
      </c>
      <c r="DP9" s="366">
        <v>20564212</v>
      </c>
      <c r="DQ9" s="366">
        <v>11759964</v>
      </c>
      <c r="DR9" s="372">
        <v>82662012</v>
      </c>
      <c r="DS9" s="363">
        <v>83444746</v>
      </c>
      <c r="DT9" s="367">
        <v>45275</v>
      </c>
      <c r="DU9" s="366">
        <v>557702</v>
      </c>
      <c r="DV9" s="364">
        <v>602977</v>
      </c>
      <c r="DW9" s="365">
        <v>0</v>
      </c>
      <c r="DX9" s="366">
        <v>7037293</v>
      </c>
      <c r="DY9" s="366">
        <v>15546750</v>
      </c>
      <c r="DZ9" s="366">
        <v>20472854</v>
      </c>
      <c r="EA9" s="366">
        <v>16434738</v>
      </c>
      <c r="EB9" s="366">
        <v>9265273</v>
      </c>
      <c r="EC9" s="364">
        <v>68756908</v>
      </c>
      <c r="ED9" s="363">
        <v>69359885</v>
      </c>
      <c r="EE9" s="367">
        <v>21611</v>
      </c>
      <c r="EF9" s="362">
        <v>158146</v>
      </c>
      <c r="EG9" s="364">
        <v>179757</v>
      </c>
      <c r="EH9" s="368">
        <v>0</v>
      </c>
      <c r="EI9" s="366">
        <v>1448972</v>
      </c>
      <c r="EJ9" s="366">
        <v>2499738</v>
      </c>
      <c r="EK9" s="366">
        <v>3332229</v>
      </c>
      <c r="EL9" s="366">
        <v>4129474</v>
      </c>
      <c r="EM9" s="370">
        <v>2494691</v>
      </c>
      <c r="EN9" s="362">
        <v>13905104</v>
      </c>
      <c r="EO9" s="363">
        <v>14084861</v>
      </c>
      <c r="EP9" s="367">
        <v>0</v>
      </c>
      <c r="EQ9" s="366">
        <v>0</v>
      </c>
      <c r="ER9" s="362">
        <v>0</v>
      </c>
      <c r="ES9" s="365">
        <v>0</v>
      </c>
      <c r="ET9" s="366">
        <v>0</v>
      </c>
      <c r="EU9" s="366">
        <v>0</v>
      </c>
      <c r="EV9" s="366">
        <v>0</v>
      </c>
      <c r="EW9" s="366">
        <v>0</v>
      </c>
      <c r="EX9" s="366">
        <v>0</v>
      </c>
      <c r="EY9" s="371">
        <v>0</v>
      </c>
      <c r="EZ9" s="363">
        <v>0</v>
      </c>
      <c r="FA9" s="367">
        <v>0</v>
      </c>
      <c r="FB9" s="366">
        <v>0</v>
      </c>
      <c r="FC9" s="362">
        <v>0</v>
      </c>
      <c r="FD9" s="496">
        <v>0</v>
      </c>
      <c r="FE9" s="366">
        <v>0</v>
      </c>
      <c r="FF9" s="366">
        <v>0</v>
      </c>
      <c r="FG9" s="366">
        <v>0</v>
      </c>
      <c r="FH9" s="366">
        <v>0</v>
      </c>
      <c r="FI9" s="366">
        <v>0</v>
      </c>
      <c r="FJ9" s="371">
        <v>0</v>
      </c>
      <c r="FK9" s="363">
        <v>0</v>
      </c>
      <c r="FL9" s="367">
        <v>4592380</v>
      </c>
      <c r="FM9" s="366">
        <v>9581581</v>
      </c>
      <c r="FN9" s="364">
        <v>14173961</v>
      </c>
      <c r="FO9" s="365">
        <v>0</v>
      </c>
      <c r="FP9" s="366">
        <v>13990580</v>
      </c>
      <c r="FQ9" s="366">
        <v>32156507</v>
      </c>
      <c r="FR9" s="366">
        <v>23290485</v>
      </c>
      <c r="FS9" s="366">
        <v>21175358</v>
      </c>
      <c r="FT9" s="366">
        <v>14376572</v>
      </c>
      <c r="FU9" s="364">
        <v>104989502</v>
      </c>
      <c r="FV9" s="363">
        <v>119163463</v>
      </c>
      <c r="FW9" s="367">
        <v>2555465</v>
      </c>
      <c r="FX9" s="366">
        <v>6523692</v>
      </c>
      <c r="FY9" s="362">
        <v>9079157</v>
      </c>
      <c r="FZ9" s="368">
        <v>0</v>
      </c>
      <c r="GA9" s="366">
        <v>9582640</v>
      </c>
      <c r="GB9" s="374">
        <v>28360380</v>
      </c>
      <c r="GC9" s="366">
        <v>20833158</v>
      </c>
      <c r="GD9" s="374">
        <v>19123230</v>
      </c>
      <c r="GE9" s="366">
        <v>13458661</v>
      </c>
      <c r="GF9" s="371">
        <v>91358069</v>
      </c>
      <c r="GG9" s="375">
        <v>100437226</v>
      </c>
      <c r="GH9" s="376">
        <v>358917</v>
      </c>
      <c r="GI9" s="366">
        <v>627594</v>
      </c>
      <c r="GJ9" s="374">
        <v>986511</v>
      </c>
      <c r="GK9" s="361">
        <v>0</v>
      </c>
      <c r="GL9" s="366">
        <v>906561</v>
      </c>
      <c r="GM9" s="362">
        <v>1164120</v>
      </c>
      <c r="GN9" s="366">
        <v>774268</v>
      </c>
      <c r="GO9" s="362">
        <v>822852</v>
      </c>
      <c r="GP9" s="366">
        <v>389607</v>
      </c>
      <c r="GQ9" s="372">
        <v>4057408</v>
      </c>
      <c r="GR9" s="363">
        <v>5043919</v>
      </c>
      <c r="GS9" s="362">
        <v>1677998</v>
      </c>
      <c r="GT9" s="366">
        <v>2430295</v>
      </c>
      <c r="GU9" s="364">
        <v>4108293</v>
      </c>
      <c r="GV9" s="362">
        <v>0</v>
      </c>
      <c r="GW9" s="366">
        <v>3501379</v>
      </c>
      <c r="GX9" s="362">
        <v>2632007</v>
      </c>
      <c r="GY9" s="366">
        <v>1683059</v>
      </c>
      <c r="GZ9" s="362">
        <v>1229276</v>
      </c>
      <c r="HA9" s="366">
        <v>528304</v>
      </c>
      <c r="HB9" s="362">
        <v>9574025</v>
      </c>
      <c r="HC9" s="363">
        <v>13682318</v>
      </c>
      <c r="HD9" s="362">
        <v>10156556</v>
      </c>
      <c r="HE9" s="366">
        <v>11987489</v>
      </c>
      <c r="HF9" s="362">
        <v>22144045</v>
      </c>
      <c r="HG9" s="368">
        <v>0</v>
      </c>
      <c r="HH9" s="366">
        <v>85243049</v>
      </c>
      <c r="HI9" s="374">
        <v>98465848</v>
      </c>
      <c r="HJ9" s="366">
        <v>97640948</v>
      </c>
      <c r="HK9" s="374">
        <v>118644274</v>
      </c>
      <c r="HL9" s="366">
        <v>78283395</v>
      </c>
      <c r="HM9" s="371">
        <v>478277514</v>
      </c>
      <c r="HN9" s="362">
        <v>500421559</v>
      </c>
      <c r="HO9" s="473">
        <v>0</v>
      </c>
      <c r="HP9" s="474">
        <v>0</v>
      </c>
      <c r="HQ9" s="475">
        <v>0</v>
      </c>
      <c r="HR9" s="476">
        <v>0</v>
      </c>
      <c r="HS9" s="474">
        <v>0</v>
      </c>
      <c r="HT9" s="476">
        <v>0</v>
      </c>
      <c r="HU9" s="474">
        <v>0</v>
      </c>
      <c r="HV9" s="476">
        <v>0</v>
      </c>
      <c r="HW9" s="474">
        <v>0</v>
      </c>
      <c r="HX9" s="476">
        <v>0</v>
      </c>
      <c r="HY9" s="477">
        <v>0</v>
      </c>
      <c r="HZ9" s="377">
        <v>634686</v>
      </c>
      <c r="IA9" s="378">
        <v>1486084</v>
      </c>
      <c r="IB9" s="379">
        <v>2120770</v>
      </c>
      <c r="IC9" s="380">
        <v>0</v>
      </c>
      <c r="ID9" s="378">
        <v>52959280</v>
      </c>
      <c r="IE9" s="381">
        <v>72330800</v>
      </c>
      <c r="IF9" s="382">
        <v>78028105</v>
      </c>
      <c r="IG9" s="378">
        <v>59314816</v>
      </c>
      <c r="IH9" s="382">
        <v>42443666</v>
      </c>
      <c r="II9" s="383">
        <v>305076667</v>
      </c>
      <c r="IJ9" s="384">
        <v>307197437</v>
      </c>
      <c r="IK9" s="385">
        <v>0</v>
      </c>
      <c r="IL9" s="386">
        <v>0</v>
      </c>
      <c r="IM9" s="387">
        <v>0</v>
      </c>
      <c r="IN9" s="388">
        <v>0</v>
      </c>
      <c r="IO9" s="389">
        <v>1365750</v>
      </c>
      <c r="IP9" s="389">
        <v>3822959</v>
      </c>
      <c r="IQ9" s="389">
        <v>3015410</v>
      </c>
      <c r="IR9" s="389">
        <v>4414632</v>
      </c>
      <c r="IS9" s="389">
        <v>1975063</v>
      </c>
      <c r="IT9" s="390">
        <v>14593814</v>
      </c>
      <c r="IU9" s="391">
        <v>14593814</v>
      </c>
      <c r="IV9" s="392">
        <v>0</v>
      </c>
      <c r="IW9" s="389">
        <v>0</v>
      </c>
      <c r="IX9" s="393">
        <v>0</v>
      </c>
      <c r="IY9" s="500">
        <v>0</v>
      </c>
      <c r="IZ9" s="389">
        <v>154502</v>
      </c>
      <c r="JA9" s="389">
        <v>639807</v>
      </c>
      <c r="JB9" s="389">
        <v>461162</v>
      </c>
      <c r="JC9" s="389">
        <v>744668</v>
      </c>
      <c r="JD9" s="389">
        <v>1026094</v>
      </c>
      <c r="JE9" s="393">
        <v>3026233</v>
      </c>
      <c r="JF9" s="395">
        <v>3026233</v>
      </c>
      <c r="JG9" s="392">
        <v>0</v>
      </c>
      <c r="JH9" s="389">
        <v>0</v>
      </c>
      <c r="JI9" s="390">
        <v>0</v>
      </c>
      <c r="JJ9" s="396">
        <v>0</v>
      </c>
      <c r="JK9" s="389">
        <v>26254154</v>
      </c>
      <c r="JL9" s="389">
        <v>29204636</v>
      </c>
      <c r="JM9" s="389">
        <v>18551485</v>
      </c>
      <c r="JN9" s="389">
        <v>11502260</v>
      </c>
      <c r="JO9" s="389">
        <v>5229497</v>
      </c>
      <c r="JP9" s="393">
        <v>90742032</v>
      </c>
      <c r="JQ9" s="391">
        <v>90742032</v>
      </c>
      <c r="JR9" s="392">
        <v>0</v>
      </c>
      <c r="JS9" s="389">
        <v>0</v>
      </c>
      <c r="JT9" s="390">
        <v>0</v>
      </c>
      <c r="JU9" s="396">
        <v>0</v>
      </c>
      <c r="JV9" s="389">
        <v>3944115</v>
      </c>
      <c r="JW9" s="389">
        <v>4967825</v>
      </c>
      <c r="JX9" s="389">
        <v>7317994</v>
      </c>
      <c r="JY9" s="389">
        <v>3044444</v>
      </c>
      <c r="JZ9" s="389">
        <v>2498389</v>
      </c>
      <c r="KA9" s="393">
        <v>21772767</v>
      </c>
      <c r="KB9" s="391">
        <v>21772767</v>
      </c>
      <c r="KC9" s="397">
        <v>634686</v>
      </c>
      <c r="KD9" s="398">
        <v>1486084</v>
      </c>
      <c r="KE9" s="393">
        <v>2120770</v>
      </c>
      <c r="KF9" s="396">
        <v>0</v>
      </c>
      <c r="KG9" s="389">
        <v>7363589</v>
      </c>
      <c r="KH9" s="389">
        <v>7550872</v>
      </c>
      <c r="KI9" s="389">
        <v>14018724</v>
      </c>
      <c r="KJ9" s="389">
        <v>9266542</v>
      </c>
      <c r="KK9" s="389">
        <v>4123439</v>
      </c>
      <c r="KL9" s="393">
        <v>42323166</v>
      </c>
      <c r="KM9" s="399">
        <v>44443936</v>
      </c>
      <c r="KN9" s="385">
        <v>0</v>
      </c>
      <c r="KO9" s="386">
        <v>0</v>
      </c>
      <c r="KP9" s="387">
        <v>0</v>
      </c>
      <c r="KQ9" s="504">
        <v>0</v>
      </c>
      <c r="KR9" s="389">
        <v>12772213</v>
      </c>
      <c r="KS9" s="389">
        <v>22176202</v>
      </c>
      <c r="KT9" s="389">
        <v>27235229</v>
      </c>
      <c r="KU9" s="389">
        <v>20616513</v>
      </c>
      <c r="KV9" s="389">
        <v>16025155</v>
      </c>
      <c r="KW9" s="393">
        <v>98825312</v>
      </c>
      <c r="KX9" s="391">
        <v>98825312</v>
      </c>
      <c r="KY9" s="392">
        <v>0</v>
      </c>
      <c r="KZ9" s="389">
        <v>0</v>
      </c>
      <c r="LA9" s="393">
        <v>0</v>
      </c>
      <c r="LB9" s="508">
        <v>0</v>
      </c>
      <c r="LC9" s="389">
        <v>233054</v>
      </c>
      <c r="LD9" s="389">
        <v>616312</v>
      </c>
      <c r="LE9" s="389">
        <v>1012348</v>
      </c>
      <c r="LF9" s="389">
        <v>935813</v>
      </c>
      <c r="LG9" s="389">
        <v>806350</v>
      </c>
      <c r="LH9" s="393">
        <v>3603877</v>
      </c>
      <c r="LI9" s="395">
        <v>3603877</v>
      </c>
      <c r="LJ9" s="392">
        <v>0</v>
      </c>
      <c r="LK9" s="389">
        <v>0</v>
      </c>
      <c r="LL9" s="393">
        <v>0</v>
      </c>
      <c r="LM9" s="508">
        <v>0</v>
      </c>
      <c r="LN9" s="389">
        <v>183374</v>
      </c>
      <c r="LO9" s="389">
        <v>399640</v>
      </c>
      <c r="LP9" s="389">
        <v>1794727</v>
      </c>
      <c r="LQ9" s="389">
        <v>4244804</v>
      </c>
      <c r="LR9" s="389">
        <v>1622534</v>
      </c>
      <c r="LS9" s="393">
        <v>8245079</v>
      </c>
      <c r="LT9" s="391">
        <v>8245079</v>
      </c>
      <c r="LU9" s="392">
        <v>0</v>
      </c>
      <c r="LV9" s="389">
        <v>0</v>
      </c>
      <c r="LW9" s="393">
        <v>0</v>
      </c>
      <c r="LX9" s="508">
        <v>0</v>
      </c>
      <c r="LY9" s="389">
        <v>688529</v>
      </c>
      <c r="LZ9" s="389">
        <v>2952547</v>
      </c>
      <c r="MA9" s="389">
        <v>4621026</v>
      </c>
      <c r="MB9" s="389">
        <v>4545140</v>
      </c>
      <c r="MC9" s="389">
        <v>9137145</v>
      </c>
      <c r="MD9" s="393">
        <v>21944387</v>
      </c>
      <c r="ME9" s="395">
        <v>21944387</v>
      </c>
      <c r="MF9" s="392">
        <v>0</v>
      </c>
      <c r="MG9" s="389">
        <v>0</v>
      </c>
      <c r="MH9" s="393">
        <v>0</v>
      </c>
      <c r="MI9" s="508">
        <v>0</v>
      </c>
      <c r="MJ9" s="389">
        <v>14974066</v>
      </c>
      <c r="MK9" s="389">
        <v>39017281</v>
      </c>
      <c r="ML9" s="389">
        <v>100871742</v>
      </c>
      <c r="MM9" s="389">
        <v>148301207</v>
      </c>
      <c r="MN9" s="389">
        <v>106592032</v>
      </c>
      <c r="MO9" s="393">
        <v>409756328</v>
      </c>
      <c r="MP9" s="399">
        <v>409756328</v>
      </c>
      <c r="MQ9" s="392">
        <v>0</v>
      </c>
      <c r="MR9" s="389">
        <v>0</v>
      </c>
      <c r="MS9" s="393">
        <v>0</v>
      </c>
      <c r="MT9" s="508">
        <v>0</v>
      </c>
      <c r="MU9" s="389">
        <v>1988536</v>
      </c>
      <c r="MV9" s="389">
        <v>7717093</v>
      </c>
      <c r="MW9" s="389">
        <v>58156742</v>
      </c>
      <c r="MX9" s="389">
        <v>84572353</v>
      </c>
      <c r="MY9" s="389">
        <v>63137168</v>
      </c>
      <c r="MZ9" s="393">
        <v>215571892</v>
      </c>
      <c r="NA9" s="399">
        <v>215571892</v>
      </c>
      <c r="NB9" s="392">
        <v>0</v>
      </c>
      <c r="NC9" s="389">
        <v>0</v>
      </c>
      <c r="ND9" s="393">
        <v>0</v>
      </c>
      <c r="NE9" s="508">
        <v>0</v>
      </c>
      <c r="NF9" s="389">
        <v>12985530</v>
      </c>
      <c r="NG9" s="389">
        <v>30814678</v>
      </c>
      <c r="NH9" s="389">
        <v>42147182</v>
      </c>
      <c r="NI9" s="389">
        <v>59527865</v>
      </c>
      <c r="NJ9" s="389">
        <v>32930187</v>
      </c>
      <c r="NK9" s="393">
        <v>178405442</v>
      </c>
      <c r="NL9" s="391">
        <v>178405442</v>
      </c>
      <c r="NM9" s="392">
        <v>0</v>
      </c>
      <c r="NN9" s="389">
        <v>0</v>
      </c>
      <c r="NO9" s="393">
        <v>0</v>
      </c>
      <c r="NP9" s="508">
        <v>0</v>
      </c>
      <c r="NQ9" s="389">
        <v>0</v>
      </c>
      <c r="NR9" s="389">
        <v>0</v>
      </c>
      <c r="NS9" s="389">
        <v>110915</v>
      </c>
      <c r="NT9" s="389">
        <v>1299081</v>
      </c>
      <c r="NU9" s="389">
        <v>2238228</v>
      </c>
      <c r="NV9" s="393">
        <v>3648224</v>
      </c>
      <c r="NW9" s="395">
        <v>3648224</v>
      </c>
      <c r="NX9" s="392">
        <v>0</v>
      </c>
      <c r="NY9" s="389">
        <v>0</v>
      </c>
      <c r="NZ9" s="393">
        <v>0</v>
      </c>
      <c r="OA9" s="508">
        <v>0</v>
      </c>
      <c r="OB9" s="389">
        <v>0</v>
      </c>
      <c r="OC9" s="389">
        <v>485510</v>
      </c>
      <c r="OD9" s="389">
        <v>456903</v>
      </c>
      <c r="OE9" s="389">
        <v>2901908</v>
      </c>
      <c r="OF9" s="389">
        <v>8286449</v>
      </c>
      <c r="OG9" s="393">
        <v>12130770</v>
      </c>
      <c r="OH9" s="395">
        <v>12130770</v>
      </c>
      <c r="OI9" s="392">
        <v>25770991</v>
      </c>
      <c r="OJ9" s="389">
        <v>46958686</v>
      </c>
      <c r="OK9" s="390">
        <v>72729677</v>
      </c>
      <c r="OL9" s="396">
        <v>0</v>
      </c>
      <c r="OM9" s="389">
        <v>326611695</v>
      </c>
      <c r="ON9" s="389">
        <v>467751922</v>
      </c>
      <c r="OO9" s="389">
        <v>484275292</v>
      </c>
      <c r="OP9" s="389">
        <v>520804956</v>
      </c>
      <c r="OQ9" s="389">
        <v>372155130</v>
      </c>
      <c r="OR9" s="393">
        <v>2171598995</v>
      </c>
      <c r="OS9" s="399">
        <v>2244328672</v>
      </c>
    </row>
    <row r="10" spans="2:409" s="442" customFormat="1" ht="21" customHeight="1" x14ac:dyDescent="0.2">
      <c r="B10" s="467" t="s">
        <v>5</v>
      </c>
      <c r="C10" s="402">
        <v>11191963</v>
      </c>
      <c r="D10" s="403">
        <v>23357408</v>
      </c>
      <c r="E10" s="404">
        <v>34549371</v>
      </c>
      <c r="F10" s="405">
        <v>0</v>
      </c>
      <c r="G10" s="403">
        <v>93863013</v>
      </c>
      <c r="H10" s="403">
        <v>175414975</v>
      </c>
      <c r="I10" s="403">
        <v>136055245</v>
      </c>
      <c r="J10" s="403">
        <v>138685821</v>
      </c>
      <c r="K10" s="403">
        <v>94553896</v>
      </c>
      <c r="L10" s="405">
        <v>638572950</v>
      </c>
      <c r="M10" s="406">
        <v>673122321</v>
      </c>
      <c r="N10" s="402">
        <v>3778349</v>
      </c>
      <c r="O10" s="403">
        <v>9011360</v>
      </c>
      <c r="P10" s="404">
        <v>12789709</v>
      </c>
      <c r="Q10" s="402">
        <v>0</v>
      </c>
      <c r="R10" s="403">
        <v>30566163</v>
      </c>
      <c r="S10" s="403">
        <v>63319541</v>
      </c>
      <c r="T10" s="403">
        <v>45286647</v>
      </c>
      <c r="U10" s="403">
        <v>51785234</v>
      </c>
      <c r="V10" s="403">
        <v>45140068</v>
      </c>
      <c r="W10" s="404">
        <v>236097653</v>
      </c>
      <c r="X10" s="406">
        <v>248887362</v>
      </c>
      <c r="Y10" s="402">
        <v>0</v>
      </c>
      <c r="Z10" s="403">
        <v>0</v>
      </c>
      <c r="AA10" s="404">
        <v>0</v>
      </c>
      <c r="AB10" s="402">
        <v>0</v>
      </c>
      <c r="AC10" s="403">
        <v>12591181</v>
      </c>
      <c r="AD10" s="403">
        <v>23402754</v>
      </c>
      <c r="AE10" s="403">
        <v>20124938</v>
      </c>
      <c r="AF10" s="403">
        <v>25611160</v>
      </c>
      <c r="AG10" s="403">
        <v>23835724</v>
      </c>
      <c r="AH10" s="404">
        <v>105565757</v>
      </c>
      <c r="AI10" s="406">
        <v>105565757</v>
      </c>
      <c r="AJ10" s="402">
        <v>0</v>
      </c>
      <c r="AK10" s="403">
        <v>57506</v>
      </c>
      <c r="AL10" s="404">
        <v>57506</v>
      </c>
      <c r="AM10" s="402">
        <v>0</v>
      </c>
      <c r="AN10" s="403">
        <v>136707</v>
      </c>
      <c r="AO10" s="403">
        <v>434562</v>
      </c>
      <c r="AP10" s="403">
        <v>1289865</v>
      </c>
      <c r="AQ10" s="403">
        <v>2707045</v>
      </c>
      <c r="AR10" s="403">
        <v>6018063</v>
      </c>
      <c r="AS10" s="404">
        <v>10586242</v>
      </c>
      <c r="AT10" s="406">
        <v>10643748</v>
      </c>
      <c r="AU10" s="402">
        <v>2123456</v>
      </c>
      <c r="AV10" s="403">
        <v>6282638</v>
      </c>
      <c r="AW10" s="404">
        <v>8406094</v>
      </c>
      <c r="AX10" s="402">
        <v>0</v>
      </c>
      <c r="AY10" s="403">
        <v>11149052</v>
      </c>
      <c r="AZ10" s="403">
        <v>27931993</v>
      </c>
      <c r="BA10" s="403">
        <v>15136153</v>
      </c>
      <c r="BB10" s="403">
        <v>13957916</v>
      </c>
      <c r="BC10" s="403">
        <v>9457140</v>
      </c>
      <c r="BD10" s="404">
        <v>77632254</v>
      </c>
      <c r="BE10" s="406">
        <v>86038348</v>
      </c>
      <c r="BF10" s="402">
        <v>213026</v>
      </c>
      <c r="BG10" s="403">
        <v>810966</v>
      </c>
      <c r="BH10" s="407">
        <v>1023992</v>
      </c>
      <c r="BI10" s="408">
        <v>0</v>
      </c>
      <c r="BJ10" s="403">
        <v>869479</v>
      </c>
      <c r="BK10" s="403">
        <v>2501730</v>
      </c>
      <c r="BL10" s="403">
        <v>1157149</v>
      </c>
      <c r="BM10" s="403">
        <v>1284507</v>
      </c>
      <c r="BN10" s="403">
        <v>544974</v>
      </c>
      <c r="BO10" s="404">
        <v>6357839</v>
      </c>
      <c r="BP10" s="406">
        <v>7381831</v>
      </c>
      <c r="BQ10" s="402">
        <v>1441867</v>
      </c>
      <c r="BR10" s="403">
        <v>1860250</v>
      </c>
      <c r="BS10" s="404">
        <v>3302117</v>
      </c>
      <c r="BT10" s="402">
        <v>0</v>
      </c>
      <c r="BU10" s="403">
        <v>5819744</v>
      </c>
      <c r="BV10" s="403">
        <v>9048502</v>
      </c>
      <c r="BW10" s="403">
        <v>7578542</v>
      </c>
      <c r="BX10" s="403">
        <v>8224606</v>
      </c>
      <c r="BY10" s="403">
        <v>5284167</v>
      </c>
      <c r="BZ10" s="404">
        <v>35955561</v>
      </c>
      <c r="CA10" s="406">
        <v>39257678</v>
      </c>
      <c r="CB10" s="402">
        <v>1153286</v>
      </c>
      <c r="CC10" s="403">
        <v>3279873</v>
      </c>
      <c r="CD10" s="404">
        <v>4433159</v>
      </c>
      <c r="CE10" s="402">
        <v>0</v>
      </c>
      <c r="CF10" s="403">
        <v>21846493</v>
      </c>
      <c r="CG10" s="403">
        <v>38090993</v>
      </c>
      <c r="CH10" s="403">
        <v>23768074</v>
      </c>
      <c r="CI10" s="403">
        <v>15176076</v>
      </c>
      <c r="CJ10" s="403">
        <v>7220211</v>
      </c>
      <c r="CK10" s="404">
        <v>106101847</v>
      </c>
      <c r="CL10" s="406">
        <v>110535006</v>
      </c>
      <c r="CM10" s="402">
        <v>0</v>
      </c>
      <c r="CN10" s="403">
        <v>0</v>
      </c>
      <c r="CO10" s="404">
        <v>0</v>
      </c>
      <c r="CP10" s="408">
        <v>0</v>
      </c>
      <c r="CQ10" s="403">
        <v>17083068</v>
      </c>
      <c r="CR10" s="403">
        <v>26638425</v>
      </c>
      <c r="CS10" s="403">
        <v>15939382</v>
      </c>
      <c r="CT10" s="403">
        <v>9524524</v>
      </c>
      <c r="CU10" s="403">
        <v>4286766</v>
      </c>
      <c r="CV10" s="404">
        <v>73472165</v>
      </c>
      <c r="CW10" s="406">
        <v>73472165</v>
      </c>
      <c r="CX10" s="402">
        <v>1153286</v>
      </c>
      <c r="CY10" s="403">
        <v>3279873</v>
      </c>
      <c r="CZ10" s="404">
        <v>4433159</v>
      </c>
      <c r="DA10" s="402">
        <v>0</v>
      </c>
      <c r="DB10" s="403">
        <v>4763425</v>
      </c>
      <c r="DC10" s="403">
        <v>11452568</v>
      </c>
      <c r="DD10" s="403">
        <v>7828692</v>
      </c>
      <c r="DE10" s="403">
        <v>5651552</v>
      </c>
      <c r="DF10" s="403">
        <v>2933445</v>
      </c>
      <c r="DG10" s="404">
        <v>32629682</v>
      </c>
      <c r="DH10" s="406">
        <v>37062841</v>
      </c>
      <c r="DI10" s="402">
        <v>35944</v>
      </c>
      <c r="DJ10" s="403">
        <v>342439</v>
      </c>
      <c r="DK10" s="407">
        <v>378383</v>
      </c>
      <c r="DL10" s="408">
        <v>0</v>
      </c>
      <c r="DM10" s="403">
        <v>2839453</v>
      </c>
      <c r="DN10" s="403">
        <v>8855165</v>
      </c>
      <c r="DO10" s="403">
        <v>10936588</v>
      </c>
      <c r="DP10" s="403">
        <v>9125408</v>
      </c>
      <c r="DQ10" s="403">
        <v>5921315</v>
      </c>
      <c r="DR10" s="404">
        <v>37677929</v>
      </c>
      <c r="DS10" s="406">
        <v>38056312</v>
      </c>
      <c r="DT10" s="402">
        <v>14333</v>
      </c>
      <c r="DU10" s="403">
        <v>184293</v>
      </c>
      <c r="DV10" s="404">
        <v>198626</v>
      </c>
      <c r="DW10" s="402">
        <v>0</v>
      </c>
      <c r="DX10" s="403">
        <v>2383375</v>
      </c>
      <c r="DY10" s="403">
        <v>6959374</v>
      </c>
      <c r="DZ10" s="403">
        <v>8781176</v>
      </c>
      <c r="EA10" s="403">
        <v>6234703</v>
      </c>
      <c r="EB10" s="403">
        <v>4735241</v>
      </c>
      <c r="EC10" s="404">
        <v>29093869</v>
      </c>
      <c r="ED10" s="406">
        <v>29292495</v>
      </c>
      <c r="EE10" s="402">
        <v>21611</v>
      </c>
      <c r="EF10" s="407">
        <v>158146</v>
      </c>
      <c r="EG10" s="404">
        <v>179757</v>
      </c>
      <c r="EH10" s="402">
        <v>0</v>
      </c>
      <c r="EI10" s="403">
        <v>456078</v>
      </c>
      <c r="EJ10" s="403">
        <v>1895791</v>
      </c>
      <c r="EK10" s="403">
        <v>2155412</v>
      </c>
      <c r="EL10" s="403">
        <v>2890705</v>
      </c>
      <c r="EM10" s="403">
        <v>1186074</v>
      </c>
      <c r="EN10" s="407">
        <v>8584060</v>
      </c>
      <c r="EO10" s="406">
        <v>8763817</v>
      </c>
      <c r="EP10" s="402">
        <v>0</v>
      </c>
      <c r="EQ10" s="403">
        <v>0</v>
      </c>
      <c r="ER10" s="407">
        <v>0</v>
      </c>
      <c r="ES10" s="408">
        <v>0</v>
      </c>
      <c r="ET10" s="403">
        <v>0</v>
      </c>
      <c r="EU10" s="403">
        <v>0</v>
      </c>
      <c r="EV10" s="403">
        <v>0</v>
      </c>
      <c r="EW10" s="403">
        <v>0</v>
      </c>
      <c r="EX10" s="403">
        <v>0</v>
      </c>
      <c r="EY10" s="404">
        <v>0</v>
      </c>
      <c r="EZ10" s="406">
        <v>0</v>
      </c>
      <c r="FA10" s="402">
        <v>0</v>
      </c>
      <c r="FB10" s="403">
        <v>0</v>
      </c>
      <c r="FC10" s="407">
        <v>0</v>
      </c>
      <c r="FD10" s="497">
        <v>0</v>
      </c>
      <c r="FE10" s="403">
        <v>0</v>
      </c>
      <c r="FF10" s="403">
        <v>0</v>
      </c>
      <c r="FG10" s="403">
        <v>0</v>
      </c>
      <c r="FH10" s="403">
        <v>0</v>
      </c>
      <c r="FI10" s="403">
        <v>0</v>
      </c>
      <c r="FJ10" s="404">
        <v>0</v>
      </c>
      <c r="FK10" s="406">
        <v>0</v>
      </c>
      <c r="FL10" s="402">
        <v>1906884</v>
      </c>
      <c r="FM10" s="403">
        <v>4502484</v>
      </c>
      <c r="FN10" s="404">
        <v>6409368</v>
      </c>
      <c r="FO10" s="402">
        <v>0</v>
      </c>
      <c r="FP10" s="403">
        <v>4282719</v>
      </c>
      <c r="FQ10" s="403">
        <v>15273348</v>
      </c>
      <c r="FR10" s="403">
        <v>9331541</v>
      </c>
      <c r="FS10" s="403">
        <v>9307286</v>
      </c>
      <c r="FT10" s="403">
        <v>6079842</v>
      </c>
      <c r="FU10" s="404">
        <v>44274736</v>
      </c>
      <c r="FV10" s="406">
        <v>50684104</v>
      </c>
      <c r="FW10" s="410">
        <v>908096</v>
      </c>
      <c r="FX10" s="403">
        <v>2838220</v>
      </c>
      <c r="FY10" s="407">
        <v>3746316</v>
      </c>
      <c r="FZ10" s="408">
        <v>0</v>
      </c>
      <c r="GA10" s="403">
        <v>2717361</v>
      </c>
      <c r="GB10" s="403">
        <v>13202428</v>
      </c>
      <c r="GC10" s="403">
        <v>8479502</v>
      </c>
      <c r="GD10" s="403">
        <v>8216026</v>
      </c>
      <c r="GE10" s="403">
        <v>5738032</v>
      </c>
      <c r="GF10" s="404">
        <v>38353349</v>
      </c>
      <c r="GG10" s="411">
        <v>42099665</v>
      </c>
      <c r="GH10" s="410">
        <v>132335</v>
      </c>
      <c r="GI10" s="403">
        <v>272209</v>
      </c>
      <c r="GJ10" s="407">
        <v>404544</v>
      </c>
      <c r="GK10" s="408">
        <v>0</v>
      </c>
      <c r="GL10" s="403">
        <v>347899</v>
      </c>
      <c r="GM10" s="403">
        <v>619568</v>
      </c>
      <c r="GN10" s="403">
        <v>302434</v>
      </c>
      <c r="GO10" s="403">
        <v>426470</v>
      </c>
      <c r="GP10" s="403">
        <v>178780</v>
      </c>
      <c r="GQ10" s="404">
        <v>1875151</v>
      </c>
      <c r="GR10" s="406">
        <v>2279695</v>
      </c>
      <c r="GS10" s="402">
        <v>866453</v>
      </c>
      <c r="GT10" s="403">
        <v>1392055</v>
      </c>
      <c r="GU10" s="404">
        <v>2258508</v>
      </c>
      <c r="GV10" s="402">
        <v>0</v>
      </c>
      <c r="GW10" s="403">
        <v>1217459</v>
      </c>
      <c r="GX10" s="403">
        <v>1451352</v>
      </c>
      <c r="GY10" s="403">
        <v>549605</v>
      </c>
      <c r="GZ10" s="403">
        <v>664790</v>
      </c>
      <c r="HA10" s="403">
        <v>163030</v>
      </c>
      <c r="HB10" s="407">
        <v>4046236</v>
      </c>
      <c r="HC10" s="406">
        <v>6304744</v>
      </c>
      <c r="HD10" s="402">
        <v>4317500</v>
      </c>
      <c r="HE10" s="403">
        <v>6221252</v>
      </c>
      <c r="HF10" s="407">
        <v>10538752</v>
      </c>
      <c r="HG10" s="408">
        <v>0</v>
      </c>
      <c r="HH10" s="403">
        <v>34328185</v>
      </c>
      <c r="HI10" s="403">
        <v>49875928</v>
      </c>
      <c r="HJ10" s="403">
        <v>46732395</v>
      </c>
      <c r="HK10" s="403">
        <v>53291817</v>
      </c>
      <c r="HL10" s="403">
        <v>30192460</v>
      </c>
      <c r="HM10" s="404">
        <v>214420785</v>
      </c>
      <c r="HN10" s="405">
        <v>224959537</v>
      </c>
      <c r="HO10" s="478">
        <v>0</v>
      </c>
      <c r="HP10" s="479">
        <v>0</v>
      </c>
      <c r="HQ10" s="480">
        <v>0</v>
      </c>
      <c r="HR10" s="481">
        <v>0</v>
      </c>
      <c r="HS10" s="479">
        <v>0</v>
      </c>
      <c r="HT10" s="479">
        <v>0</v>
      </c>
      <c r="HU10" s="479">
        <v>0</v>
      </c>
      <c r="HV10" s="479">
        <v>0</v>
      </c>
      <c r="HW10" s="479">
        <v>0</v>
      </c>
      <c r="HX10" s="482">
        <v>0</v>
      </c>
      <c r="HY10" s="483">
        <v>0</v>
      </c>
      <c r="HZ10" s="412">
        <v>358956</v>
      </c>
      <c r="IA10" s="413">
        <v>678631</v>
      </c>
      <c r="IB10" s="414">
        <v>1037587</v>
      </c>
      <c r="IC10" s="415">
        <v>0</v>
      </c>
      <c r="ID10" s="416">
        <v>21061003</v>
      </c>
      <c r="IE10" s="417">
        <v>32885223</v>
      </c>
      <c r="IF10" s="418">
        <v>33659362</v>
      </c>
      <c r="IG10" s="416">
        <v>28583937</v>
      </c>
      <c r="IH10" s="418">
        <v>17108735</v>
      </c>
      <c r="II10" s="419">
        <v>133298260</v>
      </c>
      <c r="IJ10" s="420">
        <v>134335847</v>
      </c>
      <c r="IK10" s="421">
        <v>0</v>
      </c>
      <c r="IL10" s="422">
        <v>0</v>
      </c>
      <c r="IM10" s="423">
        <v>0</v>
      </c>
      <c r="IN10" s="424">
        <v>0</v>
      </c>
      <c r="IO10" s="425">
        <v>436343</v>
      </c>
      <c r="IP10" s="425">
        <v>2098138</v>
      </c>
      <c r="IQ10" s="425">
        <v>1814898</v>
      </c>
      <c r="IR10" s="425">
        <v>2042232</v>
      </c>
      <c r="IS10" s="425">
        <v>55692</v>
      </c>
      <c r="IT10" s="426">
        <v>6447303</v>
      </c>
      <c r="IU10" s="427">
        <v>6447303</v>
      </c>
      <c r="IV10" s="428">
        <v>0</v>
      </c>
      <c r="IW10" s="425">
        <v>0</v>
      </c>
      <c r="IX10" s="429">
        <v>0</v>
      </c>
      <c r="IY10" s="501">
        <v>0</v>
      </c>
      <c r="IZ10" s="425">
        <v>70371</v>
      </c>
      <c r="JA10" s="425">
        <v>394270</v>
      </c>
      <c r="JB10" s="425">
        <v>368768</v>
      </c>
      <c r="JC10" s="425">
        <v>629587</v>
      </c>
      <c r="JD10" s="425">
        <v>753235</v>
      </c>
      <c r="JE10" s="429">
        <v>2216231</v>
      </c>
      <c r="JF10" s="431">
        <v>2216231</v>
      </c>
      <c r="JG10" s="428">
        <v>0</v>
      </c>
      <c r="JH10" s="425">
        <v>0</v>
      </c>
      <c r="JI10" s="426">
        <v>0</v>
      </c>
      <c r="JJ10" s="432">
        <v>0</v>
      </c>
      <c r="JK10" s="425">
        <v>9545027</v>
      </c>
      <c r="JL10" s="425">
        <v>15692461</v>
      </c>
      <c r="JM10" s="425">
        <v>9313017</v>
      </c>
      <c r="JN10" s="425">
        <v>5715463</v>
      </c>
      <c r="JO10" s="425">
        <v>2437919</v>
      </c>
      <c r="JP10" s="429">
        <v>42703887</v>
      </c>
      <c r="JQ10" s="427">
        <v>42703887</v>
      </c>
      <c r="JR10" s="428">
        <v>0</v>
      </c>
      <c r="JS10" s="425">
        <v>0</v>
      </c>
      <c r="JT10" s="426">
        <v>0</v>
      </c>
      <c r="JU10" s="432">
        <v>0</v>
      </c>
      <c r="JV10" s="425">
        <v>1884440</v>
      </c>
      <c r="JW10" s="425">
        <v>2453573</v>
      </c>
      <c r="JX10" s="425">
        <v>3965653</v>
      </c>
      <c r="JY10" s="425">
        <v>1670590</v>
      </c>
      <c r="JZ10" s="425">
        <v>1872193</v>
      </c>
      <c r="KA10" s="429">
        <v>11846449</v>
      </c>
      <c r="KB10" s="427">
        <v>11846449</v>
      </c>
      <c r="KC10" s="433">
        <v>358956</v>
      </c>
      <c r="KD10" s="434">
        <v>678631</v>
      </c>
      <c r="KE10" s="429">
        <v>1037587</v>
      </c>
      <c r="KF10" s="432">
        <v>0</v>
      </c>
      <c r="KG10" s="425">
        <v>3063150</v>
      </c>
      <c r="KH10" s="425">
        <v>3828420</v>
      </c>
      <c r="KI10" s="425">
        <v>6149110</v>
      </c>
      <c r="KJ10" s="425">
        <v>6739375</v>
      </c>
      <c r="KK10" s="425">
        <v>1798231</v>
      </c>
      <c r="KL10" s="429">
        <v>21578286</v>
      </c>
      <c r="KM10" s="435">
        <v>22615873</v>
      </c>
      <c r="KN10" s="421">
        <v>0</v>
      </c>
      <c r="KO10" s="422">
        <v>0</v>
      </c>
      <c r="KP10" s="423">
        <v>0</v>
      </c>
      <c r="KQ10" s="505">
        <v>0</v>
      </c>
      <c r="KR10" s="425">
        <v>6061672</v>
      </c>
      <c r="KS10" s="425">
        <v>7259316</v>
      </c>
      <c r="KT10" s="425">
        <v>10940782</v>
      </c>
      <c r="KU10" s="425">
        <v>9177578</v>
      </c>
      <c r="KV10" s="425">
        <v>6023406</v>
      </c>
      <c r="KW10" s="429">
        <v>39462754</v>
      </c>
      <c r="KX10" s="427">
        <v>39462754</v>
      </c>
      <c r="KY10" s="428">
        <v>0</v>
      </c>
      <c r="KZ10" s="425">
        <v>0</v>
      </c>
      <c r="LA10" s="429">
        <v>0</v>
      </c>
      <c r="LB10" s="509">
        <v>0</v>
      </c>
      <c r="LC10" s="425">
        <v>0</v>
      </c>
      <c r="LD10" s="425">
        <v>0</v>
      </c>
      <c r="LE10" s="425">
        <v>0</v>
      </c>
      <c r="LF10" s="425">
        <v>0</v>
      </c>
      <c r="LG10" s="425">
        <v>0</v>
      </c>
      <c r="LH10" s="429">
        <v>0</v>
      </c>
      <c r="LI10" s="431">
        <v>0</v>
      </c>
      <c r="LJ10" s="428">
        <v>0</v>
      </c>
      <c r="LK10" s="425">
        <v>0</v>
      </c>
      <c r="LL10" s="429">
        <v>0</v>
      </c>
      <c r="LM10" s="509">
        <v>0</v>
      </c>
      <c r="LN10" s="425">
        <v>0</v>
      </c>
      <c r="LO10" s="425">
        <v>223454</v>
      </c>
      <c r="LP10" s="425">
        <v>0</v>
      </c>
      <c r="LQ10" s="425">
        <v>259826</v>
      </c>
      <c r="LR10" s="425">
        <v>277002</v>
      </c>
      <c r="LS10" s="429">
        <v>760282</v>
      </c>
      <c r="LT10" s="427">
        <v>760282</v>
      </c>
      <c r="LU10" s="428">
        <v>0</v>
      </c>
      <c r="LV10" s="425">
        <v>0</v>
      </c>
      <c r="LW10" s="429">
        <v>0</v>
      </c>
      <c r="LX10" s="509">
        <v>0</v>
      </c>
      <c r="LY10" s="425">
        <v>0</v>
      </c>
      <c r="LZ10" s="425">
        <v>935591</v>
      </c>
      <c r="MA10" s="425">
        <v>1107134</v>
      </c>
      <c r="MB10" s="425">
        <v>2349286</v>
      </c>
      <c r="MC10" s="425">
        <v>3891057</v>
      </c>
      <c r="MD10" s="429">
        <v>8283068</v>
      </c>
      <c r="ME10" s="431">
        <v>8283068</v>
      </c>
      <c r="MF10" s="428">
        <v>0</v>
      </c>
      <c r="MG10" s="425">
        <v>0</v>
      </c>
      <c r="MH10" s="429">
        <v>0</v>
      </c>
      <c r="MI10" s="509">
        <v>0</v>
      </c>
      <c r="MJ10" s="425">
        <v>6973851</v>
      </c>
      <c r="MK10" s="425">
        <v>20842685</v>
      </c>
      <c r="ML10" s="425">
        <v>51350648</v>
      </c>
      <c r="MM10" s="425">
        <v>66023440</v>
      </c>
      <c r="MN10" s="425">
        <v>48417019</v>
      </c>
      <c r="MO10" s="429">
        <v>193607643</v>
      </c>
      <c r="MP10" s="435">
        <v>193607643</v>
      </c>
      <c r="MQ10" s="428">
        <v>0</v>
      </c>
      <c r="MR10" s="425">
        <v>0</v>
      </c>
      <c r="MS10" s="429">
        <v>0</v>
      </c>
      <c r="MT10" s="509">
        <v>0</v>
      </c>
      <c r="MU10" s="425">
        <v>1335482</v>
      </c>
      <c r="MV10" s="425">
        <v>4604384</v>
      </c>
      <c r="MW10" s="425">
        <v>30824730</v>
      </c>
      <c r="MX10" s="425">
        <v>35861887</v>
      </c>
      <c r="MY10" s="425">
        <v>26724523</v>
      </c>
      <c r="MZ10" s="429">
        <v>99351006</v>
      </c>
      <c r="NA10" s="435">
        <v>99351006</v>
      </c>
      <c r="NB10" s="428">
        <v>0</v>
      </c>
      <c r="NC10" s="425">
        <v>0</v>
      </c>
      <c r="ND10" s="429">
        <v>0</v>
      </c>
      <c r="NE10" s="509">
        <v>0</v>
      </c>
      <c r="NF10" s="425">
        <v>5638369</v>
      </c>
      <c r="NG10" s="425">
        <v>16238301</v>
      </c>
      <c r="NH10" s="425">
        <v>20343096</v>
      </c>
      <c r="NI10" s="425">
        <v>28132907</v>
      </c>
      <c r="NJ10" s="425">
        <v>17701441</v>
      </c>
      <c r="NK10" s="429">
        <v>88054114</v>
      </c>
      <c r="NL10" s="427">
        <v>88054114</v>
      </c>
      <c r="NM10" s="428">
        <v>0</v>
      </c>
      <c r="NN10" s="425">
        <v>0</v>
      </c>
      <c r="NO10" s="429">
        <v>0</v>
      </c>
      <c r="NP10" s="509">
        <v>0</v>
      </c>
      <c r="NQ10" s="425">
        <v>0</v>
      </c>
      <c r="NR10" s="425">
        <v>0</v>
      </c>
      <c r="NS10" s="425">
        <v>0</v>
      </c>
      <c r="NT10" s="425">
        <v>272498</v>
      </c>
      <c r="NU10" s="425">
        <v>933877</v>
      </c>
      <c r="NV10" s="429">
        <v>1206375</v>
      </c>
      <c r="NW10" s="431">
        <v>1206375</v>
      </c>
      <c r="NX10" s="428">
        <v>0</v>
      </c>
      <c r="NY10" s="425">
        <v>0</v>
      </c>
      <c r="NZ10" s="429">
        <v>0</v>
      </c>
      <c r="OA10" s="509">
        <v>0</v>
      </c>
      <c r="OB10" s="425">
        <v>0</v>
      </c>
      <c r="OC10" s="425">
        <v>0</v>
      </c>
      <c r="OD10" s="425">
        <v>182822</v>
      </c>
      <c r="OE10" s="425">
        <v>1756148</v>
      </c>
      <c r="OF10" s="425">
        <v>3057178</v>
      </c>
      <c r="OG10" s="429">
        <v>4996148</v>
      </c>
      <c r="OH10" s="431">
        <v>4996148</v>
      </c>
      <c r="OI10" s="428">
        <v>11550919</v>
      </c>
      <c r="OJ10" s="425">
        <v>24036039</v>
      </c>
      <c r="OK10" s="426">
        <v>35586958</v>
      </c>
      <c r="OL10" s="432">
        <v>0</v>
      </c>
      <c r="OM10" s="425">
        <v>121897867</v>
      </c>
      <c r="ON10" s="425">
        <v>229142883</v>
      </c>
      <c r="OO10" s="425">
        <v>221065255</v>
      </c>
      <c r="OP10" s="425">
        <v>233293198</v>
      </c>
      <c r="OQ10" s="425">
        <v>160079650</v>
      </c>
      <c r="OR10" s="429">
        <v>965478853</v>
      </c>
      <c r="OS10" s="435">
        <v>1001065811</v>
      </c>
    </row>
    <row r="11" spans="2:409" ht="21" customHeight="1" x14ac:dyDescent="0.2">
      <c r="B11" s="468" t="s">
        <v>6</v>
      </c>
      <c r="C11" s="100">
        <v>3989456</v>
      </c>
      <c r="D11" s="104">
        <v>6153304</v>
      </c>
      <c r="E11" s="103">
        <v>10142760</v>
      </c>
      <c r="F11" s="99">
        <v>0</v>
      </c>
      <c r="G11" s="104">
        <v>53545289</v>
      </c>
      <c r="H11" s="104">
        <v>55020267</v>
      </c>
      <c r="I11" s="104">
        <v>46078951</v>
      </c>
      <c r="J11" s="104">
        <v>56680010</v>
      </c>
      <c r="K11" s="104">
        <v>38684660</v>
      </c>
      <c r="L11" s="99">
        <v>250009177</v>
      </c>
      <c r="M11" s="106">
        <v>260151937</v>
      </c>
      <c r="N11" s="100">
        <v>1363273</v>
      </c>
      <c r="O11" s="104">
        <v>2588947</v>
      </c>
      <c r="P11" s="103">
        <v>3952220</v>
      </c>
      <c r="Q11" s="100">
        <v>0</v>
      </c>
      <c r="R11" s="104">
        <v>18785125</v>
      </c>
      <c r="S11" s="104">
        <v>18307486</v>
      </c>
      <c r="T11" s="104">
        <v>15627081</v>
      </c>
      <c r="U11" s="104">
        <v>21170912</v>
      </c>
      <c r="V11" s="104">
        <v>16984248</v>
      </c>
      <c r="W11" s="103">
        <v>90874852</v>
      </c>
      <c r="X11" s="106">
        <v>94827072</v>
      </c>
      <c r="Y11" s="100">
        <v>0</v>
      </c>
      <c r="Z11" s="104">
        <v>0</v>
      </c>
      <c r="AA11" s="103">
        <v>0</v>
      </c>
      <c r="AB11" s="100">
        <v>0</v>
      </c>
      <c r="AC11" s="104">
        <v>6793505</v>
      </c>
      <c r="AD11" s="104">
        <v>7078483</v>
      </c>
      <c r="AE11" s="104">
        <v>6674425</v>
      </c>
      <c r="AF11" s="104">
        <v>10921559</v>
      </c>
      <c r="AG11" s="104">
        <v>10127137</v>
      </c>
      <c r="AH11" s="103">
        <v>41595109</v>
      </c>
      <c r="AI11" s="106">
        <v>41595109</v>
      </c>
      <c r="AJ11" s="100">
        <v>0</v>
      </c>
      <c r="AK11" s="104">
        <v>0</v>
      </c>
      <c r="AL11" s="103">
        <v>0</v>
      </c>
      <c r="AM11" s="100">
        <v>0</v>
      </c>
      <c r="AN11" s="104">
        <v>85055</v>
      </c>
      <c r="AO11" s="104">
        <v>533374</v>
      </c>
      <c r="AP11" s="104">
        <v>653270</v>
      </c>
      <c r="AQ11" s="104">
        <v>1457324</v>
      </c>
      <c r="AR11" s="104">
        <v>1029290</v>
      </c>
      <c r="AS11" s="103">
        <v>3758313</v>
      </c>
      <c r="AT11" s="106">
        <v>3758313</v>
      </c>
      <c r="AU11" s="100">
        <v>759700</v>
      </c>
      <c r="AV11" s="104">
        <v>1946554</v>
      </c>
      <c r="AW11" s="103">
        <v>2706254</v>
      </c>
      <c r="AX11" s="100">
        <v>0</v>
      </c>
      <c r="AY11" s="104">
        <v>8270183</v>
      </c>
      <c r="AZ11" s="104">
        <v>7106810</v>
      </c>
      <c r="BA11" s="104">
        <v>5043590</v>
      </c>
      <c r="BB11" s="104">
        <v>5008831</v>
      </c>
      <c r="BC11" s="104">
        <v>2623573</v>
      </c>
      <c r="BD11" s="103">
        <v>28052987</v>
      </c>
      <c r="BE11" s="106">
        <v>30759241</v>
      </c>
      <c r="BF11" s="100">
        <v>102660</v>
      </c>
      <c r="BG11" s="104">
        <v>136734</v>
      </c>
      <c r="BH11" s="102">
        <v>239394</v>
      </c>
      <c r="BI11" s="101">
        <v>0</v>
      </c>
      <c r="BJ11" s="104">
        <v>609512</v>
      </c>
      <c r="BK11" s="104">
        <v>433948</v>
      </c>
      <c r="BL11" s="104">
        <v>493771</v>
      </c>
      <c r="BM11" s="104">
        <v>345988</v>
      </c>
      <c r="BN11" s="104">
        <v>188942</v>
      </c>
      <c r="BO11" s="103">
        <v>2072161</v>
      </c>
      <c r="BP11" s="106">
        <v>2311555</v>
      </c>
      <c r="BQ11" s="100">
        <v>500913</v>
      </c>
      <c r="BR11" s="104">
        <v>505659</v>
      </c>
      <c r="BS11" s="103">
        <v>1006572</v>
      </c>
      <c r="BT11" s="100">
        <v>0</v>
      </c>
      <c r="BU11" s="104">
        <v>3026870</v>
      </c>
      <c r="BV11" s="104">
        <v>3154871</v>
      </c>
      <c r="BW11" s="104">
        <v>2762025</v>
      </c>
      <c r="BX11" s="104">
        <v>3437210</v>
      </c>
      <c r="BY11" s="104">
        <v>3015306</v>
      </c>
      <c r="BZ11" s="103">
        <v>15396282</v>
      </c>
      <c r="CA11" s="106">
        <v>16402854</v>
      </c>
      <c r="CB11" s="100">
        <v>208431</v>
      </c>
      <c r="CC11" s="104">
        <v>599026</v>
      </c>
      <c r="CD11" s="103">
        <v>807457</v>
      </c>
      <c r="CE11" s="100">
        <v>0</v>
      </c>
      <c r="CF11" s="104">
        <v>12965912</v>
      </c>
      <c r="CG11" s="104">
        <v>12241491</v>
      </c>
      <c r="CH11" s="104">
        <v>9243445</v>
      </c>
      <c r="CI11" s="104">
        <v>5846064</v>
      </c>
      <c r="CJ11" s="104">
        <v>2643118</v>
      </c>
      <c r="CK11" s="103">
        <v>42940030</v>
      </c>
      <c r="CL11" s="106">
        <v>43747487</v>
      </c>
      <c r="CM11" s="100">
        <v>0</v>
      </c>
      <c r="CN11" s="104">
        <v>0</v>
      </c>
      <c r="CO11" s="103">
        <v>0</v>
      </c>
      <c r="CP11" s="101">
        <v>0</v>
      </c>
      <c r="CQ11" s="104">
        <v>10322493</v>
      </c>
      <c r="CR11" s="104">
        <v>8958226</v>
      </c>
      <c r="CS11" s="104">
        <v>6246339</v>
      </c>
      <c r="CT11" s="104">
        <v>3776817</v>
      </c>
      <c r="CU11" s="104">
        <v>1913450</v>
      </c>
      <c r="CV11" s="103">
        <v>31217325</v>
      </c>
      <c r="CW11" s="106">
        <v>31217325</v>
      </c>
      <c r="CX11" s="100">
        <v>208431</v>
      </c>
      <c r="CY11" s="104">
        <v>599026</v>
      </c>
      <c r="CZ11" s="103">
        <v>807457</v>
      </c>
      <c r="DA11" s="100">
        <v>0</v>
      </c>
      <c r="DB11" s="104">
        <v>2643419</v>
      </c>
      <c r="DC11" s="104">
        <v>3283265</v>
      </c>
      <c r="DD11" s="104">
        <v>2997106</v>
      </c>
      <c r="DE11" s="104">
        <v>2069247</v>
      </c>
      <c r="DF11" s="104">
        <v>729668</v>
      </c>
      <c r="DG11" s="103">
        <v>11722705</v>
      </c>
      <c r="DH11" s="106">
        <v>12530162</v>
      </c>
      <c r="DI11" s="100">
        <v>0</v>
      </c>
      <c r="DJ11" s="104">
        <v>50988</v>
      </c>
      <c r="DK11" s="102">
        <v>50988</v>
      </c>
      <c r="DL11" s="101">
        <v>0</v>
      </c>
      <c r="DM11" s="104">
        <v>1209251</v>
      </c>
      <c r="DN11" s="104">
        <v>2187565</v>
      </c>
      <c r="DO11" s="104">
        <v>3301819</v>
      </c>
      <c r="DP11" s="104">
        <v>2323965</v>
      </c>
      <c r="DQ11" s="104">
        <v>1372877</v>
      </c>
      <c r="DR11" s="103">
        <v>10395477</v>
      </c>
      <c r="DS11" s="106">
        <v>10446465</v>
      </c>
      <c r="DT11" s="100">
        <v>0</v>
      </c>
      <c r="DU11" s="104">
        <v>50988</v>
      </c>
      <c r="DV11" s="103">
        <v>50988</v>
      </c>
      <c r="DW11" s="100">
        <v>0</v>
      </c>
      <c r="DX11" s="104">
        <v>975498</v>
      </c>
      <c r="DY11" s="104">
        <v>1958314</v>
      </c>
      <c r="DZ11" s="104">
        <v>2712718</v>
      </c>
      <c r="EA11" s="104">
        <v>1753627</v>
      </c>
      <c r="EB11" s="104">
        <v>1003482</v>
      </c>
      <c r="EC11" s="103">
        <v>8403639</v>
      </c>
      <c r="ED11" s="106">
        <v>8454627</v>
      </c>
      <c r="EE11" s="100">
        <v>0</v>
      </c>
      <c r="EF11" s="102">
        <v>0</v>
      </c>
      <c r="EG11" s="103">
        <v>0</v>
      </c>
      <c r="EH11" s="100">
        <v>0</v>
      </c>
      <c r="EI11" s="104">
        <v>233753</v>
      </c>
      <c r="EJ11" s="104">
        <v>229251</v>
      </c>
      <c r="EK11" s="104">
        <v>589101</v>
      </c>
      <c r="EL11" s="104">
        <v>570338</v>
      </c>
      <c r="EM11" s="104">
        <v>369395</v>
      </c>
      <c r="EN11" s="102">
        <v>1991838</v>
      </c>
      <c r="EO11" s="106">
        <v>1991838</v>
      </c>
      <c r="EP11" s="100">
        <v>0</v>
      </c>
      <c r="EQ11" s="104">
        <v>0</v>
      </c>
      <c r="ER11" s="102">
        <v>0</v>
      </c>
      <c r="ES11" s="101">
        <v>0</v>
      </c>
      <c r="ET11" s="104">
        <v>0</v>
      </c>
      <c r="EU11" s="104">
        <v>0</v>
      </c>
      <c r="EV11" s="104">
        <v>0</v>
      </c>
      <c r="EW11" s="104">
        <v>0</v>
      </c>
      <c r="EX11" s="104">
        <v>0</v>
      </c>
      <c r="EY11" s="103">
        <v>0</v>
      </c>
      <c r="EZ11" s="106">
        <v>0</v>
      </c>
      <c r="FA11" s="100">
        <v>0</v>
      </c>
      <c r="FB11" s="104">
        <v>0</v>
      </c>
      <c r="FC11" s="102">
        <v>0</v>
      </c>
      <c r="FD11" s="498">
        <v>0</v>
      </c>
      <c r="FE11" s="104">
        <v>0</v>
      </c>
      <c r="FF11" s="104">
        <v>0</v>
      </c>
      <c r="FG11" s="104">
        <v>0</v>
      </c>
      <c r="FH11" s="104">
        <v>0</v>
      </c>
      <c r="FI11" s="104">
        <v>0</v>
      </c>
      <c r="FJ11" s="103">
        <v>0</v>
      </c>
      <c r="FK11" s="106">
        <v>0</v>
      </c>
      <c r="FL11" s="100">
        <v>707168</v>
      </c>
      <c r="FM11" s="104">
        <v>1231253</v>
      </c>
      <c r="FN11" s="103">
        <v>1938421</v>
      </c>
      <c r="FO11" s="100">
        <v>0</v>
      </c>
      <c r="FP11" s="104">
        <v>3223416</v>
      </c>
      <c r="FQ11" s="104">
        <v>5177036</v>
      </c>
      <c r="FR11" s="104">
        <v>3536353</v>
      </c>
      <c r="FS11" s="104">
        <v>3482241</v>
      </c>
      <c r="FT11" s="104">
        <v>2294796</v>
      </c>
      <c r="FU11" s="103">
        <v>17713842</v>
      </c>
      <c r="FV11" s="106">
        <v>19652263</v>
      </c>
      <c r="FW11" s="105">
        <v>473445</v>
      </c>
      <c r="FX11" s="104">
        <v>926268</v>
      </c>
      <c r="FY11" s="102">
        <v>1399713</v>
      </c>
      <c r="FZ11" s="101">
        <v>0</v>
      </c>
      <c r="GA11" s="104">
        <v>2355430</v>
      </c>
      <c r="GB11" s="104">
        <v>4318969</v>
      </c>
      <c r="GC11" s="104">
        <v>3158227</v>
      </c>
      <c r="GD11" s="104">
        <v>3030286</v>
      </c>
      <c r="GE11" s="104">
        <v>2071741</v>
      </c>
      <c r="GF11" s="103">
        <v>14934653</v>
      </c>
      <c r="GG11" s="294">
        <v>16334366</v>
      </c>
      <c r="GH11" s="105">
        <v>20328</v>
      </c>
      <c r="GI11" s="104">
        <v>183185</v>
      </c>
      <c r="GJ11" s="102">
        <v>203513</v>
      </c>
      <c r="GK11" s="101">
        <v>0</v>
      </c>
      <c r="GL11" s="104">
        <v>155967</v>
      </c>
      <c r="GM11" s="104">
        <v>271502</v>
      </c>
      <c r="GN11" s="104">
        <v>152362</v>
      </c>
      <c r="GO11" s="104">
        <v>232568</v>
      </c>
      <c r="GP11" s="104">
        <v>100555</v>
      </c>
      <c r="GQ11" s="103">
        <v>912954</v>
      </c>
      <c r="GR11" s="106">
        <v>1116467</v>
      </c>
      <c r="GS11" s="100">
        <v>213395</v>
      </c>
      <c r="GT11" s="104">
        <v>121800</v>
      </c>
      <c r="GU11" s="103">
        <v>335195</v>
      </c>
      <c r="GV11" s="100">
        <v>0</v>
      </c>
      <c r="GW11" s="104">
        <v>712019</v>
      </c>
      <c r="GX11" s="104">
        <v>586565</v>
      </c>
      <c r="GY11" s="104">
        <v>225764</v>
      </c>
      <c r="GZ11" s="104">
        <v>219387</v>
      </c>
      <c r="HA11" s="104">
        <v>122500</v>
      </c>
      <c r="HB11" s="102">
        <v>1866235</v>
      </c>
      <c r="HC11" s="106">
        <v>2201430</v>
      </c>
      <c r="HD11" s="100">
        <v>1710584</v>
      </c>
      <c r="HE11" s="104">
        <v>1683090</v>
      </c>
      <c r="HF11" s="102">
        <v>3393674</v>
      </c>
      <c r="HG11" s="101">
        <v>0</v>
      </c>
      <c r="HH11" s="104">
        <v>17361585</v>
      </c>
      <c r="HI11" s="104">
        <v>17106689</v>
      </c>
      <c r="HJ11" s="104">
        <v>14370253</v>
      </c>
      <c r="HK11" s="104">
        <v>23856828</v>
      </c>
      <c r="HL11" s="104">
        <v>15389621</v>
      </c>
      <c r="HM11" s="103">
        <v>88084976</v>
      </c>
      <c r="HN11" s="99">
        <v>91478650</v>
      </c>
      <c r="HO11" s="484">
        <v>0</v>
      </c>
      <c r="HP11" s="485">
        <v>0</v>
      </c>
      <c r="HQ11" s="486">
        <v>0</v>
      </c>
      <c r="HR11" s="487">
        <v>0</v>
      </c>
      <c r="HS11" s="485">
        <v>0</v>
      </c>
      <c r="HT11" s="485">
        <v>0</v>
      </c>
      <c r="HU11" s="485">
        <v>0</v>
      </c>
      <c r="HV11" s="485">
        <v>0</v>
      </c>
      <c r="HW11" s="485">
        <v>0</v>
      </c>
      <c r="HX11" s="488">
        <v>0</v>
      </c>
      <c r="HY11" s="489">
        <v>0</v>
      </c>
      <c r="HZ11" s="118">
        <v>11583</v>
      </c>
      <c r="IA11" s="119">
        <v>407072</v>
      </c>
      <c r="IB11" s="120">
        <v>418655</v>
      </c>
      <c r="IC11" s="133">
        <v>0</v>
      </c>
      <c r="ID11" s="119">
        <v>11120590</v>
      </c>
      <c r="IE11" s="134">
        <v>14721229</v>
      </c>
      <c r="IF11" s="120">
        <v>14780690</v>
      </c>
      <c r="IG11" s="119">
        <v>9135810</v>
      </c>
      <c r="IH11" s="120">
        <v>10156411</v>
      </c>
      <c r="II11" s="135">
        <v>59914730</v>
      </c>
      <c r="IJ11" s="126">
        <v>60333385</v>
      </c>
      <c r="IK11" s="219">
        <v>0</v>
      </c>
      <c r="IL11" s="223">
        <v>0</v>
      </c>
      <c r="IM11" s="224">
        <v>0</v>
      </c>
      <c r="IN11" s="127">
        <v>0</v>
      </c>
      <c r="IO11" s="109">
        <v>381847</v>
      </c>
      <c r="IP11" s="109">
        <v>776658</v>
      </c>
      <c r="IQ11" s="109">
        <v>557059</v>
      </c>
      <c r="IR11" s="109">
        <v>834752</v>
      </c>
      <c r="IS11" s="109">
        <v>981622</v>
      </c>
      <c r="IT11" s="128">
        <v>3531938</v>
      </c>
      <c r="IU11" s="296">
        <v>3531938</v>
      </c>
      <c r="IV11" s="129">
        <v>0</v>
      </c>
      <c r="IW11" s="109">
        <v>0</v>
      </c>
      <c r="IX11" s="110">
        <v>0</v>
      </c>
      <c r="IY11" s="502">
        <v>0</v>
      </c>
      <c r="IZ11" s="109">
        <v>69399</v>
      </c>
      <c r="JA11" s="109">
        <v>236182</v>
      </c>
      <c r="JB11" s="109">
        <v>92394</v>
      </c>
      <c r="JC11" s="109">
        <v>62619</v>
      </c>
      <c r="JD11" s="109">
        <v>272859</v>
      </c>
      <c r="JE11" s="110">
        <v>733453</v>
      </c>
      <c r="JF11" s="111">
        <v>733453</v>
      </c>
      <c r="JG11" s="129">
        <v>0</v>
      </c>
      <c r="JH11" s="109">
        <v>0</v>
      </c>
      <c r="JI11" s="128">
        <v>0</v>
      </c>
      <c r="JJ11" s="108">
        <v>0</v>
      </c>
      <c r="JK11" s="109">
        <v>4551653</v>
      </c>
      <c r="JL11" s="109">
        <v>4220238</v>
      </c>
      <c r="JM11" s="109">
        <v>2298780</v>
      </c>
      <c r="JN11" s="109">
        <v>1265639</v>
      </c>
      <c r="JO11" s="109">
        <v>904351</v>
      </c>
      <c r="JP11" s="110">
        <v>13240661</v>
      </c>
      <c r="JQ11" s="296">
        <v>13240661</v>
      </c>
      <c r="JR11" s="129">
        <v>0</v>
      </c>
      <c r="JS11" s="109">
        <v>0</v>
      </c>
      <c r="JT11" s="128">
        <v>0</v>
      </c>
      <c r="JU11" s="108">
        <v>0</v>
      </c>
      <c r="JV11" s="109">
        <v>1091050</v>
      </c>
      <c r="JW11" s="109">
        <v>1589988</v>
      </c>
      <c r="JX11" s="109">
        <v>2199163</v>
      </c>
      <c r="JY11" s="109">
        <v>510603</v>
      </c>
      <c r="JZ11" s="109">
        <v>550503</v>
      </c>
      <c r="KA11" s="110">
        <v>5941307</v>
      </c>
      <c r="KB11" s="296">
        <v>5941307</v>
      </c>
      <c r="KC11" s="221">
        <v>11583</v>
      </c>
      <c r="KD11" s="217">
        <v>407072</v>
      </c>
      <c r="KE11" s="110">
        <v>418655</v>
      </c>
      <c r="KF11" s="108">
        <v>0</v>
      </c>
      <c r="KG11" s="109">
        <v>1075979</v>
      </c>
      <c r="KH11" s="109">
        <v>1399650</v>
      </c>
      <c r="KI11" s="109">
        <v>1522412</v>
      </c>
      <c r="KJ11" s="109">
        <v>264349</v>
      </c>
      <c r="KK11" s="109">
        <v>776342</v>
      </c>
      <c r="KL11" s="110">
        <v>5038732</v>
      </c>
      <c r="KM11" s="130">
        <v>5457387</v>
      </c>
      <c r="KN11" s="219">
        <v>0</v>
      </c>
      <c r="KO11" s="223">
        <v>0</v>
      </c>
      <c r="KP11" s="224">
        <v>0</v>
      </c>
      <c r="KQ11" s="506">
        <v>0</v>
      </c>
      <c r="KR11" s="109">
        <v>3190995</v>
      </c>
      <c r="KS11" s="109">
        <v>5589837</v>
      </c>
      <c r="KT11" s="109">
        <v>4656906</v>
      </c>
      <c r="KU11" s="109">
        <v>3869554</v>
      </c>
      <c r="KV11" s="109">
        <v>4143035</v>
      </c>
      <c r="KW11" s="110">
        <v>21450327</v>
      </c>
      <c r="KX11" s="296">
        <v>21450327</v>
      </c>
      <c r="KY11" s="129">
        <v>0</v>
      </c>
      <c r="KZ11" s="109">
        <v>0</v>
      </c>
      <c r="LA11" s="110">
        <v>0</v>
      </c>
      <c r="LB11" s="510">
        <v>0</v>
      </c>
      <c r="LC11" s="109">
        <v>0</v>
      </c>
      <c r="LD11" s="109">
        <v>0</v>
      </c>
      <c r="LE11" s="109">
        <v>0</v>
      </c>
      <c r="LF11" s="109">
        <v>0</v>
      </c>
      <c r="LG11" s="109">
        <v>0</v>
      </c>
      <c r="LH11" s="110">
        <v>0</v>
      </c>
      <c r="LI11" s="111">
        <v>0</v>
      </c>
      <c r="LJ11" s="129">
        <v>0</v>
      </c>
      <c r="LK11" s="109">
        <v>0</v>
      </c>
      <c r="LL11" s="110">
        <v>0</v>
      </c>
      <c r="LM11" s="510">
        <v>0</v>
      </c>
      <c r="LN11" s="109">
        <v>183374</v>
      </c>
      <c r="LO11" s="109">
        <v>0</v>
      </c>
      <c r="LP11" s="109">
        <v>1585952</v>
      </c>
      <c r="LQ11" s="109">
        <v>1464003</v>
      </c>
      <c r="LR11" s="109">
        <v>434622</v>
      </c>
      <c r="LS11" s="110">
        <v>3667951</v>
      </c>
      <c r="LT11" s="296">
        <v>3667951</v>
      </c>
      <c r="LU11" s="129">
        <v>0</v>
      </c>
      <c r="LV11" s="109">
        <v>0</v>
      </c>
      <c r="LW11" s="110">
        <v>0</v>
      </c>
      <c r="LX11" s="510">
        <v>0</v>
      </c>
      <c r="LY11" s="109">
        <v>576293</v>
      </c>
      <c r="LZ11" s="109">
        <v>908676</v>
      </c>
      <c r="MA11" s="109">
        <v>1868024</v>
      </c>
      <c r="MB11" s="109">
        <v>864291</v>
      </c>
      <c r="MC11" s="109">
        <v>2093077</v>
      </c>
      <c r="MD11" s="110">
        <v>6310361</v>
      </c>
      <c r="ME11" s="111">
        <v>6310361</v>
      </c>
      <c r="MF11" s="129">
        <v>0</v>
      </c>
      <c r="MG11" s="109">
        <v>0</v>
      </c>
      <c r="MH11" s="110">
        <v>0</v>
      </c>
      <c r="MI11" s="510">
        <v>0</v>
      </c>
      <c r="MJ11" s="109">
        <v>3445251</v>
      </c>
      <c r="MK11" s="109">
        <v>3983361</v>
      </c>
      <c r="ML11" s="109">
        <v>12188232</v>
      </c>
      <c r="MM11" s="109">
        <v>23434163</v>
      </c>
      <c r="MN11" s="109">
        <v>16656603</v>
      </c>
      <c r="MO11" s="110">
        <v>59707610</v>
      </c>
      <c r="MP11" s="130">
        <v>59707610</v>
      </c>
      <c r="MQ11" s="129">
        <v>0</v>
      </c>
      <c r="MR11" s="109">
        <v>0</v>
      </c>
      <c r="MS11" s="110">
        <v>0</v>
      </c>
      <c r="MT11" s="510">
        <v>0</v>
      </c>
      <c r="MU11" s="109">
        <v>327826</v>
      </c>
      <c r="MV11" s="109">
        <v>1325567</v>
      </c>
      <c r="MW11" s="109">
        <v>7391013</v>
      </c>
      <c r="MX11" s="109">
        <v>10657495</v>
      </c>
      <c r="MY11" s="109">
        <v>9250508</v>
      </c>
      <c r="MZ11" s="110">
        <v>28952409</v>
      </c>
      <c r="NA11" s="130">
        <v>28952409</v>
      </c>
      <c r="NB11" s="129">
        <v>0</v>
      </c>
      <c r="NC11" s="109">
        <v>0</v>
      </c>
      <c r="ND11" s="110">
        <v>0</v>
      </c>
      <c r="NE11" s="510">
        <v>0</v>
      </c>
      <c r="NF11" s="109">
        <v>3117425</v>
      </c>
      <c r="NG11" s="109">
        <v>2657794</v>
      </c>
      <c r="NH11" s="109">
        <v>4686304</v>
      </c>
      <c r="NI11" s="109">
        <v>11697011</v>
      </c>
      <c r="NJ11" s="109">
        <v>5292390</v>
      </c>
      <c r="NK11" s="110">
        <v>27450924</v>
      </c>
      <c r="NL11" s="296">
        <v>27450924</v>
      </c>
      <c r="NM11" s="129">
        <v>0</v>
      </c>
      <c r="NN11" s="109">
        <v>0</v>
      </c>
      <c r="NO11" s="110">
        <v>0</v>
      </c>
      <c r="NP11" s="510">
        <v>0</v>
      </c>
      <c r="NQ11" s="109">
        <v>0</v>
      </c>
      <c r="NR11" s="109">
        <v>0</v>
      </c>
      <c r="NS11" s="109">
        <v>110915</v>
      </c>
      <c r="NT11" s="109">
        <v>781033</v>
      </c>
      <c r="NU11" s="109">
        <v>838871</v>
      </c>
      <c r="NV11" s="110">
        <v>1730819</v>
      </c>
      <c r="NW11" s="111">
        <v>1730819</v>
      </c>
      <c r="NX11" s="129">
        <v>0</v>
      </c>
      <c r="NY11" s="109">
        <v>0</v>
      </c>
      <c r="NZ11" s="110">
        <v>0</v>
      </c>
      <c r="OA11" s="510">
        <v>0</v>
      </c>
      <c r="OB11" s="109">
        <v>0</v>
      </c>
      <c r="OC11" s="109">
        <v>0</v>
      </c>
      <c r="OD11" s="109">
        <v>0</v>
      </c>
      <c r="OE11" s="109">
        <v>298624</v>
      </c>
      <c r="OF11" s="109">
        <v>1274834</v>
      </c>
      <c r="OG11" s="110">
        <v>1573458</v>
      </c>
      <c r="OH11" s="111">
        <v>1573458</v>
      </c>
      <c r="OI11" s="129">
        <v>4001039</v>
      </c>
      <c r="OJ11" s="109">
        <v>6560376</v>
      </c>
      <c r="OK11" s="128">
        <v>10561415</v>
      </c>
      <c r="OL11" s="108">
        <v>0</v>
      </c>
      <c r="OM11" s="109">
        <v>68111130</v>
      </c>
      <c r="ON11" s="109">
        <v>73724857</v>
      </c>
      <c r="OO11" s="109">
        <v>73047873</v>
      </c>
      <c r="OP11" s="109">
        <v>89249983</v>
      </c>
      <c r="OQ11" s="109">
        <v>65497674</v>
      </c>
      <c r="OR11" s="110">
        <v>369631517</v>
      </c>
      <c r="OS11" s="130">
        <v>380192932</v>
      </c>
    </row>
    <row r="12" spans="2:409" ht="21" customHeight="1" x14ac:dyDescent="0.2">
      <c r="B12" s="468" t="s">
        <v>14</v>
      </c>
      <c r="C12" s="100">
        <v>1138950</v>
      </c>
      <c r="D12" s="104">
        <v>2571233</v>
      </c>
      <c r="E12" s="103">
        <v>3710183</v>
      </c>
      <c r="F12" s="99">
        <v>0</v>
      </c>
      <c r="G12" s="104">
        <v>14246182</v>
      </c>
      <c r="H12" s="104">
        <v>22432646</v>
      </c>
      <c r="I12" s="104">
        <v>20078032</v>
      </c>
      <c r="J12" s="104">
        <v>17333486</v>
      </c>
      <c r="K12" s="104">
        <v>11780886</v>
      </c>
      <c r="L12" s="102">
        <v>85871232</v>
      </c>
      <c r="M12" s="106">
        <v>89581415</v>
      </c>
      <c r="N12" s="100">
        <v>176310</v>
      </c>
      <c r="O12" s="104">
        <v>949148</v>
      </c>
      <c r="P12" s="103">
        <v>1125458</v>
      </c>
      <c r="Q12" s="100">
        <v>0</v>
      </c>
      <c r="R12" s="104">
        <v>3399427</v>
      </c>
      <c r="S12" s="104">
        <v>7354433</v>
      </c>
      <c r="T12" s="104">
        <v>5301955</v>
      </c>
      <c r="U12" s="104">
        <v>6544231</v>
      </c>
      <c r="V12" s="104">
        <v>5632159</v>
      </c>
      <c r="W12" s="103">
        <v>28232205</v>
      </c>
      <c r="X12" s="106">
        <v>29357663</v>
      </c>
      <c r="Y12" s="100">
        <v>0</v>
      </c>
      <c r="Z12" s="104">
        <v>0</v>
      </c>
      <c r="AA12" s="103">
        <v>0</v>
      </c>
      <c r="AB12" s="100">
        <v>0</v>
      </c>
      <c r="AC12" s="104">
        <v>1340006</v>
      </c>
      <c r="AD12" s="104">
        <v>3184090</v>
      </c>
      <c r="AE12" s="104">
        <v>2608232</v>
      </c>
      <c r="AF12" s="104">
        <v>3574669</v>
      </c>
      <c r="AG12" s="104">
        <v>2676405</v>
      </c>
      <c r="AH12" s="103">
        <v>13383402</v>
      </c>
      <c r="AI12" s="106">
        <v>13383402</v>
      </c>
      <c r="AJ12" s="100">
        <v>0</v>
      </c>
      <c r="AK12" s="104">
        <v>0</v>
      </c>
      <c r="AL12" s="103">
        <v>0</v>
      </c>
      <c r="AM12" s="100">
        <v>0</v>
      </c>
      <c r="AN12" s="104">
        <v>12011</v>
      </c>
      <c r="AO12" s="104">
        <v>93270</v>
      </c>
      <c r="AP12" s="104">
        <v>105290</v>
      </c>
      <c r="AQ12" s="104">
        <v>488366</v>
      </c>
      <c r="AR12" s="104">
        <v>717870</v>
      </c>
      <c r="AS12" s="103">
        <v>1416807</v>
      </c>
      <c r="AT12" s="106">
        <v>1416807</v>
      </c>
      <c r="AU12" s="100">
        <v>90539</v>
      </c>
      <c r="AV12" s="104">
        <v>591355</v>
      </c>
      <c r="AW12" s="103">
        <v>681894</v>
      </c>
      <c r="AX12" s="100">
        <v>0</v>
      </c>
      <c r="AY12" s="104">
        <v>1050043</v>
      </c>
      <c r="AZ12" s="104">
        <v>2829227</v>
      </c>
      <c r="BA12" s="104">
        <v>1442526</v>
      </c>
      <c r="BB12" s="104">
        <v>1414781</v>
      </c>
      <c r="BC12" s="104">
        <v>1439226</v>
      </c>
      <c r="BD12" s="103">
        <v>8175803</v>
      </c>
      <c r="BE12" s="106">
        <v>8857697</v>
      </c>
      <c r="BF12" s="100">
        <v>0</v>
      </c>
      <c r="BG12" s="104">
        <v>136474</v>
      </c>
      <c r="BH12" s="102">
        <v>136474</v>
      </c>
      <c r="BI12" s="101">
        <v>0</v>
      </c>
      <c r="BJ12" s="104">
        <v>160034</v>
      </c>
      <c r="BK12" s="104">
        <v>101764</v>
      </c>
      <c r="BL12" s="104">
        <v>112959</v>
      </c>
      <c r="BM12" s="104">
        <v>0</v>
      </c>
      <c r="BN12" s="104">
        <v>14560</v>
      </c>
      <c r="BO12" s="103">
        <v>389317</v>
      </c>
      <c r="BP12" s="106">
        <v>525791</v>
      </c>
      <c r="BQ12" s="100">
        <v>85771</v>
      </c>
      <c r="BR12" s="104">
        <v>221319</v>
      </c>
      <c r="BS12" s="103">
        <v>307090</v>
      </c>
      <c r="BT12" s="100">
        <v>0</v>
      </c>
      <c r="BU12" s="104">
        <v>837333</v>
      </c>
      <c r="BV12" s="104">
        <v>1146082</v>
      </c>
      <c r="BW12" s="104">
        <v>1032948</v>
      </c>
      <c r="BX12" s="104">
        <v>1066415</v>
      </c>
      <c r="BY12" s="104">
        <v>784098</v>
      </c>
      <c r="BZ12" s="103">
        <v>4866876</v>
      </c>
      <c r="CA12" s="106">
        <v>5173966</v>
      </c>
      <c r="CB12" s="100">
        <v>110617</v>
      </c>
      <c r="CC12" s="104">
        <v>337423</v>
      </c>
      <c r="CD12" s="103">
        <v>448040</v>
      </c>
      <c r="CE12" s="100">
        <v>0</v>
      </c>
      <c r="CF12" s="104">
        <v>4656976</v>
      </c>
      <c r="CG12" s="104">
        <v>6243709</v>
      </c>
      <c r="CH12" s="104">
        <v>5932072</v>
      </c>
      <c r="CI12" s="104">
        <v>2663504</v>
      </c>
      <c r="CJ12" s="104">
        <v>1467243</v>
      </c>
      <c r="CK12" s="103">
        <v>20963504</v>
      </c>
      <c r="CL12" s="106">
        <v>21411544</v>
      </c>
      <c r="CM12" s="100">
        <v>0</v>
      </c>
      <c r="CN12" s="104">
        <v>0</v>
      </c>
      <c r="CO12" s="103">
        <v>0</v>
      </c>
      <c r="CP12" s="101">
        <v>0</v>
      </c>
      <c r="CQ12" s="104">
        <v>4328217</v>
      </c>
      <c r="CR12" s="104">
        <v>5185174</v>
      </c>
      <c r="CS12" s="104">
        <v>5180143</v>
      </c>
      <c r="CT12" s="104">
        <v>2009228</v>
      </c>
      <c r="CU12" s="104">
        <v>1258549</v>
      </c>
      <c r="CV12" s="103">
        <v>17961311</v>
      </c>
      <c r="CW12" s="106">
        <v>17961311</v>
      </c>
      <c r="CX12" s="100">
        <v>110617</v>
      </c>
      <c r="CY12" s="104">
        <v>337423</v>
      </c>
      <c r="CZ12" s="103">
        <v>448040</v>
      </c>
      <c r="DA12" s="100">
        <v>0</v>
      </c>
      <c r="DB12" s="104">
        <v>328759</v>
      </c>
      <c r="DC12" s="104">
        <v>1058535</v>
      </c>
      <c r="DD12" s="104">
        <v>751929</v>
      </c>
      <c r="DE12" s="104">
        <v>654276</v>
      </c>
      <c r="DF12" s="104">
        <v>208694</v>
      </c>
      <c r="DG12" s="103">
        <v>3002193</v>
      </c>
      <c r="DH12" s="106">
        <v>3450233</v>
      </c>
      <c r="DI12" s="100">
        <v>0</v>
      </c>
      <c r="DJ12" s="104">
        <v>0</v>
      </c>
      <c r="DK12" s="102">
        <v>0</v>
      </c>
      <c r="DL12" s="101">
        <v>0</v>
      </c>
      <c r="DM12" s="104">
        <v>438290</v>
      </c>
      <c r="DN12" s="104">
        <v>1601907</v>
      </c>
      <c r="DO12" s="104">
        <v>1224951</v>
      </c>
      <c r="DP12" s="104">
        <v>2213758</v>
      </c>
      <c r="DQ12" s="104">
        <v>490053</v>
      </c>
      <c r="DR12" s="103">
        <v>5968959</v>
      </c>
      <c r="DS12" s="106">
        <v>5968959</v>
      </c>
      <c r="DT12" s="100">
        <v>0</v>
      </c>
      <c r="DU12" s="104">
        <v>0</v>
      </c>
      <c r="DV12" s="103">
        <v>0</v>
      </c>
      <c r="DW12" s="100">
        <v>0</v>
      </c>
      <c r="DX12" s="104">
        <v>438290</v>
      </c>
      <c r="DY12" s="104">
        <v>1525547</v>
      </c>
      <c r="DZ12" s="104">
        <v>1195808</v>
      </c>
      <c r="EA12" s="104">
        <v>2193813</v>
      </c>
      <c r="EB12" s="104">
        <v>490053</v>
      </c>
      <c r="EC12" s="103">
        <v>5843511</v>
      </c>
      <c r="ED12" s="106">
        <v>5843511</v>
      </c>
      <c r="EE12" s="100">
        <v>0</v>
      </c>
      <c r="EF12" s="102">
        <v>0</v>
      </c>
      <c r="EG12" s="103">
        <v>0</v>
      </c>
      <c r="EH12" s="100">
        <v>0</v>
      </c>
      <c r="EI12" s="104">
        <v>0</v>
      </c>
      <c r="EJ12" s="104">
        <v>76360</v>
      </c>
      <c r="EK12" s="104">
        <v>29143</v>
      </c>
      <c r="EL12" s="104">
        <v>19945</v>
      </c>
      <c r="EM12" s="104">
        <v>0</v>
      </c>
      <c r="EN12" s="102">
        <v>125448</v>
      </c>
      <c r="EO12" s="106">
        <v>125448</v>
      </c>
      <c r="EP12" s="100">
        <v>0</v>
      </c>
      <c r="EQ12" s="104">
        <v>0</v>
      </c>
      <c r="ER12" s="102">
        <v>0</v>
      </c>
      <c r="ES12" s="101">
        <v>0</v>
      </c>
      <c r="ET12" s="104">
        <v>0</v>
      </c>
      <c r="EU12" s="104">
        <v>0</v>
      </c>
      <c r="EV12" s="104">
        <v>0</v>
      </c>
      <c r="EW12" s="104">
        <v>0</v>
      </c>
      <c r="EX12" s="104">
        <v>0</v>
      </c>
      <c r="EY12" s="103">
        <v>0</v>
      </c>
      <c r="EZ12" s="106">
        <v>0</v>
      </c>
      <c r="FA12" s="100">
        <v>0</v>
      </c>
      <c r="FB12" s="104">
        <v>0</v>
      </c>
      <c r="FC12" s="102">
        <v>0</v>
      </c>
      <c r="FD12" s="498">
        <v>0</v>
      </c>
      <c r="FE12" s="104">
        <v>0</v>
      </c>
      <c r="FF12" s="104">
        <v>0</v>
      </c>
      <c r="FG12" s="104">
        <v>0</v>
      </c>
      <c r="FH12" s="104">
        <v>0</v>
      </c>
      <c r="FI12" s="104">
        <v>0</v>
      </c>
      <c r="FJ12" s="103">
        <v>0</v>
      </c>
      <c r="FK12" s="106">
        <v>0</v>
      </c>
      <c r="FL12" s="100">
        <v>351267</v>
      </c>
      <c r="FM12" s="104">
        <v>652407</v>
      </c>
      <c r="FN12" s="103">
        <v>1003674</v>
      </c>
      <c r="FO12" s="100">
        <v>0</v>
      </c>
      <c r="FP12" s="104">
        <v>580275</v>
      </c>
      <c r="FQ12" s="104">
        <v>2304653</v>
      </c>
      <c r="FR12" s="104">
        <v>1800925</v>
      </c>
      <c r="FS12" s="104">
        <v>1244194</v>
      </c>
      <c r="FT12" s="104">
        <v>1103953</v>
      </c>
      <c r="FU12" s="103">
        <v>7034000</v>
      </c>
      <c r="FV12" s="106">
        <v>8037674</v>
      </c>
      <c r="FW12" s="105">
        <v>174867</v>
      </c>
      <c r="FX12" s="104">
        <v>505407</v>
      </c>
      <c r="FY12" s="102">
        <v>680274</v>
      </c>
      <c r="FZ12" s="101">
        <v>0</v>
      </c>
      <c r="GA12" s="104">
        <v>519386</v>
      </c>
      <c r="GB12" s="104">
        <v>1928017</v>
      </c>
      <c r="GC12" s="104">
        <v>1503453</v>
      </c>
      <c r="GD12" s="104">
        <v>1244194</v>
      </c>
      <c r="GE12" s="104">
        <v>1012109</v>
      </c>
      <c r="GF12" s="103">
        <v>6207159</v>
      </c>
      <c r="GG12" s="294">
        <v>6887433</v>
      </c>
      <c r="GH12" s="105">
        <v>36400</v>
      </c>
      <c r="GI12" s="104">
        <v>70000</v>
      </c>
      <c r="GJ12" s="102">
        <v>106400</v>
      </c>
      <c r="GK12" s="101">
        <v>0</v>
      </c>
      <c r="GL12" s="104">
        <v>60889</v>
      </c>
      <c r="GM12" s="104">
        <v>75846</v>
      </c>
      <c r="GN12" s="104">
        <v>64232</v>
      </c>
      <c r="GO12" s="104">
        <v>0</v>
      </c>
      <c r="GP12" s="104">
        <v>18190</v>
      </c>
      <c r="GQ12" s="103">
        <v>219157</v>
      </c>
      <c r="GR12" s="106">
        <v>325557</v>
      </c>
      <c r="GS12" s="100">
        <v>140000</v>
      </c>
      <c r="GT12" s="104">
        <v>77000</v>
      </c>
      <c r="GU12" s="103">
        <v>217000</v>
      </c>
      <c r="GV12" s="100">
        <v>0</v>
      </c>
      <c r="GW12" s="104">
        <v>0</v>
      </c>
      <c r="GX12" s="104">
        <v>300790</v>
      </c>
      <c r="GY12" s="104">
        <v>233240</v>
      </c>
      <c r="GZ12" s="104">
        <v>0</v>
      </c>
      <c r="HA12" s="104">
        <v>73654</v>
      </c>
      <c r="HB12" s="102">
        <v>607684</v>
      </c>
      <c r="HC12" s="106">
        <v>824684</v>
      </c>
      <c r="HD12" s="100">
        <v>500756</v>
      </c>
      <c r="HE12" s="104">
        <v>632255</v>
      </c>
      <c r="HF12" s="102">
        <v>1133011</v>
      </c>
      <c r="HG12" s="101">
        <v>0</v>
      </c>
      <c r="HH12" s="104">
        <v>5171214</v>
      </c>
      <c r="HI12" s="104">
        <v>4927944</v>
      </c>
      <c r="HJ12" s="104">
        <v>5818129</v>
      </c>
      <c r="HK12" s="104">
        <v>4667799</v>
      </c>
      <c r="HL12" s="104">
        <v>3087478</v>
      </c>
      <c r="HM12" s="103">
        <v>23672564</v>
      </c>
      <c r="HN12" s="99">
        <v>24805575</v>
      </c>
      <c r="HO12" s="484">
        <v>0</v>
      </c>
      <c r="HP12" s="485">
        <v>0</v>
      </c>
      <c r="HQ12" s="486">
        <v>0</v>
      </c>
      <c r="HR12" s="487">
        <v>0</v>
      </c>
      <c r="HS12" s="485">
        <v>0</v>
      </c>
      <c r="HT12" s="485">
        <v>0</v>
      </c>
      <c r="HU12" s="485">
        <v>0</v>
      </c>
      <c r="HV12" s="485">
        <v>0</v>
      </c>
      <c r="HW12" s="485">
        <v>0</v>
      </c>
      <c r="HX12" s="488">
        <v>0</v>
      </c>
      <c r="HY12" s="489">
        <v>0</v>
      </c>
      <c r="HZ12" s="118">
        <v>66806</v>
      </c>
      <c r="IA12" s="119">
        <v>67075</v>
      </c>
      <c r="IB12" s="120">
        <v>133881</v>
      </c>
      <c r="IC12" s="121">
        <v>0</v>
      </c>
      <c r="ID12" s="122">
        <v>2168778</v>
      </c>
      <c r="IE12" s="123">
        <v>4228475</v>
      </c>
      <c r="IF12" s="124">
        <v>5474906</v>
      </c>
      <c r="IG12" s="122">
        <v>4497450</v>
      </c>
      <c r="IH12" s="124">
        <v>2585092</v>
      </c>
      <c r="II12" s="125">
        <v>18954701</v>
      </c>
      <c r="IJ12" s="126">
        <v>19088582</v>
      </c>
      <c r="IK12" s="219">
        <v>0</v>
      </c>
      <c r="IL12" s="223">
        <v>0</v>
      </c>
      <c r="IM12" s="224">
        <v>0</v>
      </c>
      <c r="IN12" s="127">
        <v>0</v>
      </c>
      <c r="IO12" s="109">
        <v>48160</v>
      </c>
      <c r="IP12" s="109">
        <v>95844</v>
      </c>
      <c r="IQ12" s="109">
        <v>169916</v>
      </c>
      <c r="IR12" s="109">
        <v>0</v>
      </c>
      <c r="IS12" s="109">
        <v>0</v>
      </c>
      <c r="IT12" s="128">
        <v>313920</v>
      </c>
      <c r="IU12" s="296">
        <v>313920</v>
      </c>
      <c r="IV12" s="129">
        <v>0</v>
      </c>
      <c r="IW12" s="109">
        <v>0</v>
      </c>
      <c r="IX12" s="110">
        <v>0</v>
      </c>
      <c r="IY12" s="502">
        <v>0</v>
      </c>
      <c r="IZ12" s="109">
        <v>0</v>
      </c>
      <c r="JA12" s="109">
        <v>0</v>
      </c>
      <c r="JB12" s="109">
        <v>0</v>
      </c>
      <c r="JC12" s="109">
        <v>0</v>
      </c>
      <c r="JD12" s="109">
        <v>0</v>
      </c>
      <c r="JE12" s="110">
        <v>0</v>
      </c>
      <c r="JF12" s="111">
        <v>0</v>
      </c>
      <c r="JG12" s="129">
        <v>0</v>
      </c>
      <c r="JH12" s="109">
        <v>0</v>
      </c>
      <c r="JI12" s="128">
        <v>0</v>
      </c>
      <c r="JJ12" s="108">
        <v>0</v>
      </c>
      <c r="JK12" s="109">
        <v>1020587</v>
      </c>
      <c r="JL12" s="109">
        <v>2081263</v>
      </c>
      <c r="JM12" s="109">
        <v>1070941</v>
      </c>
      <c r="JN12" s="109">
        <v>1017172</v>
      </c>
      <c r="JO12" s="109">
        <v>317723</v>
      </c>
      <c r="JP12" s="110">
        <v>5507686</v>
      </c>
      <c r="JQ12" s="296">
        <v>5507686</v>
      </c>
      <c r="JR12" s="129">
        <v>0</v>
      </c>
      <c r="JS12" s="109">
        <v>0</v>
      </c>
      <c r="JT12" s="128">
        <v>0</v>
      </c>
      <c r="JU12" s="108">
        <v>0</v>
      </c>
      <c r="JV12" s="109">
        <v>263444</v>
      </c>
      <c r="JW12" s="109">
        <v>113153</v>
      </c>
      <c r="JX12" s="109">
        <v>0</v>
      </c>
      <c r="JY12" s="109">
        <v>187540</v>
      </c>
      <c r="JZ12" s="109">
        <v>0</v>
      </c>
      <c r="KA12" s="110">
        <v>564137</v>
      </c>
      <c r="KB12" s="296">
        <v>564137</v>
      </c>
      <c r="KC12" s="221">
        <v>66806</v>
      </c>
      <c r="KD12" s="217">
        <v>67075</v>
      </c>
      <c r="KE12" s="110">
        <v>133881</v>
      </c>
      <c r="KF12" s="108">
        <v>0</v>
      </c>
      <c r="KG12" s="109">
        <v>498809</v>
      </c>
      <c r="KH12" s="109">
        <v>438793</v>
      </c>
      <c r="KI12" s="109">
        <v>971616</v>
      </c>
      <c r="KJ12" s="109">
        <v>195444</v>
      </c>
      <c r="KK12" s="109">
        <v>474223</v>
      </c>
      <c r="KL12" s="110">
        <v>2578885</v>
      </c>
      <c r="KM12" s="130">
        <v>2712766</v>
      </c>
      <c r="KN12" s="219">
        <v>0</v>
      </c>
      <c r="KO12" s="223">
        <v>0</v>
      </c>
      <c r="KP12" s="224">
        <v>0</v>
      </c>
      <c r="KQ12" s="506">
        <v>0</v>
      </c>
      <c r="KR12" s="109">
        <v>337778</v>
      </c>
      <c r="KS12" s="109">
        <v>972240</v>
      </c>
      <c r="KT12" s="109">
        <v>2797910</v>
      </c>
      <c r="KU12" s="109">
        <v>2445422</v>
      </c>
      <c r="KV12" s="109">
        <v>1362254</v>
      </c>
      <c r="KW12" s="110">
        <v>7915604</v>
      </c>
      <c r="KX12" s="296">
        <v>7915604</v>
      </c>
      <c r="KY12" s="129">
        <v>0</v>
      </c>
      <c r="KZ12" s="109">
        <v>0</v>
      </c>
      <c r="LA12" s="110">
        <v>0</v>
      </c>
      <c r="LB12" s="510">
        <v>0</v>
      </c>
      <c r="LC12" s="109">
        <v>0</v>
      </c>
      <c r="LD12" s="109">
        <v>0</v>
      </c>
      <c r="LE12" s="109">
        <v>0</v>
      </c>
      <c r="LF12" s="109">
        <v>0</v>
      </c>
      <c r="LG12" s="109">
        <v>0</v>
      </c>
      <c r="LH12" s="110">
        <v>0</v>
      </c>
      <c r="LI12" s="111">
        <v>0</v>
      </c>
      <c r="LJ12" s="129">
        <v>0</v>
      </c>
      <c r="LK12" s="109">
        <v>0</v>
      </c>
      <c r="LL12" s="110">
        <v>0</v>
      </c>
      <c r="LM12" s="510">
        <v>0</v>
      </c>
      <c r="LN12" s="109">
        <v>0</v>
      </c>
      <c r="LO12" s="109">
        <v>176186</v>
      </c>
      <c r="LP12" s="109">
        <v>0</v>
      </c>
      <c r="LQ12" s="109">
        <v>451458</v>
      </c>
      <c r="LR12" s="109">
        <v>0</v>
      </c>
      <c r="LS12" s="110">
        <v>627644</v>
      </c>
      <c r="LT12" s="296">
        <v>627644</v>
      </c>
      <c r="LU12" s="129">
        <v>0</v>
      </c>
      <c r="LV12" s="109">
        <v>0</v>
      </c>
      <c r="LW12" s="110">
        <v>0</v>
      </c>
      <c r="LX12" s="510">
        <v>0</v>
      </c>
      <c r="LY12" s="109">
        <v>0</v>
      </c>
      <c r="LZ12" s="109">
        <v>350996</v>
      </c>
      <c r="MA12" s="109">
        <v>464523</v>
      </c>
      <c r="MB12" s="109">
        <v>200414</v>
      </c>
      <c r="MC12" s="109">
        <v>430892</v>
      </c>
      <c r="MD12" s="110">
        <v>1446825</v>
      </c>
      <c r="ME12" s="111">
        <v>1446825</v>
      </c>
      <c r="MF12" s="129">
        <v>0</v>
      </c>
      <c r="MG12" s="109">
        <v>0</v>
      </c>
      <c r="MH12" s="110">
        <v>0</v>
      </c>
      <c r="MI12" s="510">
        <v>0</v>
      </c>
      <c r="MJ12" s="109">
        <v>225670</v>
      </c>
      <c r="MK12" s="109">
        <v>2474844</v>
      </c>
      <c r="ML12" s="109">
        <v>7007599</v>
      </c>
      <c r="MM12" s="109">
        <v>10957761</v>
      </c>
      <c r="MN12" s="109">
        <v>9161047</v>
      </c>
      <c r="MO12" s="110">
        <v>29826921</v>
      </c>
      <c r="MP12" s="130">
        <v>29826921</v>
      </c>
      <c r="MQ12" s="129">
        <v>0</v>
      </c>
      <c r="MR12" s="109">
        <v>0</v>
      </c>
      <c r="MS12" s="110">
        <v>0</v>
      </c>
      <c r="MT12" s="510">
        <v>0</v>
      </c>
      <c r="MU12" s="109">
        <v>0</v>
      </c>
      <c r="MV12" s="109">
        <v>0</v>
      </c>
      <c r="MW12" s="109">
        <v>4722143</v>
      </c>
      <c r="MX12" s="109">
        <v>6862793</v>
      </c>
      <c r="MY12" s="109">
        <v>5097734</v>
      </c>
      <c r="MZ12" s="110">
        <v>16682670</v>
      </c>
      <c r="NA12" s="130">
        <v>16682670</v>
      </c>
      <c r="NB12" s="129">
        <v>0</v>
      </c>
      <c r="NC12" s="109">
        <v>0</v>
      </c>
      <c r="ND12" s="110">
        <v>0</v>
      </c>
      <c r="NE12" s="510">
        <v>0</v>
      </c>
      <c r="NF12" s="109">
        <v>225670</v>
      </c>
      <c r="NG12" s="109">
        <v>2474844</v>
      </c>
      <c r="NH12" s="109">
        <v>2011375</v>
      </c>
      <c r="NI12" s="109">
        <v>3849418</v>
      </c>
      <c r="NJ12" s="109">
        <v>2570341</v>
      </c>
      <c r="NK12" s="110">
        <v>11131648</v>
      </c>
      <c r="NL12" s="296">
        <v>11131648</v>
      </c>
      <c r="NM12" s="129">
        <v>0</v>
      </c>
      <c r="NN12" s="109">
        <v>0</v>
      </c>
      <c r="NO12" s="110">
        <v>0</v>
      </c>
      <c r="NP12" s="510">
        <v>0</v>
      </c>
      <c r="NQ12" s="109">
        <v>0</v>
      </c>
      <c r="NR12" s="109">
        <v>0</v>
      </c>
      <c r="NS12" s="109">
        <v>0</v>
      </c>
      <c r="NT12" s="109">
        <v>245550</v>
      </c>
      <c r="NU12" s="109">
        <v>263479</v>
      </c>
      <c r="NV12" s="110">
        <v>509029</v>
      </c>
      <c r="NW12" s="111">
        <v>509029</v>
      </c>
      <c r="NX12" s="129">
        <v>0</v>
      </c>
      <c r="NY12" s="109">
        <v>0</v>
      </c>
      <c r="NZ12" s="110">
        <v>0</v>
      </c>
      <c r="OA12" s="510">
        <v>0</v>
      </c>
      <c r="OB12" s="109">
        <v>0</v>
      </c>
      <c r="OC12" s="109">
        <v>0</v>
      </c>
      <c r="OD12" s="109">
        <v>274081</v>
      </c>
      <c r="OE12" s="109">
        <v>0</v>
      </c>
      <c r="OF12" s="109">
        <v>1229493</v>
      </c>
      <c r="OG12" s="110">
        <v>1503574</v>
      </c>
      <c r="OH12" s="111">
        <v>1503574</v>
      </c>
      <c r="OI12" s="129">
        <v>1205756</v>
      </c>
      <c r="OJ12" s="109">
        <v>2638308</v>
      </c>
      <c r="OK12" s="128">
        <v>3844064</v>
      </c>
      <c r="OL12" s="108">
        <v>0</v>
      </c>
      <c r="OM12" s="109">
        <v>16640630</v>
      </c>
      <c r="ON12" s="109">
        <v>29135965</v>
      </c>
      <c r="OO12" s="109">
        <v>32560537</v>
      </c>
      <c r="OP12" s="109">
        <v>32788697</v>
      </c>
      <c r="OQ12" s="109">
        <v>23527025</v>
      </c>
      <c r="OR12" s="110">
        <v>134652854</v>
      </c>
      <c r="OS12" s="130">
        <v>138496918</v>
      </c>
    </row>
    <row r="13" spans="2:409" ht="21" customHeight="1" x14ac:dyDescent="0.2">
      <c r="B13" s="468" t="s">
        <v>7</v>
      </c>
      <c r="C13" s="100">
        <v>1050405</v>
      </c>
      <c r="D13" s="104">
        <v>484054</v>
      </c>
      <c r="E13" s="103">
        <v>1534459</v>
      </c>
      <c r="F13" s="99">
        <v>0</v>
      </c>
      <c r="G13" s="104">
        <v>12100809</v>
      </c>
      <c r="H13" s="104">
        <v>9651291</v>
      </c>
      <c r="I13" s="104">
        <v>8653207</v>
      </c>
      <c r="J13" s="104">
        <v>9061660</v>
      </c>
      <c r="K13" s="104">
        <v>7147327</v>
      </c>
      <c r="L13" s="99">
        <v>46614294</v>
      </c>
      <c r="M13" s="106">
        <v>48148753</v>
      </c>
      <c r="N13" s="100">
        <v>246009</v>
      </c>
      <c r="O13" s="104">
        <v>125297</v>
      </c>
      <c r="P13" s="103">
        <v>371306</v>
      </c>
      <c r="Q13" s="100">
        <v>0</v>
      </c>
      <c r="R13" s="104">
        <v>3140501</v>
      </c>
      <c r="S13" s="104">
        <v>3231714</v>
      </c>
      <c r="T13" s="104">
        <v>3117088</v>
      </c>
      <c r="U13" s="104">
        <v>3669534</v>
      </c>
      <c r="V13" s="104">
        <v>2914202</v>
      </c>
      <c r="W13" s="103">
        <v>16073039</v>
      </c>
      <c r="X13" s="106">
        <v>16444345</v>
      </c>
      <c r="Y13" s="100">
        <v>0</v>
      </c>
      <c r="Z13" s="104">
        <v>0</v>
      </c>
      <c r="AA13" s="103">
        <v>0</v>
      </c>
      <c r="AB13" s="100">
        <v>0</v>
      </c>
      <c r="AC13" s="104">
        <v>1472392</v>
      </c>
      <c r="AD13" s="104">
        <v>1445788</v>
      </c>
      <c r="AE13" s="104">
        <v>1572853</v>
      </c>
      <c r="AF13" s="104">
        <v>1808206</v>
      </c>
      <c r="AG13" s="104">
        <v>1342617</v>
      </c>
      <c r="AH13" s="103">
        <v>7641856</v>
      </c>
      <c r="AI13" s="106">
        <v>7641856</v>
      </c>
      <c r="AJ13" s="100">
        <v>0</v>
      </c>
      <c r="AK13" s="104">
        <v>0</v>
      </c>
      <c r="AL13" s="103">
        <v>0</v>
      </c>
      <c r="AM13" s="100">
        <v>0</v>
      </c>
      <c r="AN13" s="104">
        <v>51149</v>
      </c>
      <c r="AO13" s="104">
        <v>122761</v>
      </c>
      <c r="AP13" s="104">
        <v>53245</v>
      </c>
      <c r="AQ13" s="104">
        <v>387430</v>
      </c>
      <c r="AR13" s="104">
        <v>414049</v>
      </c>
      <c r="AS13" s="103">
        <v>1028634</v>
      </c>
      <c r="AT13" s="106">
        <v>1028634</v>
      </c>
      <c r="AU13" s="100">
        <v>36089</v>
      </c>
      <c r="AV13" s="104">
        <v>66959</v>
      </c>
      <c r="AW13" s="103">
        <v>103048</v>
      </c>
      <c r="AX13" s="100">
        <v>0</v>
      </c>
      <c r="AY13" s="104">
        <v>873693</v>
      </c>
      <c r="AZ13" s="104">
        <v>971523</v>
      </c>
      <c r="BA13" s="104">
        <v>947091</v>
      </c>
      <c r="BB13" s="104">
        <v>831246</v>
      </c>
      <c r="BC13" s="104">
        <v>737025</v>
      </c>
      <c r="BD13" s="103">
        <v>4360578</v>
      </c>
      <c r="BE13" s="106">
        <v>4463626</v>
      </c>
      <c r="BF13" s="100">
        <v>13647</v>
      </c>
      <c r="BG13" s="104">
        <v>0</v>
      </c>
      <c r="BH13" s="102">
        <v>13647</v>
      </c>
      <c r="BI13" s="101">
        <v>0</v>
      </c>
      <c r="BJ13" s="104">
        <v>68796</v>
      </c>
      <c r="BK13" s="104">
        <v>240562</v>
      </c>
      <c r="BL13" s="104">
        <v>38940</v>
      </c>
      <c r="BM13" s="104">
        <v>155046</v>
      </c>
      <c r="BN13" s="104">
        <v>0</v>
      </c>
      <c r="BO13" s="103">
        <v>503344</v>
      </c>
      <c r="BP13" s="106">
        <v>516991</v>
      </c>
      <c r="BQ13" s="100">
        <v>196273</v>
      </c>
      <c r="BR13" s="104">
        <v>58338</v>
      </c>
      <c r="BS13" s="103">
        <v>254611</v>
      </c>
      <c r="BT13" s="100">
        <v>0</v>
      </c>
      <c r="BU13" s="104">
        <v>674471</v>
      </c>
      <c r="BV13" s="104">
        <v>451080</v>
      </c>
      <c r="BW13" s="104">
        <v>504959</v>
      </c>
      <c r="BX13" s="104">
        <v>487606</v>
      </c>
      <c r="BY13" s="104">
        <v>420511</v>
      </c>
      <c r="BZ13" s="103">
        <v>2538627</v>
      </c>
      <c r="CA13" s="106">
        <v>2793238</v>
      </c>
      <c r="CB13" s="100">
        <v>54152</v>
      </c>
      <c r="CC13" s="104">
        <v>129522</v>
      </c>
      <c r="CD13" s="103">
        <v>183674</v>
      </c>
      <c r="CE13" s="100">
        <v>0</v>
      </c>
      <c r="CF13" s="104">
        <v>3189603</v>
      </c>
      <c r="CG13" s="104">
        <v>2308381</v>
      </c>
      <c r="CH13" s="104">
        <v>1402057</v>
      </c>
      <c r="CI13" s="104">
        <v>1158217</v>
      </c>
      <c r="CJ13" s="104">
        <v>447199</v>
      </c>
      <c r="CK13" s="103">
        <v>8505457</v>
      </c>
      <c r="CL13" s="106">
        <v>8689131</v>
      </c>
      <c r="CM13" s="100">
        <v>0</v>
      </c>
      <c r="CN13" s="104">
        <v>0</v>
      </c>
      <c r="CO13" s="103">
        <v>0</v>
      </c>
      <c r="CP13" s="101">
        <v>0</v>
      </c>
      <c r="CQ13" s="104">
        <v>2557196</v>
      </c>
      <c r="CR13" s="104">
        <v>1664975</v>
      </c>
      <c r="CS13" s="104">
        <v>796501</v>
      </c>
      <c r="CT13" s="104">
        <v>767281</v>
      </c>
      <c r="CU13" s="104">
        <v>337193</v>
      </c>
      <c r="CV13" s="103">
        <v>6123146</v>
      </c>
      <c r="CW13" s="106">
        <v>6123146</v>
      </c>
      <c r="CX13" s="100">
        <v>54152</v>
      </c>
      <c r="CY13" s="104">
        <v>129522</v>
      </c>
      <c r="CZ13" s="103">
        <v>183674</v>
      </c>
      <c r="DA13" s="100">
        <v>0</v>
      </c>
      <c r="DB13" s="104">
        <v>632407</v>
      </c>
      <c r="DC13" s="104">
        <v>643406</v>
      </c>
      <c r="DD13" s="104">
        <v>605556</v>
      </c>
      <c r="DE13" s="104">
        <v>390936</v>
      </c>
      <c r="DF13" s="104">
        <v>110006</v>
      </c>
      <c r="DG13" s="103">
        <v>2382311</v>
      </c>
      <c r="DH13" s="106">
        <v>2565985</v>
      </c>
      <c r="DI13" s="100">
        <v>0</v>
      </c>
      <c r="DJ13" s="104">
        <v>0</v>
      </c>
      <c r="DK13" s="102">
        <v>0</v>
      </c>
      <c r="DL13" s="101">
        <v>0</v>
      </c>
      <c r="DM13" s="104">
        <v>557756</v>
      </c>
      <c r="DN13" s="104">
        <v>546215</v>
      </c>
      <c r="DO13" s="104">
        <v>168019</v>
      </c>
      <c r="DP13" s="104">
        <v>644577</v>
      </c>
      <c r="DQ13" s="104">
        <v>458093</v>
      </c>
      <c r="DR13" s="103">
        <v>2374660</v>
      </c>
      <c r="DS13" s="106">
        <v>2374660</v>
      </c>
      <c r="DT13" s="100">
        <v>0</v>
      </c>
      <c r="DU13" s="104">
        <v>0</v>
      </c>
      <c r="DV13" s="103">
        <v>0</v>
      </c>
      <c r="DW13" s="100">
        <v>0</v>
      </c>
      <c r="DX13" s="104">
        <v>557756</v>
      </c>
      <c r="DY13" s="104">
        <v>546215</v>
      </c>
      <c r="DZ13" s="104">
        <v>168019</v>
      </c>
      <c r="EA13" s="104">
        <v>565327</v>
      </c>
      <c r="EB13" s="104">
        <v>458093</v>
      </c>
      <c r="EC13" s="103">
        <v>2295410</v>
      </c>
      <c r="ED13" s="106">
        <v>2295410</v>
      </c>
      <c r="EE13" s="100">
        <v>0</v>
      </c>
      <c r="EF13" s="102">
        <v>0</v>
      </c>
      <c r="EG13" s="103">
        <v>0</v>
      </c>
      <c r="EH13" s="100">
        <v>0</v>
      </c>
      <c r="EI13" s="104">
        <v>0</v>
      </c>
      <c r="EJ13" s="104">
        <v>0</v>
      </c>
      <c r="EK13" s="104">
        <v>0</v>
      </c>
      <c r="EL13" s="104">
        <v>79250</v>
      </c>
      <c r="EM13" s="104">
        <v>0</v>
      </c>
      <c r="EN13" s="102">
        <v>79250</v>
      </c>
      <c r="EO13" s="106">
        <v>79250</v>
      </c>
      <c r="EP13" s="100">
        <v>0</v>
      </c>
      <c r="EQ13" s="104">
        <v>0</v>
      </c>
      <c r="ER13" s="102">
        <v>0</v>
      </c>
      <c r="ES13" s="101">
        <v>0</v>
      </c>
      <c r="ET13" s="104">
        <v>0</v>
      </c>
      <c r="EU13" s="104">
        <v>0</v>
      </c>
      <c r="EV13" s="104">
        <v>0</v>
      </c>
      <c r="EW13" s="104">
        <v>0</v>
      </c>
      <c r="EX13" s="104">
        <v>0</v>
      </c>
      <c r="EY13" s="103">
        <v>0</v>
      </c>
      <c r="EZ13" s="106">
        <v>0</v>
      </c>
      <c r="FA13" s="100">
        <v>0</v>
      </c>
      <c r="FB13" s="104">
        <v>0</v>
      </c>
      <c r="FC13" s="102">
        <v>0</v>
      </c>
      <c r="FD13" s="498">
        <v>0</v>
      </c>
      <c r="FE13" s="104">
        <v>0</v>
      </c>
      <c r="FF13" s="104">
        <v>0</v>
      </c>
      <c r="FG13" s="104">
        <v>0</v>
      </c>
      <c r="FH13" s="104">
        <v>0</v>
      </c>
      <c r="FI13" s="104">
        <v>0</v>
      </c>
      <c r="FJ13" s="103">
        <v>0</v>
      </c>
      <c r="FK13" s="106">
        <v>0</v>
      </c>
      <c r="FL13" s="100">
        <v>56507</v>
      </c>
      <c r="FM13" s="104">
        <v>74802</v>
      </c>
      <c r="FN13" s="103">
        <v>131309</v>
      </c>
      <c r="FO13" s="100">
        <v>0</v>
      </c>
      <c r="FP13" s="104">
        <v>843024</v>
      </c>
      <c r="FQ13" s="104">
        <v>922691</v>
      </c>
      <c r="FR13" s="104">
        <v>742483</v>
      </c>
      <c r="FS13" s="104">
        <v>686777</v>
      </c>
      <c r="FT13" s="104">
        <v>485660</v>
      </c>
      <c r="FU13" s="103">
        <v>3680635</v>
      </c>
      <c r="FV13" s="106">
        <v>3811944</v>
      </c>
      <c r="FW13" s="105">
        <v>31780</v>
      </c>
      <c r="FX13" s="104">
        <v>74802</v>
      </c>
      <c r="FY13" s="102">
        <v>106582</v>
      </c>
      <c r="FZ13" s="101">
        <v>0</v>
      </c>
      <c r="GA13" s="104">
        <v>397152</v>
      </c>
      <c r="GB13" s="104">
        <v>821303</v>
      </c>
      <c r="GC13" s="104">
        <v>605983</v>
      </c>
      <c r="GD13" s="104">
        <v>668297</v>
      </c>
      <c r="GE13" s="104">
        <v>437612</v>
      </c>
      <c r="GF13" s="103">
        <v>2930347</v>
      </c>
      <c r="GG13" s="294">
        <v>3036929</v>
      </c>
      <c r="GH13" s="105">
        <v>24727</v>
      </c>
      <c r="GI13" s="104">
        <v>0</v>
      </c>
      <c r="GJ13" s="102">
        <v>24727</v>
      </c>
      <c r="GK13" s="101">
        <v>0</v>
      </c>
      <c r="GL13" s="104">
        <v>93072</v>
      </c>
      <c r="GM13" s="104">
        <v>41888</v>
      </c>
      <c r="GN13" s="104">
        <v>0</v>
      </c>
      <c r="GO13" s="104">
        <v>18480</v>
      </c>
      <c r="GP13" s="104">
        <v>48048</v>
      </c>
      <c r="GQ13" s="103">
        <v>201488</v>
      </c>
      <c r="GR13" s="106">
        <v>226215</v>
      </c>
      <c r="GS13" s="100">
        <v>0</v>
      </c>
      <c r="GT13" s="104">
        <v>0</v>
      </c>
      <c r="GU13" s="103">
        <v>0</v>
      </c>
      <c r="GV13" s="100">
        <v>0</v>
      </c>
      <c r="GW13" s="104">
        <v>352800</v>
      </c>
      <c r="GX13" s="104">
        <v>59500</v>
      </c>
      <c r="GY13" s="104">
        <v>136500</v>
      </c>
      <c r="GZ13" s="104">
        <v>0</v>
      </c>
      <c r="HA13" s="104">
        <v>0</v>
      </c>
      <c r="HB13" s="102">
        <v>548800</v>
      </c>
      <c r="HC13" s="106">
        <v>548800</v>
      </c>
      <c r="HD13" s="100">
        <v>693737</v>
      </c>
      <c r="HE13" s="104">
        <v>154433</v>
      </c>
      <c r="HF13" s="102">
        <v>848170</v>
      </c>
      <c r="HG13" s="101">
        <v>0</v>
      </c>
      <c r="HH13" s="104">
        <v>4369925</v>
      </c>
      <c r="HI13" s="104">
        <v>2642290</v>
      </c>
      <c r="HJ13" s="104">
        <v>3223560</v>
      </c>
      <c r="HK13" s="104">
        <v>2902555</v>
      </c>
      <c r="HL13" s="104">
        <v>2842173</v>
      </c>
      <c r="HM13" s="103">
        <v>15980503</v>
      </c>
      <c r="HN13" s="99">
        <v>16828673</v>
      </c>
      <c r="HO13" s="484">
        <v>0</v>
      </c>
      <c r="HP13" s="485">
        <v>0</v>
      </c>
      <c r="HQ13" s="486">
        <v>0</v>
      </c>
      <c r="HR13" s="487">
        <v>0</v>
      </c>
      <c r="HS13" s="485">
        <v>0</v>
      </c>
      <c r="HT13" s="485">
        <v>0</v>
      </c>
      <c r="HU13" s="485">
        <v>0</v>
      </c>
      <c r="HV13" s="485">
        <v>0</v>
      </c>
      <c r="HW13" s="485">
        <v>0</v>
      </c>
      <c r="HX13" s="488">
        <v>0</v>
      </c>
      <c r="HY13" s="489">
        <v>0</v>
      </c>
      <c r="HZ13" s="118">
        <v>42744</v>
      </c>
      <c r="IA13" s="119">
        <v>0</v>
      </c>
      <c r="IB13" s="120">
        <v>42744</v>
      </c>
      <c r="IC13" s="133">
        <v>0</v>
      </c>
      <c r="ID13" s="119">
        <v>2016821</v>
      </c>
      <c r="IE13" s="134">
        <v>1628482</v>
      </c>
      <c r="IF13" s="120">
        <v>2129528</v>
      </c>
      <c r="IG13" s="119">
        <v>1519416</v>
      </c>
      <c r="IH13" s="120">
        <v>934207</v>
      </c>
      <c r="II13" s="135">
        <v>8228454</v>
      </c>
      <c r="IJ13" s="126">
        <v>8271198</v>
      </c>
      <c r="IK13" s="219">
        <v>0</v>
      </c>
      <c r="IL13" s="223">
        <v>0</v>
      </c>
      <c r="IM13" s="224">
        <v>0</v>
      </c>
      <c r="IN13" s="127">
        <v>0</v>
      </c>
      <c r="IO13" s="109">
        <v>79363</v>
      </c>
      <c r="IP13" s="109">
        <v>0</v>
      </c>
      <c r="IQ13" s="109">
        <v>0</v>
      </c>
      <c r="IR13" s="109">
        <v>0</v>
      </c>
      <c r="IS13" s="109">
        <v>0</v>
      </c>
      <c r="IT13" s="128">
        <v>79363</v>
      </c>
      <c r="IU13" s="296">
        <v>79363</v>
      </c>
      <c r="IV13" s="129">
        <v>0</v>
      </c>
      <c r="IW13" s="109">
        <v>0</v>
      </c>
      <c r="IX13" s="110">
        <v>0</v>
      </c>
      <c r="IY13" s="502">
        <v>0</v>
      </c>
      <c r="IZ13" s="109">
        <v>0</v>
      </c>
      <c r="JA13" s="109">
        <v>0</v>
      </c>
      <c r="JB13" s="109">
        <v>0</v>
      </c>
      <c r="JC13" s="109">
        <v>0</v>
      </c>
      <c r="JD13" s="109">
        <v>0</v>
      </c>
      <c r="JE13" s="110">
        <v>0</v>
      </c>
      <c r="JF13" s="111">
        <v>0</v>
      </c>
      <c r="JG13" s="129">
        <v>0</v>
      </c>
      <c r="JH13" s="109">
        <v>0</v>
      </c>
      <c r="JI13" s="128">
        <v>0</v>
      </c>
      <c r="JJ13" s="108">
        <v>0</v>
      </c>
      <c r="JK13" s="109">
        <v>1295724</v>
      </c>
      <c r="JL13" s="109">
        <v>830157</v>
      </c>
      <c r="JM13" s="109">
        <v>408560</v>
      </c>
      <c r="JN13" s="109">
        <v>196449</v>
      </c>
      <c r="JO13" s="109">
        <v>337453</v>
      </c>
      <c r="JP13" s="110">
        <v>3068343</v>
      </c>
      <c r="JQ13" s="296">
        <v>3068343</v>
      </c>
      <c r="JR13" s="129">
        <v>0</v>
      </c>
      <c r="JS13" s="109">
        <v>0</v>
      </c>
      <c r="JT13" s="128">
        <v>0</v>
      </c>
      <c r="JU13" s="108">
        <v>0</v>
      </c>
      <c r="JV13" s="109">
        <v>241295</v>
      </c>
      <c r="JW13" s="109">
        <v>372821</v>
      </c>
      <c r="JX13" s="109">
        <v>464623</v>
      </c>
      <c r="JY13" s="109">
        <v>201454</v>
      </c>
      <c r="JZ13" s="109">
        <v>0</v>
      </c>
      <c r="KA13" s="110">
        <v>1280193</v>
      </c>
      <c r="KB13" s="296">
        <v>1280193</v>
      </c>
      <c r="KC13" s="221">
        <v>42744</v>
      </c>
      <c r="KD13" s="217">
        <v>0</v>
      </c>
      <c r="KE13" s="110">
        <v>42744</v>
      </c>
      <c r="KF13" s="108">
        <v>0</v>
      </c>
      <c r="KG13" s="109">
        <v>95746</v>
      </c>
      <c r="KH13" s="109">
        <v>0</v>
      </c>
      <c r="KI13" s="109">
        <v>303256</v>
      </c>
      <c r="KJ13" s="109">
        <v>184048</v>
      </c>
      <c r="KK13" s="109">
        <v>0</v>
      </c>
      <c r="KL13" s="110">
        <v>583050</v>
      </c>
      <c r="KM13" s="130">
        <v>625794</v>
      </c>
      <c r="KN13" s="219">
        <v>0</v>
      </c>
      <c r="KO13" s="223">
        <v>0</v>
      </c>
      <c r="KP13" s="224">
        <v>0</v>
      </c>
      <c r="KQ13" s="506">
        <v>0</v>
      </c>
      <c r="KR13" s="109">
        <v>192457</v>
      </c>
      <c r="KS13" s="109">
        <v>425504</v>
      </c>
      <c r="KT13" s="109">
        <v>953089</v>
      </c>
      <c r="KU13" s="109">
        <v>937465</v>
      </c>
      <c r="KV13" s="109">
        <v>328251</v>
      </c>
      <c r="KW13" s="110">
        <v>2836766</v>
      </c>
      <c r="KX13" s="296">
        <v>2836766</v>
      </c>
      <c r="KY13" s="129">
        <v>0</v>
      </c>
      <c r="KZ13" s="109">
        <v>0</v>
      </c>
      <c r="LA13" s="110">
        <v>0</v>
      </c>
      <c r="LB13" s="510">
        <v>0</v>
      </c>
      <c r="LC13" s="109">
        <v>0</v>
      </c>
      <c r="LD13" s="109">
        <v>0</v>
      </c>
      <c r="LE13" s="109">
        <v>0</v>
      </c>
      <c r="LF13" s="109">
        <v>0</v>
      </c>
      <c r="LG13" s="109">
        <v>0</v>
      </c>
      <c r="LH13" s="110">
        <v>0</v>
      </c>
      <c r="LI13" s="111">
        <v>0</v>
      </c>
      <c r="LJ13" s="129">
        <v>0</v>
      </c>
      <c r="LK13" s="109">
        <v>0</v>
      </c>
      <c r="LL13" s="110">
        <v>0</v>
      </c>
      <c r="LM13" s="510">
        <v>0</v>
      </c>
      <c r="LN13" s="109">
        <v>0</v>
      </c>
      <c r="LO13" s="109">
        <v>0</v>
      </c>
      <c r="LP13" s="109">
        <v>0</v>
      </c>
      <c r="LQ13" s="109">
        <v>0</v>
      </c>
      <c r="LR13" s="109">
        <v>0</v>
      </c>
      <c r="LS13" s="110">
        <v>0</v>
      </c>
      <c r="LT13" s="296">
        <v>0</v>
      </c>
      <c r="LU13" s="129">
        <v>0</v>
      </c>
      <c r="LV13" s="109">
        <v>0</v>
      </c>
      <c r="LW13" s="110">
        <v>0</v>
      </c>
      <c r="LX13" s="510">
        <v>0</v>
      </c>
      <c r="LY13" s="109">
        <v>112236</v>
      </c>
      <c r="LZ13" s="109">
        <v>0</v>
      </c>
      <c r="MA13" s="109">
        <v>0</v>
      </c>
      <c r="MB13" s="109">
        <v>0</v>
      </c>
      <c r="MC13" s="109">
        <v>268503</v>
      </c>
      <c r="MD13" s="110">
        <v>380739</v>
      </c>
      <c r="ME13" s="111">
        <v>380739</v>
      </c>
      <c r="MF13" s="129">
        <v>0</v>
      </c>
      <c r="MG13" s="109">
        <v>0</v>
      </c>
      <c r="MH13" s="110">
        <v>0</v>
      </c>
      <c r="MI13" s="510">
        <v>0</v>
      </c>
      <c r="MJ13" s="109">
        <v>410815</v>
      </c>
      <c r="MK13" s="109">
        <v>597111</v>
      </c>
      <c r="ML13" s="109">
        <v>3015323</v>
      </c>
      <c r="MM13" s="109">
        <v>3778465</v>
      </c>
      <c r="MN13" s="109">
        <v>1914048</v>
      </c>
      <c r="MO13" s="110">
        <v>9715762</v>
      </c>
      <c r="MP13" s="130">
        <v>9715762</v>
      </c>
      <c r="MQ13" s="129">
        <v>0</v>
      </c>
      <c r="MR13" s="109">
        <v>0</v>
      </c>
      <c r="MS13" s="110">
        <v>0</v>
      </c>
      <c r="MT13" s="510">
        <v>0</v>
      </c>
      <c r="MU13" s="109">
        <v>0</v>
      </c>
      <c r="MV13" s="109">
        <v>202946</v>
      </c>
      <c r="MW13" s="109">
        <v>1579902</v>
      </c>
      <c r="MX13" s="109">
        <v>3342179</v>
      </c>
      <c r="MY13" s="109">
        <v>1914048</v>
      </c>
      <c r="MZ13" s="110">
        <v>7039075</v>
      </c>
      <c r="NA13" s="130">
        <v>7039075</v>
      </c>
      <c r="NB13" s="129">
        <v>0</v>
      </c>
      <c r="NC13" s="109">
        <v>0</v>
      </c>
      <c r="ND13" s="110">
        <v>0</v>
      </c>
      <c r="NE13" s="510">
        <v>0</v>
      </c>
      <c r="NF13" s="109">
        <v>410815</v>
      </c>
      <c r="NG13" s="109">
        <v>394165</v>
      </c>
      <c r="NH13" s="109">
        <v>1435421</v>
      </c>
      <c r="NI13" s="109">
        <v>436286</v>
      </c>
      <c r="NJ13" s="109">
        <v>0</v>
      </c>
      <c r="NK13" s="110">
        <v>2676687</v>
      </c>
      <c r="NL13" s="296">
        <v>2676687</v>
      </c>
      <c r="NM13" s="129">
        <v>0</v>
      </c>
      <c r="NN13" s="109">
        <v>0</v>
      </c>
      <c r="NO13" s="110">
        <v>0</v>
      </c>
      <c r="NP13" s="510">
        <v>0</v>
      </c>
      <c r="NQ13" s="109">
        <v>0</v>
      </c>
      <c r="NR13" s="109">
        <v>0</v>
      </c>
      <c r="NS13" s="109">
        <v>0</v>
      </c>
      <c r="NT13" s="109">
        <v>0</v>
      </c>
      <c r="NU13" s="109">
        <v>0</v>
      </c>
      <c r="NV13" s="110">
        <v>0</v>
      </c>
      <c r="NW13" s="111">
        <v>0</v>
      </c>
      <c r="NX13" s="129">
        <v>0</v>
      </c>
      <c r="NY13" s="109">
        <v>0</v>
      </c>
      <c r="NZ13" s="110">
        <v>0</v>
      </c>
      <c r="OA13" s="510">
        <v>0</v>
      </c>
      <c r="OB13" s="109">
        <v>0</v>
      </c>
      <c r="OC13" s="109">
        <v>0</v>
      </c>
      <c r="OD13" s="109">
        <v>0</v>
      </c>
      <c r="OE13" s="109">
        <v>0</v>
      </c>
      <c r="OF13" s="109">
        <v>0</v>
      </c>
      <c r="OG13" s="110">
        <v>0</v>
      </c>
      <c r="OH13" s="111">
        <v>0</v>
      </c>
      <c r="OI13" s="129">
        <v>1093149</v>
      </c>
      <c r="OJ13" s="109">
        <v>484054</v>
      </c>
      <c r="OK13" s="128">
        <v>1577203</v>
      </c>
      <c r="OL13" s="108">
        <v>0</v>
      </c>
      <c r="OM13" s="109">
        <v>14528445</v>
      </c>
      <c r="ON13" s="109">
        <v>11876884</v>
      </c>
      <c r="OO13" s="109">
        <v>13798058</v>
      </c>
      <c r="OP13" s="109">
        <v>14359541</v>
      </c>
      <c r="OQ13" s="109">
        <v>9995582</v>
      </c>
      <c r="OR13" s="110">
        <v>64558510</v>
      </c>
      <c r="OS13" s="130">
        <v>66135713</v>
      </c>
    </row>
    <row r="14" spans="2:409" ht="21" customHeight="1" x14ac:dyDescent="0.2">
      <c r="B14" s="468" t="s">
        <v>8</v>
      </c>
      <c r="C14" s="100">
        <v>601034</v>
      </c>
      <c r="D14" s="104">
        <v>654768</v>
      </c>
      <c r="E14" s="103">
        <v>1255802</v>
      </c>
      <c r="F14" s="99">
        <v>0</v>
      </c>
      <c r="G14" s="104">
        <v>6104808</v>
      </c>
      <c r="H14" s="104">
        <v>6117070</v>
      </c>
      <c r="I14" s="104">
        <v>6875306</v>
      </c>
      <c r="J14" s="104">
        <v>5957200</v>
      </c>
      <c r="K14" s="104">
        <v>4120536</v>
      </c>
      <c r="L14" s="99">
        <v>29174920</v>
      </c>
      <c r="M14" s="106">
        <v>30430722</v>
      </c>
      <c r="N14" s="100">
        <v>104524</v>
      </c>
      <c r="O14" s="104">
        <v>213623</v>
      </c>
      <c r="P14" s="103">
        <v>318147</v>
      </c>
      <c r="Q14" s="100">
        <v>0</v>
      </c>
      <c r="R14" s="104">
        <v>1557220</v>
      </c>
      <c r="S14" s="104">
        <v>1838418</v>
      </c>
      <c r="T14" s="104">
        <v>2033083</v>
      </c>
      <c r="U14" s="104">
        <v>1926973</v>
      </c>
      <c r="V14" s="104">
        <v>1926799</v>
      </c>
      <c r="W14" s="103">
        <v>9282493</v>
      </c>
      <c r="X14" s="106">
        <v>9600640</v>
      </c>
      <c r="Y14" s="100">
        <v>0</v>
      </c>
      <c r="Z14" s="104">
        <v>0</v>
      </c>
      <c r="AA14" s="103">
        <v>0</v>
      </c>
      <c r="AB14" s="100">
        <v>0</v>
      </c>
      <c r="AC14" s="104">
        <v>559367</v>
      </c>
      <c r="AD14" s="104">
        <v>484726</v>
      </c>
      <c r="AE14" s="104">
        <v>1104261</v>
      </c>
      <c r="AF14" s="104">
        <v>737724</v>
      </c>
      <c r="AG14" s="104">
        <v>1131740</v>
      </c>
      <c r="AH14" s="103">
        <v>4017818</v>
      </c>
      <c r="AI14" s="106">
        <v>4017818</v>
      </c>
      <c r="AJ14" s="100">
        <v>0</v>
      </c>
      <c r="AK14" s="104">
        <v>0</v>
      </c>
      <c r="AL14" s="103">
        <v>0</v>
      </c>
      <c r="AM14" s="100">
        <v>0</v>
      </c>
      <c r="AN14" s="104">
        <v>0</v>
      </c>
      <c r="AO14" s="104">
        <v>0</v>
      </c>
      <c r="AP14" s="104">
        <v>40348</v>
      </c>
      <c r="AQ14" s="104">
        <v>63882</v>
      </c>
      <c r="AR14" s="104">
        <v>168846</v>
      </c>
      <c r="AS14" s="103">
        <v>273076</v>
      </c>
      <c r="AT14" s="106">
        <v>273076</v>
      </c>
      <c r="AU14" s="100">
        <v>43064</v>
      </c>
      <c r="AV14" s="104">
        <v>121213</v>
      </c>
      <c r="AW14" s="103">
        <v>164277</v>
      </c>
      <c r="AX14" s="100">
        <v>0</v>
      </c>
      <c r="AY14" s="104">
        <v>591281</v>
      </c>
      <c r="AZ14" s="104">
        <v>909084</v>
      </c>
      <c r="BA14" s="104">
        <v>511062</v>
      </c>
      <c r="BB14" s="104">
        <v>807603</v>
      </c>
      <c r="BC14" s="104">
        <v>304845</v>
      </c>
      <c r="BD14" s="103">
        <v>3123875</v>
      </c>
      <c r="BE14" s="106">
        <v>3288152</v>
      </c>
      <c r="BF14" s="100">
        <v>0</v>
      </c>
      <c r="BG14" s="104">
        <v>74868</v>
      </c>
      <c r="BH14" s="102">
        <v>74868</v>
      </c>
      <c r="BI14" s="101">
        <v>0</v>
      </c>
      <c r="BJ14" s="104">
        <v>117808</v>
      </c>
      <c r="BK14" s="104">
        <v>183529</v>
      </c>
      <c r="BL14" s="104">
        <v>134890</v>
      </c>
      <c r="BM14" s="104">
        <v>67290</v>
      </c>
      <c r="BN14" s="104">
        <v>77789</v>
      </c>
      <c r="BO14" s="103">
        <v>581306</v>
      </c>
      <c r="BP14" s="106">
        <v>656174</v>
      </c>
      <c r="BQ14" s="100">
        <v>61460</v>
      </c>
      <c r="BR14" s="104">
        <v>17542</v>
      </c>
      <c r="BS14" s="103">
        <v>79002</v>
      </c>
      <c r="BT14" s="100">
        <v>0</v>
      </c>
      <c r="BU14" s="104">
        <v>288764</v>
      </c>
      <c r="BV14" s="104">
        <v>261079</v>
      </c>
      <c r="BW14" s="104">
        <v>242522</v>
      </c>
      <c r="BX14" s="104">
        <v>250474</v>
      </c>
      <c r="BY14" s="104">
        <v>243579</v>
      </c>
      <c r="BZ14" s="103">
        <v>1286418</v>
      </c>
      <c r="CA14" s="106">
        <v>1365420</v>
      </c>
      <c r="CB14" s="100">
        <v>52846</v>
      </c>
      <c r="CC14" s="104">
        <v>138251</v>
      </c>
      <c r="CD14" s="103">
        <v>191097</v>
      </c>
      <c r="CE14" s="100">
        <v>0</v>
      </c>
      <c r="CF14" s="104">
        <v>1934652</v>
      </c>
      <c r="CG14" s="104">
        <v>1802464</v>
      </c>
      <c r="CH14" s="104">
        <v>1831917</v>
      </c>
      <c r="CI14" s="104">
        <v>1310222</v>
      </c>
      <c r="CJ14" s="104">
        <v>652555</v>
      </c>
      <c r="CK14" s="103">
        <v>7531810</v>
      </c>
      <c r="CL14" s="106">
        <v>7722907</v>
      </c>
      <c r="CM14" s="100">
        <v>0</v>
      </c>
      <c r="CN14" s="104">
        <v>0</v>
      </c>
      <c r="CO14" s="103">
        <v>0</v>
      </c>
      <c r="CP14" s="101">
        <v>0</v>
      </c>
      <c r="CQ14" s="104">
        <v>1433854</v>
      </c>
      <c r="CR14" s="104">
        <v>1515983</v>
      </c>
      <c r="CS14" s="104">
        <v>965495</v>
      </c>
      <c r="CT14" s="104">
        <v>915896</v>
      </c>
      <c r="CU14" s="104">
        <v>372768</v>
      </c>
      <c r="CV14" s="103">
        <v>5203996</v>
      </c>
      <c r="CW14" s="106">
        <v>5203996</v>
      </c>
      <c r="CX14" s="100">
        <v>52846</v>
      </c>
      <c r="CY14" s="104">
        <v>138251</v>
      </c>
      <c r="CZ14" s="103">
        <v>191097</v>
      </c>
      <c r="DA14" s="100">
        <v>0</v>
      </c>
      <c r="DB14" s="104">
        <v>500798</v>
      </c>
      <c r="DC14" s="104">
        <v>286481</v>
      </c>
      <c r="DD14" s="104">
        <v>866422</v>
      </c>
      <c r="DE14" s="104">
        <v>394326</v>
      </c>
      <c r="DF14" s="104">
        <v>279787</v>
      </c>
      <c r="DG14" s="103">
        <v>2327814</v>
      </c>
      <c r="DH14" s="106">
        <v>2518911</v>
      </c>
      <c r="DI14" s="100">
        <v>0</v>
      </c>
      <c r="DJ14" s="104">
        <v>65652</v>
      </c>
      <c r="DK14" s="102">
        <v>65652</v>
      </c>
      <c r="DL14" s="101">
        <v>0</v>
      </c>
      <c r="DM14" s="104">
        <v>196255</v>
      </c>
      <c r="DN14" s="104">
        <v>255569</v>
      </c>
      <c r="DO14" s="104">
        <v>725669</v>
      </c>
      <c r="DP14" s="104">
        <v>632941</v>
      </c>
      <c r="DQ14" s="104">
        <v>294776</v>
      </c>
      <c r="DR14" s="103">
        <v>2105210</v>
      </c>
      <c r="DS14" s="106">
        <v>2170862</v>
      </c>
      <c r="DT14" s="100">
        <v>0</v>
      </c>
      <c r="DU14" s="104">
        <v>65652</v>
      </c>
      <c r="DV14" s="103">
        <v>65652</v>
      </c>
      <c r="DW14" s="100">
        <v>0</v>
      </c>
      <c r="DX14" s="104">
        <v>196255</v>
      </c>
      <c r="DY14" s="104">
        <v>255569</v>
      </c>
      <c r="DZ14" s="104">
        <v>725669</v>
      </c>
      <c r="EA14" s="104">
        <v>574276</v>
      </c>
      <c r="EB14" s="104">
        <v>294776</v>
      </c>
      <c r="EC14" s="103">
        <v>2046545</v>
      </c>
      <c r="ED14" s="106">
        <v>2112197</v>
      </c>
      <c r="EE14" s="100">
        <v>0</v>
      </c>
      <c r="EF14" s="102">
        <v>0</v>
      </c>
      <c r="EG14" s="103">
        <v>0</v>
      </c>
      <c r="EH14" s="100">
        <v>0</v>
      </c>
      <c r="EI14" s="104">
        <v>0</v>
      </c>
      <c r="EJ14" s="104">
        <v>0</v>
      </c>
      <c r="EK14" s="104">
        <v>0</v>
      </c>
      <c r="EL14" s="104">
        <v>58665</v>
      </c>
      <c r="EM14" s="104">
        <v>0</v>
      </c>
      <c r="EN14" s="102">
        <v>58665</v>
      </c>
      <c r="EO14" s="106">
        <v>58665</v>
      </c>
      <c r="EP14" s="100">
        <v>0</v>
      </c>
      <c r="EQ14" s="104">
        <v>0</v>
      </c>
      <c r="ER14" s="102">
        <v>0</v>
      </c>
      <c r="ES14" s="101">
        <v>0</v>
      </c>
      <c r="ET14" s="104">
        <v>0</v>
      </c>
      <c r="EU14" s="104">
        <v>0</v>
      </c>
      <c r="EV14" s="104">
        <v>0</v>
      </c>
      <c r="EW14" s="104">
        <v>0</v>
      </c>
      <c r="EX14" s="104">
        <v>0</v>
      </c>
      <c r="EY14" s="103">
        <v>0</v>
      </c>
      <c r="EZ14" s="106">
        <v>0</v>
      </c>
      <c r="FA14" s="100">
        <v>0</v>
      </c>
      <c r="FB14" s="104">
        <v>0</v>
      </c>
      <c r="FC14" s="102">
        <v>0</v>
      </c>
      <c r="FD14" s="498">
        <v>0</v>
      </c>
      <c r="FE14" s="104">
        <v>0</v>
      </c>
      <c r="FF14" s="104">
        <v>0</v>
      </c>
      <c r="FG14" s="104">
        <v>0</v>
      </c>
      <c r="FH14" s="104">
        <v>0</v>
      </c>
      <c r="FI14" s="104">
        <v>0</v>
      </c>
      <c r="FJ14" s="103">
        <v>0</v>
      </c>
      <c r="FK14" s="106">
        <v>0</v>
      </c>
      <c r="FL14" s="100">
        <v>111045</v>
      </c>
      <c r="FM14" s="104">
        <v>74053</v>
      </c>
      <c r="FN14" s="103">
        <v>185098</v>
      </c>
      <c r="FO14" s="100">
        <v>0</v>
      </c>
      <c r="FP14" s="104">
        <v>738024</v>
      </c>
      <c r="FQ14" s="104">
        <v>578277</v>
      </c>
      <c r="FR14" s="104">
        <v>594335</v>
      </c>
      <c r="FS14" s="104">
        <v>544019</v>
      </c>
      <c r="FT14" s="104">
        <v>250964</v>
      </c>
      <c r="FU14" s="103">
        <v>2705619</v>
      </c>
      <c r="FV14" s="106">
        <v>2890717</v>
      </c>
      <c r="FW14" s="105">
        <v>100943</v>
      </c>
      <c r="FX14" s="104">
        <v>74053</v>
      </c>
      <c r="FY14" s="102">
        <v>174996</v>
      </c>
      <c r="FZ14" s="101">
        <v>0</v>
      </c>
      <c r="GA14" s="104">
        <v>297094</v>
      </c>
      <c r="GB14" s="104">
        <v>578277</v>
      </c>
      <c r="GC14" s="104">
        <v>512785</v>
      </c>
      <c r="GD14" s="104">
        <v>524615</v>
      </c>
      <c r="GE14" s="104">
        <v>250964</v>
      </c>
      <c r="GF14" s="103">
        <v>2163735</v>
      </c>
      <c r="GG14" s="294">
        <v>2338731</v>
      </c>
      <c r="GH14" s="105">
        <v>10102</v>
      </c>
      <c r="GI14" s="104">
        <v>0</v>
      </c>
      <c r="GJ14" s="102">
        <v>10102</v>
      </c>
      <c r="GK14" s="101">
        <v>0</v>
      </c>
      <c r="GL14" s="104">
        <v>35420</v>
      </c>
      <c r="GM14" s="104">
        <v>0</v>
      </c>
      <c r="GN14" s="104">
        <v>0</v>
      </c>
      <c r="GO14" s="104">
        <v>19404</v>
      </c>
      <c r="GP14" s="104">
        <v>0</v>
      </c>
      <c r="GQ14" s="103">
        <v>54824</v>
      </c>
      <c r="GR14" s="106">
        <v>64926</v>
      </c>
      <c r="GS14" s="100">
        <v>0</v>
      </c>
      <c r="GT14" s="104">
        <v>0</v>
      </c>
      <c r="GU14" s="103">
        <v>0</v>
      </c>
      <c r="GV14" s="100">
        <v>0</v>
      </c>
      <c r="GW14" s="104">
        <v>405510</v>
      </c>
      <c r="GX14" s="104">
        <v>0</v>
      </c>
      <c r="GY14" s="104">
        <v>81550</v>
      </c>
      <c r="GZ14" s="104">
        <v>0</v>
      </c>
      <c r="HA14" s="104">
        <v>0</v>
      </c>
      <c r="HB14" s="102">
        <v>487060</v>
      </c>
      <c r="HC14" s="106">
        <v>487060</v>
      </c>
      <c r="HD14" s="100">
        <v>332619</v>
      </c>
      <c r="HE14" s="104">
        <v>163189</v>
      </c>
      <c r="HF14" s="102">
        <v>495808</v>
      </c>
      <c r="HG14" s="101">
        <v>0</v>
      </c>
      <c r="HH14" s="104">
        <v>1678657</v>
      </c>
      <c r="HI14" s="104">
        <v>1642342</v>
      </c>
      <c r="HJ14" s="104">
        <v>1690302</v>
      </c>
      <c r="HK14" s="104">
        <v>1543045</v>
      </c>
      <c r="HL14" s="104">
        <v>995442</v>
      </c>
      <c r="HM14" s="103">
        <v>7549788</v>
      </c>
      <c r="HN14" s="99">
        <v>8045596</v>
      </c>
      <c r="HO14" s="484">
        <v>0</v>
      </c>
      <c r="HP14" s="485">
        <v>0</v>
      </c>
      <c r="HQ14" s="486">
        <v>0</v>
      </c>
      <c r="HR14" s="487">
        <v>0</v>
      </c>
      <c r="HS14" s="485">
        <v>0</v>
      </c>
      <c r="HT14" s="485">
        <v>0</v>
      </c>
      <c r="HU14" s="485">
        <v>0</v>
      </c>
      <c r="HV14" s="485">
        <v>0</v>
      </c>
      <c r="HW14" s="485">
        <v>0</v>
      </c>
      <c r="HX14" s="488">
        <v>0</v>
      </c>
      <c r="HY14" s="489">
        <v>0</v>
      </c>
      <c r="HZ14" s="118">
        <v>0</v>
      </c>
      <c r="IA14" s="119">
        <v>0</v>
      </c>
      <c r="IB14" s="120">
        <v>0</v>
      </c>
      <c r="IC14" s="121">
        <v>0</v>
      </c>
      <c r="ID14" s="122">
        <v>1500064</v>
      </c>
      <c r="IE14" s="123">
        <v>1515683</v>
      </c>
      <c r="IF14" s="124">
        <v>1605122</v>
      </c>
      <c r="IG14" s="122">
        <v>2644970</v>
      </c>
      <c r="IH14" s="124">
        <v>273060</v>
      </c>
      <c r="II14" s="125">
        <v>7538899</v>
      </c>
      <c r="IJ14" s="126">
        <v>7538899</v>
      </c>
      <c r="IK14" s="219">
        <v>0</v>
      </c>
      <c r="IL14" s="223">
        <v>0</v>
      </c>
      <c r="IM14" s="224">
        <v>0</v>
      </c>
      <c r="IN14" s="127">
        <v>0</v>
      </c>
      <c r="IO14" s="109">
        <v>0</v>
      </c>
      <c r="IP14" s="109">
        <v>0</v>
      </c>
      <c r="IQ14" s="109">
        <v>0</v>
      </c>
      <c r="IR14" s="109">
        <v>201915</v>
      </c>
      <c r="IS14" s="109">
        <v>0</v>
      </c>
      <c r="IT14" s="128">
        <v>201915</v>
      </c>
      <c r="IU14" s="296">
        <v>201915</v>
      </c>
      <c r="IV14" s="129">
        <v>0</v>
      </c>
      <c r="IW14" s="109">
        <v>0</v>
      </c>
      <c r="IX14" s="110">
        <v>0</v>
      </c>
      <c r="IY14" s="502">
        <v>0</v>
      </c>
      <c r="IZ14" s="109">
        <v>0</v>
      </c>
      <c r="JA14" s="109">
        <v>0</v>
      </c>
      <c r="JB14" s="109">
        <v>0</v>
      </c>
      <c r="JC14" s="109">
        <v>0</v>
      </c>
      <c r="JD14" s="109">
        <v>0</v>
      </c>
      <c r="JE14" s="110">
        <v>0</v>
      </c>
      <c r="JF14" s="111">
        <v>0</v>
      </c>
      <c r="JG14" s="129">
        <v>0</v>
      </c>
      <c r="JH14" s="109">
        <v>0</v>
      </c>
      <c r="JI14" s="128">
        <v>0</v>
      </c>
      <c r="JJ14" s="108">
        <v>0</v>
      </c>
      <c r="JK14" s="109">
        <v>1308572</v>
      </c>
      <c r="JL14" s="109">
        <v>664042</v>
      </c>
      <c r="JM14" s="109">
        <v>140421</v>
      </c>
      <c r="JN14" s="109">
        <v>932546</v>
      </c>
      <c r="JO14" s="109">
        <v>73990</v>
      </c>
      <c r="JP14" s="110">
        <v>3119571</v>
      </c>
      <c r="JQ14" s="296">
        <v>3119571</v>
      </c>
      <c r="JR14" s="129">
        <v>0</v>
      </c>
      <c r="JS14" s="109">
        <v>0</v>
      </c>
      <c r="JT14" s="128">
        <v>0</v>
      </c>
      <c r="JU14" s="108">
        <v>0</v>
      </c>
      <c r="JV14" s="109">
        <v>0</v>
      </c>
      <c r="JW14" s="109">
        <v>9688</v>
      </c>
      <c r="JX14" s="109">
        <v>0</v>
      </c>
      <c r="JY14" s="109">
        <v>0</v>
      </c>
      <c r="JZ14" s="109">
        <v>0</v>
      </c>
      <c r="KA14" s="110">
        <v>9688</v>
      </c>
      <c r="KB14" s="296">
        <v>9688</v>
      </c>
      <c r="KC14" s="221">
        <v>0</v>
      </c>
      <c r="KD14" s="217">
        <v>0</v>
      </c>
      <c r="KE14" s="110">
        <v>0</v>
      </c>
      <c r="KF14" s="108">
        <v>0</v>
      </c>
      <c r="KG14" s="109">
        <v>191492</v>
      </c>
      <c r="KH14" s="109">
        <v>0</v>
      </c>
      <c r="KI14" s="109">
        <v>1029606</v>
      </c>
      <c r="KJ14" s="109">
        <v>444841</v>
      </c>
      <c r="KK14" s="109">
        <v>0</v>
      </c>
      <c r="KL14" s="110">
        <v>1665939</v>
      </c>
      <c r="KM14" s="130">
        <v>1665939</v>
      </c>
      <c r="KN14" s="219">
        <v>0</v>
      </c>
      <c r="KO14" s="223">
        <v>0</v>
      </c>
      <c r="KP14" s="224">
        <v>0</v>
      </c>
      <c r="KQ14" s="506">
        <v>0</v>
      </c>
      <c r="KR14" s="109">
        <v>0</v>
      </c>
      <c r="KS14" s="109">
        <v>841953</v>
      </c>
      <c r="KT14" s="109">
        <v>435095</v>
      </c>
      <c r="KU14" s="109">
        <v>442644</v>
      </c>
      <c r="KV14" s="109">
        <v>0</v>
      </c>
      <c r="KW14" s="110">
        <v>1719692</v>
      </c>
      <c r="KX14" s="296">
        <v>1719692</v>
      </c>
      <c r="KY14" s="129">
        <v>0</v>
      </c>
      <c r="KZ14" s="109">
        <v>0</v>
      </c>
      <c r="LA14" s="110">
        <v>0</v>
      </c>
      <c r="LB14" s="510">
        <v>0</v>
      </c>
      <c r="LC14" s="109">
        <v>0</v>
      </c>
      <c r="LD14" s="109">
        <v>0</v>
      </c>
      <c r="LE14" s="109">
        <v>0</v>
      </c>
      <c r="LF14" s="109">
        <v>186173</v>
      </c>
      <c r="LG14" s="109">
        <v>199070</v>
      </c>
      <c r="LH14" s="110">
        <v>385243</v>
      </c>
      <c r="LI14" s="111">
        <v>385243</v>
      </c>
      <c r="LJ14" s="129">
        <v>0</v>
      </c>
      <c r="LK14" s="109">
        <v>0</v>
      </c>
      <c r="LL14" s="110">
        <v>0</v>
      </c>
      <c r="LM14" s="510">
        <v>0</v>
      </c>
      <c r="LN14" s="109">
        <v>0</v>
      </c>
      <c r="LO14" s="109">
        <v>0</v>
      </c>
      <c r="LP14" s="109">
        <v>0</v>
      </c>
      <c r="LQ14" s="109">
        <v>436851</v>
      </c>
      <c r="LR14" s="109">
        <v>0</v>
      </c>
      <c r="LS14" s="110">
        <v>436851</v>
      </c>
      <c r="LT14" s="296">
        <v>436851</v>
      </c>
      <c r="LU14" s="129">
        <v>0</v>
      </c>
      <c r="LV14" s="109">
        <v>0</v>
      </c>
      <c r="LW14" s="110">
        <v>0</v>
      </c>
      <c r="LX14" s="510">
        <v>0</v>
      </c>
      <c r="LY14" s="109">
        <v>0</v>
      </c>
      <c r="LZ14" s="109">
        <v>0</v>
      </c>
      <c r="MA14" s="109">
        <v>0</v>
      </c>
      <c r="MB14" s="109">
        <v>0</v>
      </c>
      <c r="MC14" s="109">
        <v>0</v>
      </c>
      <c r="MD14" s="110">
        <v>0</v>
      </c>
      <c r="ME14" s="111">
        <v>0</v>
      </c>
      <c r="MF14" s="129">
        <v>0</v>
      </c>
      <c r="MG14" s="109">
        <v>0</v>
      </c>
      <c r="MH14" s="110">
        <v>0</v>
      </c>
      <c r="MI14" s="510">
        <v>0</v>
      </c>
      <c r="MJ14" s="109">
        <v>0</v>
      </c>
      <c r="MK14" s="109">
        <v>844556</v>
      </c>
      <c r="ML14" s="109">
        <v>2252465</v>
      </c>
      <c r="MM14" s="109">
        <v>1946811</v>
      </c>
      <c r="MN14" s="109">
        <v>1178063</v>
      </c>
      <c r="MO14" s="110">
        <v>6221895</v>
      </c>
      <c r="MP14" s="130">
        <v>6221895</v>
      </c>
      <c r="MQ14" s="129">
        <v>0</v>
      </c>
      <c r="MR14" s="109">
        <v>0</v>
      </c>
      <c r="MS14" s="110">
        <v>0</v>
      </c>
      <c r="MT14" s="510">
        <v>0</v>
      </c>
      <c r="MU14" s="109">
        <v>0</v>
      </c>
      <c r="MV14" s="109">
        <v>407613</v>
      </c>
      <c r="MW14" s="109">
        <v>798605</v>
      </c>
      <c r="MX14" s="109">
        <v>1196596</v>
      </c>
      <c r="MY14" s="109">
        <v>1020381</v>
      </c>
      <c r="MZ14" s="110">
        <v>3423195</v>
      </c>
      <c r="NA14" s="130">
        <v>3423195</v>
      </c>
      <c r="NB14" s="129">
        <v>0</v>
      </c>
      <c r="NC14" s="109">
        <v>0</v>
      </c>
      <c r="ND14" s="110">
        <v>0</v>
      </c>
      <c r="NE14" s="510">
        <v>0</v>
      </c>
      <c r="NF14" s="109">
        <v>0</v>
      </c>
      <c r="NG14" s="109">
        <v>206721</v>
      </c>
      <c r="NH14" s="109">
        <v>1453860</v>
      </c>
      <c r="NI14" s="109">
        <v>750215</v>
      </c>
      <c r="NJ14" s="109">
        <v>157682</v>
      </c>
      <c r="NK14" s="110">
        <v>2568478</v>
      </c>
      <c r="NL14" s="296">
        <v>2568478</v>
      </c>
      <c r="NM14" s="129">
        <v>0</v>
      </c>
      <c r="NN14" s="109">
        <v>0</v>
      </c>
      <c r="NO14" s="110">
        <v>0</v>
      </c>
      <c r="NP14" s="510">
        <v>0</v>
      </c>
      <c r="NQ14" s="109">
        <v>0</v>
      </c>
      <c r="NR14" s="109">
        <v>0</v>
      </c>
      <c r="NS14" s="109">
        <v>0</v>
      </c>
      <c r="NT14" s="109">
        <v>0</v>
      </c>
      <c r="NU14" s="109">
        <v>0</v>
      </c>
      <c r="NV14" s="110">
        <v>0</v>
      </c>
      <c r="NW14" s="111">
        <v>0</v>
      </c>
      <c r="NX14" s="129">
        <v>0</v>
      </c>
      <c r="NY14" s="109">
        <v>0</v>
      </c>
      <c r="NZ14" s="110">
        <v>0</v>
      </c>
      <c r="OA14" s="510">
        <v>0</v>
      </c>
      <c r="OB14" s="109">
        <v>0</v>
      </c>
      <c r="OC14" s="109">
        <v>230222</v>
      </c>
      <c r="OD14" s="109">
        <v>0</v>
      </c>
      <c r="OE14" s="109">
        <v>0</v>
      </c>
      <c r="OF14" s="109">
        <v>0</v>
      </c>
      <c r="OG14" s="110">
        <v>230222</v>
      </c>
      <c r="OH14" s="111">
        <v>230222</v>
      </c>
      <c r="OI14" s="129">
        <v>601034</v>
      </c>
      <c r="OJ14" s="109">
        <v>654768</v>
      </c>
      <c r="OK14" s="128">
        <v>1255802</v>
      </c>
      <c r="OL14" s="108">
        <v>0</v>
      </c>
      <c r="OM14" s="109">
        <v>7604872</v>
      </c>
      <c r="ON14" s="109">
        <v>8477309</v>
      </c>
      <c r="OO14" s="109">
        <v>10732893</v>
      </c>
      <c r="OP14" s="109">
        <v>10548981</v>
      </c>
      <c r="OQ14" s="109">
        <v>5571659</v>
      </c>
      <c r="OR14" s="110">
        <v>42935714</v>
      </c>
      <c r="OS14" s="130">
        <v>44191516</v>
      </c>
    </row>
    <row r="15" spans="2:409" ht="21" customHeight="1" x14ac:dyDescent="0.2">
      <c r="B15" s="468" t="s">
        <v>9</v>
      </c>
      <c r="C15" s="100">
        <v>1537547</v>
      </c>
      <c r="D15" s="104">
        <v>1833092</v>
      </c>
      <c r="E15" s="103">
        <v>3370639</v>
      </c>
      <c r="F15" s="101">
        <v>0</v>
      </c>
      <c r="G15" s="104">
        <v>13744394</v>
      </c>
      <c r="H15" s="104">
        <v>11212458</v>
      </c>
      <c r="I15" s="104">
        <v>13827487</v>
      </c>
      <c r="J15" s="104">
        <v>14782032</v>
      </c>
      <c r="K15" s="104">
        <v>8916837</v>
      </c>
      <c r="L15" s="99">
        <v>62483208</v>
      </c>
      <c r="M15" s="106">
        <v>65853847</v>
      </c>
      <c r="N15" s="100">
        <v>446408</v>
      </c>
      <c r="O15" s="104">
        <v>484585</v>
      </c>
      <c r="P15" s="103">
        <v>930993</v>
      </c>
      <c r="Q15" s="100">
        <v>0</v>
      </c>
      <c r="R15" s="104">
        <v>4265581</v>
      </c>
      <c r="S15" s="104">
        <v>4540775</v>
      </c>
      <c r="T15" s="104">
        <v>4690740</v>
      </c>
      <c r="U15" s="104">
        <v>6779378</v>
      </c>
      <c r="V15" s="104">
        <v>4949230</v>
      </c>
      <c r="W15" s="103">
        <v>25225704</v>
      </c>
      <c r="X15" s="106">
        <v>26156697</v>
      </c>
      <c r="Y15" s="100">
        <v>0</v>
      </c>
      <c r="Z15" s="104">
        <v>0</v>
      </c>
      <c r="AA15" s="103">
        <v>0</v>
      </c>
      <c r="AB15" s="100">
        <v>0</v>
      </c>
      <c r="AC15" s="104">
        <v>1739316</v>
      </c>
      <c r="AD15" s="104">
        <v>1735450</v>
      </c>
      <c r="AE15" s="104">
        <v>2383803</v>
      </c>
      <c r="AF15" s="104">
        <v>4130078</v>
      </c>
      <c r="AG15" s="104">
        <v>2895849</v>
      </c>
      <c r="AH15" s="103">
        <v>12884496</v>
      </c>
      <c r="AI15" s="106">
        <v>12884496</v>
      </c>
      <c r="AJ15" s="100">
        <v>0</v>
      </c>
      <c r="AK15" s="104">
        <v>0</v>
      </c>
      <c r="AL15" s="103">
        <v>0</v>
      </c>
      <c r="AM15" s="100">
        <v>0</v>
      </c>
      <c r="AN15" s="104">
        <v>21131</v>
      </c>
      <c r="AO15" s="104">
        <v>12244</v>
      </c>
      <c r="AP15" s="104">
        <v>52822</v>
      </c>
      <c r="AQ15" s="104">
        <v>617039</v>
      </c>
      <c r="AR15" s="104">
        <v>480739</v>
      </c>
      <c r="AS15" s="103">
        <v>1183975</v>
      </c>
      <c r="AT15" s="106">
        <v>1183975</v>
      </c>
      <c r="AU15" s="100">
        <v>246484</v>
      </c>
      <c r="AV15" s="104">
        <v>310979</v>
      </c>
      <c r="AW15" s="103">
        <v>557463</v>
      </c>
      <c r="AX15" s="100">
        <v>0</v>
      </c>
      <c r="AY15" s="104">
        <v>1750960</v>
      </c>
      <c r="AZ15" s="104">
        <v>1806063</v>
      </c>
      <c r="BA15" s="104">
        <v>1185710</v>
      </c>
      <c r="BB15" s="104">
        <v>1038305</v>
      </c>
      <c r="BC15" s="104">
        <v>1009621</v>
      </c>
      <c r="BD15" s="103">
        <v>6790659</v>
      </c>
      <c r="BE15" s="106">
        <v>7348122</v>
      </c>
      <c r="BF15" s="100">
        <v>56340</v>
      </c>
      <c r="BG15" s="104">
        <v>70727</v>
      </c>
      <c r="BH15" s="102">
        <v>127067</v>
      </c>
      <c r="BI15" s="101">
        <v>0</v>
      </c>
      <c r="BJ15" s="104">
        <v>127877</v>
      </c>
      <c r="BK15" s="104">
        <v>270050</v>
      </c>
      <c r="BL15" s="104">
        <v>226452</v>
      </c>
      <c r="BM15" s="104">
        <v>146207</v>
      </c>
      <c r="BN15" s="104">
        <v>68506</v>
      </c>
      <c r="BO15" s="103">
        <v>839092</v>
      </c>
      <c r="BP15" s="106">
        <v>966159</v>
      </c>
      <c r="BQ15" s="100">
        <v>143584</v>
      </c>
      <c r="BR15" s="104">
        <v>102879</v>
      </c>
      <c r="BS15" s="103">
        <v>246463</v>
      </c>
      <c r="BT15" s="100">
        <v>0</v>
      </c>
      <c r="BU15" s="104">
        <v>626297</v>
      </c>
      <c r="BV15" s="104">
        <v>716968</v>
      </c>
      <c r="BW15" s="104">
        <v>841953</v>
      </c>
      <c r="BX15" s="104">
        <v>847749</v>
      </c>
      <c r="BY15" s="104">
        <v>494515</v>
      </c>
      <c r="BZ15" s="103">
        <v>3527482</v>
      </c>
      <c r="CA15" s="106">
        <v>3773945</v>
      </c>
      <c r="CB15" s="100">
        <v>131795</v>
      </c>
      <c r="CC15" s="104">
        <v>381024</v>
      </c>
      <c r="CD15" s="103">
        <v>512819</v>
      </c>
      <c r="CE15" s="100">
        <v>0</v>
      </c>
      <c r="CF15" s="104">
        <v>3111939</v>
      </c>
      <c r="CG15" s="104">
        <v>1377174</v>
      </c>
      <c r="CH15" s="104">
        <v>2234936</v>
      </c>
      <c r="CI15" s="104">
        <v>1521215</v>
      </c>
      <c r="CJ15" s="104">
        <v>327341</v>
      </c>
      <c r="CK15" s="103">
        <v>8572605</v>
      </c>
      <c r="CL15" s="106">
        <v>9085424</v>
      </c>
      <c r="CM15" s="100">
        <v>0</v>
      </c>
      <c r="CN15" s="104">
        <v>0</v>
      </c>
      <c r="CO15" s="103">
        <v>0</v>
      </c>
      <c r="CP15" s="101">
        <v>0</v>
      </c>
      <c r="CQ15" s="104">
        <v>2447678</v>
      </c>
      <c r="CR15" s="104">
        <v>1263580</v>
      </c>
      <c r="CS15" s="104">
        <v>1574466</v>
      </c>
      <c r="CT15" s="104">
        <v>980715</v>
      </c>
      <c r="CU15" s="104">
        <v>163583</v>
      </c>
      <c r="CV15" s="103">
        <v>6430022</v>
      </c>
      <c r="CW15" s="106">
        <v>6430022</v>
      </c>
      <c r="CX15" s="100">
        <v>131795</v>
      </c>
      <c r="CY15" s="104">
        <v>381024</v>
      </c>
      <c r="CZ15" s="103">
        <v>512819</v>
      </c>
      <c r="DA15" s="100">
        <v>0</v>
      </c>
      <c r="DB15" s="104">
        <v>664261</v>
      </c>
      <c r="DC15" s="104">
        <v>113594</v>
      </c>
      <c r="DD15" s="104">
        <v>660470</v>
      </c>
      <c r="DE15" s="104">
        <v>540500</v>
      </c>
      <c r="DF15" s="104">
        <v>163758</v>
      </c>
      <c r="DG15" s="103">
        <v>2142583</v>
      </c>
      <c r="DH15" s="106">
        <v>2655402</v>
      </c>
      <c r="DI15" s="100">
        <v>0</v>
      </c>
      <c r="DJ15" s="104">
        <v>38230</v>
      </c>
      <c r="DK15" s="102">
        <v>38230</v>
      </c>
      <c r="DL15" s="101">
        <v>0</v>
      </c>
      <c r="DM15" s="104">
        <v>543942</v>
      </c>
      <c r="DN15" s="104">
        <v>420069</v>
      </c>
      <c r="DO15" s="104">
        <v>851234</v>
      </c>
      <c r="DP15" s="104">
        <v>558349</v>
      </c>
      <c r="DQ15" s="104">
        <v>609334</v>
      </c>
      <c r="DR15" s="103">
        <v>2982928</v>
      </c>
      <c r="DS15" s="106">
        <v>3021158</v>
      </c>
      <c r="DT15" s="100">
        <v>0</v>
      </c>
      <c r="DU15" s="104">
        <v>38230</v>
      </c>
      <c r="DV15" s="103">
        <v>38230</v>
      </c>
      <c r="DW15" s="100">
        <v>0</v>
      </c>
      <c r="DX15" s="104">
        <v>431550</v>
      </c>
      <c r="DY15" s="104">
        <v>376119</v>
      </c>
      <c r="DZ15" s="104">
        <v>614801</v>
      </c>
      <c r="EA15" s="104">
        <v>523659</v>
      </c>
      <c r="EB15" s="104">
        <v>382075</v>
      </c>
      <c r="EC15" s="103">
        <v>2328204</v>
      </c>
      <c r="ED15" s="106">
        <v>2366434</v>
      </c>
      <c r="EE15" s="100">
        <v>0</v>
      </c>
      <c r="EF15" s="102">
        <v>0</v>
      </c>
      <c r="EG15" s="103">
        <v>0</v>
      </c>
      <c r="EH15" s="100">
        <v>0</v>
      </c>
      <c r="EI15" s="104">
        <v>112392</v>
      </c>
      <c r="EJ15" s="104">
        <v>43950</v>
      </c>
      <c r="EK15" s="104">
        <v>236433</v>
      </c>
      <c r="EL15" s="104">
        <v>34690</v>
      </c>
      <c r="EM15" s="104">
        <v>227259</v>
      </c>
      <c r="EN15" s="102">
        <v>654724</v>
      </c>
      <c r="EO15" s="106">
        <v>654724</v>
      </c>
      <c r="EP15" s="100">
        <v>0</v>
      </c>
      <c r="EQ15" s="104">
        <v>0</v>
      </c>
      <c r="ER15" s="102">
        <v>0</v>
      </c>
      <c r="ES15" s="101">
        <v>0</v>
      </c>
      <c r="ET15" s="104">
        <v>0</v>
      </c>
      <c r="EU15" s="104">
        <v>0</v>
      </c>
      <c r="EV15" s="104">
        <v>0</v>
      </c>
      <c r="EW15" s="104">
        <v>0</v>
      </c>
      <c r="EX15" s="104">
        <v>0</v>
      </c>
      <c r="EY15" s="103">
        <v>0</v>
      </c>
      <c r="EZ15" s="106">
        <v>0</v>
      </c>
      <c r="FA15" s="100">
        <v>0</v>
      </c>
      <c r="FB15" s="104">
        <v>0</v>
      </c>
      <c r="FC15" s="102">
        <v>0</v>
      </c>
      <c r="FD15" s="498">
        <v>0</v>
      </c>
      <c r="FE15" s="104">
        <v>0</v>
      </c>
      <c r="FF15" s="104">
        <v>0</v>
      </c>
      <c r="FG15" s="104">
        <v>0</v>
      </c>
      <c r="FH15" s="104">
        <v>0</v>
      </c>
      <c r="FI15" s="104">
        <v>0</v>
      </c>
      <c r="FJ15" s="103">
        <v>0</v>
      </c>
      <c r="FK15" s="106">
        <v>0</v>
      </c>
      <c r="FL15" s="100">
        <v>446824</v>
      </c>
      <c r="FM15" s="104">
        <v>440328</v>
      </c>
      <c r="FN15" s="103">
        <v>887152</v>
      </c>
      <c r="FO15" s="100">
        <v>0</v>
      </c>
      <c r="FP15" s="104">
        <v>825378</v>
      </c>
      <c r="FQ15" s="104">
        <v>1414658</v>
      </c>
      <c r="FR15" s="104">
        <v>1077767</v>
      </c>
      <c r="FS15" s="104">
        <v>949136</v>
      </c>
      <c r="FT15" s="104">
        <v>568190</v>
      </c>
      <c r="FU15" s="103">
        <v>4835129</v>
      </c>
      <c r="FV15" s="106">
        <v>5722281</v>
      </c>
      <c r="FW15" s="105">
        <v>126224</v>
      </c>
      <c r="FX15" s="104">
        <v>170618</v>
      </c>
      <c r="FY15" s="102">
        <v>296842</v>
      </c>
      <c r="FZ15" s="101">
        <v>0</v>
      </c>
      <c r="GA15" s="104">
        <v>668900</v>
      </c>
      <c r="GB15" s="104">
        <v>1349320</v>
      </c>
      <c r="GC15" s="104">
        <v>914702</v>
      </c>
      <c r="GD15" s="104">
        <v>912681</v>
      </c>
      <c r="GE15" s="104">
        <v>568190</v>
      </c>
      <c r="GF15" s="103">
        <v>4413793</v>
      </c>
      <c r="GG15" s="294">
        <v>4710635</v>
      </c>
      <c r="GH15" s="105">
        <v>0</v>
      </c>
      <c r="GI15" s="104">
        <v>0</v>
      </c>
      <c r="GJ15" s="102">
        <v>0</v>
      </c>
      <c r="GK15" s="101">
        <v>0</v>
      </c>
      <c r="GL15" s="104">
        <v>20328</v>
      </c>
      <c r="GM15" s="104">
        <v>45738</v>
      </c>
      <c r="GN15" s="104">
        <v>102165</v>
      </c>
      <c r="GO15" s="104">
        <v>17556</v>
      </c>
      <c r="GP15" s="104">
        <v>0</v>
      </c>
      <c r="GQ15" s="103">
        <v>185787</v>
      </c>
      <c r="GR15" s="106">
        <v>185787</v>
      </c>
      <c r="GS15" s="100">
        <v>320600</v>
      </c>
      <c r="GT15" s="104">
        <v>269710</v>
      </c>
      <c r="GU15" s="103">
        <v>590310</v>
      </c>
      <c r="GV15" s="100">
        <v>0</v>
      </c>
      <c r="GW15" s="104">
        <v>136150</v>
      </c>
      <c r="GX15" s="104">
        <v>19600</v>
      </c>
      <c r="GY15" s="104">
        <v>60900</v>
      </c>
      <c r="GZ15" s="104">
        <v>18899</v>
      </c>
      <c r="HA15" s="104">
        <v>0</v>
      </c>
      <c r="HB15" s="102">
        <v>235549</v>
      </c>
      <c r="HC15" s="106">
        <v>825859</v>
      </c>
      <c r="HD15" s="100">
        <v>512520</v>
      </c>
      <c r="HE15" s="104">
        <v>488925</v>
      </c>
      <c r="HF15" s="102">
        <v>1001445</v>
      </c>
      <c r="HG15" s="101">
        <v>0</v>
      </c>
      <c r="HH15" s="104">
        <v>4997554</v>
      </c>
      <c r="HI15" s="104">
        <v>3459782</v>
      </c>
      <c r="HJ15" s="104">
        <v>4972810</v>
      </c>
      <c r="HK15" s="104">
        <v>4973954</v>
      </c>
      <c r="HL15" s="104">
        <v>2462742</v>
      </c>
      <c r="HM15" s="103">
        <v>20866842</v>
      </c>
      <c r="HN15" s="99">
        <v>21868287</v>
      </c>
      <c r="HO15" s="484">
        <v>0</v>
      </c>
      <c r="HP15" s="485">
        <v>0</v>
      </c>
      <c r="HQ15" s="486">
        <v>0</v>
      </c>
      <c r="HR15" s="487">
        <v>0</v>
      </c>
      <c r="HS15" s="485">
        <v>0</v>
      </c>
      <c r="HT15" s="485">
        <v>0</v>
      </c>
      <c r="HU15" s="485">
        <v>0</v>
      </c>
      <c r="HV15" s="485">
        <v>0</v>
      </c>
      <c r="HW15" s="485">
        <v>0</v>
      </c>
      <c r="HX15" s="488">
        <v>0</v>
      </c>
      <c r="HY15" s="489">
        <v>0</v>
      </c>
      <c r="HZ15" s="115">
        <v>114198</v>
      </c>
      <c r="IA15" s="136">
        <v>0</v>
      </c>
      <c r="IB15" s="116">
        <v>114198</v>
      </c>
      <c r="IC15" s="133">
        <v>0</v>
      </c>
      <c r="ID15" s="119">
        <v>1736440</v>
      </c>
      <c r="IE15" s="134">
        <v>1874312</v>
      </c>
      <c r="IF15" s="120">
        <v>3942936</v>
      </c>
      <c r="IG15" s="119">
        <v>1205785</v>
      </c>
      <c r="IH15" s="120">
        <v>1585919</v>
      </c>
      <c r="II15" s="135">
        <v>10345392</v>
      </c>
      <c r="IJ15" s="117">
        <v>10459590</v>
      </c>
      <c r="IK15" s="219">
        <v>0</v>
      </c>
      <c r="IL15" s="223">
        <v>0</v>
      </c>
      <c r="IM15" s="224">
        <v>0</v>
      </c>
      <c r="IN15" s="127">
        <v>0</v>
      </c>
      <c r="IO15" s="109">
        <v>0</v>
      </c>
      <c r="IP15" s="109">
        <v>103919</v>
      </c>
      <c r="IQ15" s="109">
        <v>0</v>
      </c>
      <c r="IR15" s="109">
        <v>195664</v>
      </c>
      <c r="IS15" s="109">
        <v>260066</v>
      </c>
      <c r="IT15" s="128">
        <v>559649</v>
      </c>
      <c r="IU15" s="296">
        <v>559649</v>
      </c>
      <c r="IV15" s="129">
        <v>0</v>
      </c>
      <c r="IW15" s="109">
        <v>0</v>
      </c>
      <c r="IX15" s="110">
        <v>0</v>
      </c>
      <c r="IY15" s="502">
        <v>0</v>
      </c>
      <c r="IZ15" s="109">
        <v>0</v>
      </c>
      <c r="JA15" s="109">
        <v>0</v>
      </c>
      <c r="JB15" s="109">
        <v>0</v>
      </c>
      <c r="JC15" s="109">
        <v>0</v>
      </c>
      <c r="JD15" s="109">
        <v>0</v>
      </c>
      <c r="JE15" s="110">
        <v>0</v>
      </c>
      <c r="JF15" s="111">
        <v>0</v>
      </c>
      <c r="JG15" s="129">
        <v>0</v>
      </c>
      <c r="JH15" s="109">
        <v>0</v>
      </c>
      <c r="JI15" s="128">
        <v>0</v>
      </c>
      <c r="JJ15" s="108">
        <v>0</v>
      </c>
      <c r="JK15" s="109">
        <v>1418085</v>
      </c>
      <c r="JL15" s="109">
        <v>936298</v>
      </c>
      <c r="JM15" s="109">
        <v>1522517</v>
      </c>
      <c r="JN15" s="109">
        <v>386767</v>
      </c>
      <c r="JO15" s="109">
        <v>173217</v>
      </c>
      <c r="JP15" s="110">
        <v>4436884</v>
      </c>
      <c r="JQ15" s="296">
        <v>4436884</v>
      </c>
      <c r="JR15" s="129">
        <v>0</v>
      </c>
      <c r="JS15" s="109">
        <v>0</v>
      </c>
      <c r="JT15" s="128">
        <v>0</v>
      </c>
      <c r="JU15" s="108">
        <v>0</v>
      </c>
      <c r="JV15" s="109">
        <v>0</v>
      </c>
      <c r="JW15" s="109">
        <v>49738</v>
      </c>
      <c r="JX15" s="109">
        <v>0</v>
      </c>
      <c r="JY15" s="109">
        <v>0</v>
      </c>
      <c r="JZ15" s="109">
        <v>0</v>
      </c>
      <c r="KA15" s="110">
        <v>49738</v>
      </c>
      <c r="KB15" s="296">
        <v>49738</v>
      </c>
      <c r="KC15" s="221">
        <v>114198</v>
      </c>
      <c r="KD15" s="217">
        <v>0</v>
      </c>
      <c r="KE15" s="110">
        <v>114198</v>
      </c>
      <c r="KF15" s="108">
        <v>0</v>
      </c>
      <c r="KG15" s="109">
        <v>318355</v>
      </c>
      <c r="KH15" s="109">
        <v>0</v>
      </c>
      <c r="KI15" s="109">
        <v>765238</v>
      </c>
      <c r="KJ15" s="109">
        <v>0</v>
      </c>
      <c r="KK15" s="109">
        <v>261135</v>
      </c>
      <c r="KL15" s="110">
        <v>1344728</v>
      </c>
      <c r="KM15" s="130">
        <v>1458926</v>
      </c>
      <c r="KN15" s="219">
        <v>0</v>
      </c>
      <c r="KO15" s="223">
        <v>0</v>
      </c>
      <c r="KP15" s="224">
        <v>0</v>
      </c>
      <c r="KQ15" s="506">
        <v>0</v>
      </c>
      <c r="KR15" s="109">
        <v>0</v>
      </c>
      <c r="KS15" s="109">
        <v>430668</v>
      </c>
      <c r="KT15" s="109">
        <v>1482815</v>
      </c>
      <c r="KU15" s="109">
        <v>434818</v>
      </c>
      <c r="KV15" s="109">
        <v>0</v>
      </c>
      <c r="KW15" s="110">
        <v>2348301</v>
      </c>
      <c r="KX15" s="296">
        <v>2348301</v>
      </c>
      <c r="KY15" s="129">
        <v>0</v>
      </c>
      <c r="KZ15" s="109">
        <v>0</v>
      </c>
      <c r="LA15" s="110">
        <v>0</v>
      </c>
      <c r="LB15" s="510">
        <v>0</v>
      </c>
      <c r="LC15" s="109">
        <v>0</v>
      </c>
      <c r="LD15" s="109">
        <v>154954</v>
      </c>
      <c r="LE15" s="109">
        <v>172366</v>
      </c>
      <c r="LF15" s="109">
        <v>188536</v>
      </c>
      <c r="LG15" s="109">
        <v>0</v>
      </c>
      <c r="LH15" s="110">
        <v>515856</v>
      </c>
      <c r="LI15" s="111">
        <v>515856</v>
      </c>
      <c r="LJ15" s="129">
        <v>0</v>
      </c>
      <c r="LK15" s="109">
        <v>0</v>
      </c>
      <c r="LL15" s="110">
        <v>0</v>
      </c>
      <c r="LM15" s="510">
        <v>0</v>
      </c>
      <c r="LN15" s="109">
        <v>0</v>
      </c>
      <c r="LO15" s="109">
        <v>0</v>
      </c>
      <c r="LP15" s="109">
        <v>0</v>
      </c>
      <c r="LQ15" s="109">
        <v>0</v>
      </c>
      <c r="LR15" s="109">
        <v>0</v>
      </c>
      <c r="LS15" s="110">
        <v>0</v>
      </c>
      <c r="LT15" s="296">
        <v>0</v>
      </c>
      <c r="LU15" s="129">
        <v>0</v>
      </c>
      <c r="LV15" s="109">
        <v>0</v>
      </c>
      <c r="LW15" s="110">
        <v>0</v>
      </c>
      <c r="LX15" s="510">
        <v>0</v>
      </c>
      <c r="LY15" s="109">
        <v>0</v>
      </c>
      <c r="LZ15" s="109">
        <v>198735</v>
      </c>
      <c r="MA15" s="109">
        <v>0</v>
      </c>
      <c r="MB15" s="109">
        <v>0</v>
      </c>
      <c r="MC15" s="109">
        <v>891501</v>
      </c>
      <c r="MD15" s="110">
        <v>1090236</v>
      </c>
      <c r="ME15" s="111">
        <v>1090236</v>
      </c>
      <c r="MF15" s="129">
        <v>0</v>
      </c>
      <c r="MG15" s="109">
        <v>0</v>
      </c>
      <c r="MH15" s="110">
        <v>0</v>
      </c>
      <c r="MI15" s="510">
        <v>0</v>
      </c>
      <c r="MJ15" s="109">
        <v>960942</v>
      </c>
      <c r="MK15" s="109">
        <v>1365073</v>
      </c>
      <c r="ML15" s="109">
        <v>2542565</v>
      </c>
      <c r="MM15" s="109">
        <v>6127910</v>
      </c>
      <c r="MN15" s="109">
        <v>4609621</v>
      </c>
      <c r="MO15" s="110">
        <v>15606111</v>
      </c>
      <c r="MP15" s="130">
        <v>15606111</v>
      </c>
      <c r="MQ15" s="129">
        <v>0</v>
      </c>
      <c r="MR15" s="109">
        <v>0</v>
      </c>
      <c r="MS15" s="110">
        <v>0</v>
      </c>
      <c r="MT15" s="510">
        <v>0</v>
      </c>
      <c r="MU15" s="109">
        <v>190862</v>
      </c>
      <c r="MV15" s="109">
        <v>0</v>
      </c>
      <c r="MW15" s="109">
        <v>983351</v>
      </c>
      <c r="MX15" s="109">
        <v>4068854</v>
      </c>
      <c r="MY15" s="109">
        <v>2947036</v>
      </c>
      <c r="MZ15" s="110">
        <v>8190103</v>
      </c>
      <c r="NA15" s="130">
        <v>8190103</v>
      </c>
      <c r="NB15" s="129">
        <v>0</v>
      </c>
      <c r="NC15" s="109">
        <v>0</v>
      </c>
      <c r="ND15" s="110">
        <v>0</v>
      </c>
      <c r="NE15" s="510">
        <v>0</v>
      </c>
      <c r="NF15" s="109">
        <v>770080</v>
      </c>
      <c r="NG15" s="109">
        <v>1365073</v>
      </c>
      <c r="NH15" s="109">
        <v>1559214</v>
      </c>
      <c r="NI15" s="109">
        <v>2059056</v>
      </c>
      <c r="NJ15" s="109">
        <v>1662585</v>
      </c>
      <c r="NK15" s="110">
        <v>7416008</v>
      </c>
      <c r="NL15" s="296">
        <v>7416008</v>
      </c>
      <c r="NM15" s="129">
        <v>0</v>
      </c>
      <c r="NN15" s="109">
        <v>0</v>
      </c>
      <c r="NO15" s="110">
        <v>0</v>
      </c>
      <c r="NP15" s="510">
        <v>0</v>
      </c>
      <c r="NQ15" s="109">
        <v>0</v>
      </c>
      <c r="NR15" s="109">
        <v>0</v>
      </c>
      <c r="NS15" s="109">
        <v>0</v>
      </c>
      <c r="NT15" s="109">
        <v>0</v>
      </c>
      <c r="NU15" s="109">
        <v>0</v>
      </c>
      <c r="NV15" s="110">
        <v>0</v>
      </c>
      <c r="NW15" s="111">
        <v>0</v>
      </c>
      <c r="NX15" s="129">
        <v>0</v>
      </c>
      <c r="NY15" s="109">
        <v>0</v>
      </c>
      <c r="NZ15" s="110">
        <v>0</v>
      </c>
      <c r="OA15" s="510">
        <v>0</v>
      </c>
      <c r="OB15" s="109">
        <v>0</v>
      </c>
      <c r="OC15" s="109">
        <v>0</v>
      </c>
      <c r="OD15" s="109">
        <v>0</v>
      </c>
      <c r="OE15" s="109">
        <v>0</v>
      </c>
      <c r="OF15" s="109">
        <v>0</v>
      </c>
      <c r="OG15" s="110">
        <v>0</v>
      </c>
      <c r="OH15" s="111">
        <v>0</v>
      </c>
      <c r="OI15" s="129">
        <v>1651745</v>
      </c>
      <c r="OJ15" s="109">
        <v>1833092</v>
      </c>
      <c r="OK15" s="128">
        <v>3484837</v>
      </c>
      <c r="OL15" s="108">
        <v>0</v>
      </c>
      <c r="OM15" s="109">
        <v>16441776</v>
      </c>
      <c r="ON15" s="109">
        <v>14451843</v>
      </c>
      <c r="OO15" s="109">
        <v>20312988</v>
      </c>
      <c r="OP15" s="109">
        <v>22115727</v>
      </c>
      <c r="OQ15" s="109">
        <v>15112377</v>
      </c>
      <c r="OR15" s="110">
        <v>88434711</v>
      </c>
      <c r="OS15" s="130">
        <v>91919548</v>
      </c>
    </row>
    <row r="16" spans="2:409" ht="21" customHeight="1" x14ac:dyDescent="0.2">
      <c r="B16" s="468" t="s">
        <v>10</v>
      </c>
      <c r="C16" s="100">
        <v>1376502</v>
      </c>
      <c r="D16" s="104">
        <v>2813343</v>
      </c>
      <c r="E16" s="103">
        <v>4189845</v>
      </c>
      <c r="F16" s="159">
        <v>0</v>
      </c>
      <c r="G16" s="104">
        <v>18342991</v>
      </c>
      <c r="H16" s="104">
        <v>16878533</v>
      </c>
      <c r="I16" s="104">
        <v>14712963</v>
      </c>
      <c r="J16" s="104">
        <v>13950301</v>
      </c>
      <c r="K16" s="104">
        <v>13931588</v>
      </c>
      <c r="L16" s="99">
        <v>77816376</v>
      </c>
      <c r="M16" s="106">
        <v>82006221</v>
      </c>
      <c r="N16" s="100">
        <v>507147</v>
      </c>
      <c r="O16" s="104">
        <v>943211</v>
      </c>
      <c r="P16" s="103">
        <v>1450358</v>
      </c>
      <c r="Q16" s="100">
        <v>0</v>
      </c>
      <c r="R16" s="104">
        <v>6188910</v>
      </c>
      <c r="S16" s="104">
        <v>5724083</v>
      </c>
      <c r="T16" s="104">
        <v>5961632</v>
      </c>
      <c r="U16" s="104">
        <v>5187606</v>
      </c>
      <c r="V16" s="104">
        <v>4774353</v>
      </c>
      <c r="W16" s="103">
        <v>27836584</v>
      </c>
      <c r="X16" s="106">
        <v>29286942</v>
      </c>
      <c r="Y16" s="100">
        <v>0</v>
      </c>
      <c r="Z16" s="104">
        <v>0</v>
      </c>
      <c r="AA16" s="103">
        <v>0</v>
      </c>
      <c r="AB16" s="100">
        <v>0</v>
      </c>
      <c r="AC16" s="104">
        <v>2917446</v>
      </c>
      <c r="AD16" s="104">
        <v>2309444</v>
      </c>
      <c r="AE16" s="104">
        <v>3918268</v>
      </c>
      <c r="AF16" s="104">
        <v>3322153</v>
      </c>
      <c r="AG16" s="104">
        <v>2487386</v>
      </c>
      <c r="AH16" s="103">
        <v>14954697</v>
      </c>
      <c r="AI16" s="106">
        <v>14954697</v>
      </c>
      <c r="AJ16" s="100">
        <v>0</v>
      </c>
      <c r="AK16" s="104">
        <v>0</v>
      </c>
      <c r="AL16" s="103">
        <v>0</v>
      </c>
      <c r="AM16" s="100">
        <v>0</v>
      </c>
      <c r="AN16" s="104">
        <v>0</v>
      </c>
      <c r="AO16" s="104">
        <v>156025</v>
      </c>
      <c r="AP16" s="104">
        <v>114008</v>
      </c>
      <c r="AQ16" s="104">
        <v>211221</v>
      </c>
      <c r="AR16" s="104">
        <v>326338</v>
      </c>
      <c r="AS16" s="103">
        <v>807592</v>
      </c>
      <c r="AT16" s="106">
        <v>807592</v>
      </c>
      <c r="AU16" s="100">
        <v>266971</v>
      </c>
      <c r="AV16" s="104">
        <v>551086</v>
      </c>
      <c r="AW16" s="103">
        <v>818057</v>
      </c>
      <c r="AX16" s="100">
        <v>0</v>
      </c>
      <c r="AY16" s="104">
        <v>2005471</v>
      </c>
      <c r="AZ16" s="104">
        <v>1935331</v>
      </c>
      <c r="BA16" s="104">
        <v>934493</v>
      </c>
      <c r="BB16" s="104">
        <v>807937</v>
      </c>
      <c r="BC16" s="104">
        <v>631199</v>
      </c>
      <c r="BD16" s="103">
        <v>6314431</v>
      </c>
      <c r="BE16" s="106">
        <v>7132488</v>
      </c>
      <c r="BF16" s="100">
        <v>46710</v>
      </c>
      <c r="BG16" s="104">
        <v>104159</v>
      </c>
      <c r="BH16" s="102">
        <v>150869</v>
      </c>
      <c r="BI16" s="101">
        <v>0</v>
      </c>
      <c r="BJ16" s="104">
        <v>259986</v>
      </c>
      <c r="BK16" s="104">
        <v>368807</v>
      </c>
      <c r="BL16" s="104">
        <v>69596</v>
      </c>
      <c r="BM16" s="104">
        <v>18594</v>
      </c>
      <c r="BN16" s="104">
        <v>123806</v>
      </c>
      <c r="BO16" s="103">
        <v>840789</v>
      </c>
      <c r="BP16" s="106">
        <v>991658</v>
      </c>
      <c r="BQ16" s="100">
        <v>193466</v>
      </c>
      <c r="BR16" s="104">
        <v>287966</v>
      </c>
      <c r="BS16" s="103">
        <v>481432</v>
      </c>
      <c r="BT16" s="100">
        <v>0</v>
      </c>
      <c r="BU16" s="104">
        <v>1006007</v>
      </c>
      <c r="BV16" s="104">
        <v>954476</v>
      </c>
      <c r="BW16" s="104">
        <v>925267</v>
      </c>
      <c r="BX16" s="104">
        <v>827701</v>
      </c>
      <c r="BY16" s="104">
        <v>1205624</v>
      </c>
      <c r="BZ16" s="103">
        <v>4919075</v>
      </c>
      <c r="CA16" s="106">
        <v>5400507</v>
      </c>
      <c r="CB16" s="100">
        <v>74367</v>
      </c>
      <c r="CC16" s="104">
        <v>202495</v>
      </c>
      <c r="CD16" s="103">
        <v>276862</v>
      </c>
      <c r="CE16" s="100">
        <v>0</v>
      </c>
      <c r="CF16" s="104">
        <v>6046760</v>
      </c>
      <c r="CG16" s="104">
        <v>4998571</v>
      </c>
      <c r="CH16" s="104">
        <v>2999927</v>
      </c>
      <c r="CI16" s="104">
        <v>1300430</v>
      </c>
      <c r="CJ16" s="104">
        <v>531329</v>
      </c>
      <c r="CK16" s="103">
        <v>15877017</v>
      </c>
      <c r="CL16" s="106">
        <v>16153879</v>
      </c>
      <c r="CM16" s="100">
        <v>0</v>
      </c>
      <c r="CN16" s="104">
        <v>0</v>
      </c>
      <c r="CO16" s="103">
        <v>0</v>
      </c>
      <c r="CP16" s="101">
        <v>0</v>
      </c>
      <c r="CQ16" s="104">
        <v>4850375</v>
      </c>
      <c r="CR16" s="104">
        <v>4228577</v>
      </c>
      <c r="CS16" s="104">
        <v>2609875</v>
      </c>
      <c r="CT16" s="104">
        <v>1152564</v>
      </c>
      <c r="CU16" s="104">
        <v>408744</v>
      </c>
      <c r="CV16" s="103">
        <v>13250135</v>
      </c>
      <c r="CW16" s="106">
        <v>13250135</v>
      </c>
      <c r="CX16" s="100">
        <v>74367</v>
      </c>
      <c r="CY16" s="104">
        <v>202495</v>
      </c>
      <c r="CZ16" s="103">
        <v>276862</v>
      </c>
      <c r="DA16" s="100">
        <v>0</v>
      </c>
      <c r="DB16" s="104">
        <v>1196385</v>
      </c>
      <c r="DC16" s="104">
        <v>769994</v>
      </c>
      <c r="DD16" s="104">
        <v>390052</v>
      </c>
      <c r="DE16" s="104">
        <v>147866</v>
      </c>
      <c r="DF16" s="104">
        <v>122585</v>
      </c>
      <c r="DG16" s="103">
        <v>2626882</v>
      </c>
      <c r="DH16" s="106">
        <v>2903744</v>
      </c>
      <c r="DI16" s="100">
        <v>0</v>
      </c>
      <c r="DJ16" s="104">
        <v>101594</v>
      </c>
      <c r="DK16" s="102">
        <v>101594</v>
      </c>
      <c r="DL16" s="101">
        <v>0</v>
      </c>
      <c r="DM16" s="104">
        <v>627188</v>
      </c>
      <c r="DN16" s="104">
        <v>1157079</v>
      </c>
      <c r="DO16" s="104">
        <v>1312184</v>
      </c>
      <c r="DP16" s="104">
        <v>1008317</v>
      </c>
      <c r="DQ16" s="104">
        <v>78617</v>
      </c>
      <c r="DR16" s="103">
        <v>4183385</v>
      </c>
      <c r="DS16" s="106">
        <v>4284979</v>
      </c>
      <c r="DT16" s="100">
        <v>0</v>
      </c>
      <c r="DU16" s="104">
        <v>101594</v>
      </c>
      <c r="DV16" s="103">
        <v>101594</v>
      </c>
      <c r="DW16" s="100">
        <v>0</v>
      </c>
      <c r="DX16" s="104">
        <v>549506</v>
      </c>
      <c r="DY16" s="104">
        <v>1058741</v>
      </c>
      <c r="DZ16" s="104">
        <v>1257093</v>
      </c>
      <c r="EA16" s="104">
        <v>1008317</v>
      </c>
      <c r="EB16" s="104">
        <v>78617</v>
      </c>
      <c r="EC16" s="103">
        <v>3952274</v>
      </c>
      <c r="ED16" s="106">
        <v>4053868</v>
      </c>
      <c r="EE16" s="100">
        <v>0</v>
      </c>
      <c r="EF16" s="102">
        <v>0</v>
      </c>
      <c r="EG16" s="103">
        <v>0</v>
      </c>
      <c r="EH16" s="100">
        <v>0</v>
      </c>
      <c r="EI16" s="104">
        <v>77682</v>
      </c>
      <c r="EJ16" s="104">
        <v>98338</v>
      </c>
      <c r="EK16" s="104">
        <v>55091</v>
      </c>
      <c r="EL16" s="104">
        <v>0</v>
      </c>
      <c r="EM16" s="104">
        <v>0</v>
      </c>
      <c r="EN16" s="102">
        <v>231111</v>
      </c>
      <c r="EO16" s="106">
        <v>231111</v>
      </c>
      <c r="EP16" s="100">
        <v>0</v>
      </c>
      <c r="EQ16" s="104">
        <v>0</v>
      </c>
      <c r="ER16" s="102">
        <v>0</v>
      </c>
      <c r="ES16" s="101">
        <v>0</v>
      </c>
      <c r="ET16" s="104">
        <v>0</v>
      </c>
      <c r="EU16" s="104">
        <v>0</v>
      </c>
      <c r="EV16" s="104">
        <v>0</v>
      </c>
      <c r="EW16" s="104">
        <v>0</v>
      </c>
      <c r="EX16" s="104">
        <v>0</v>
      </c>
      <c r="EY16" s="103">
        <v>0</v>
      </c>
      <c r="EZ16" s="106">
        <v>0</v>
      </c>
      <c r="FA16" s="100">
        <v>0</v>
      </c>
      <c r="FB16" s="104">
        <v>0</v>
      </c>
      <c r="FC16" s="102">
        <v>0</v>
      </c>
      <c r="FD16" s="498">
        <v>0</v>
      </c>
      <c r="FE16" s="104">
        <v>0</v>
      </c>
      <c r="FF16" s="104">
        <v>0</v>
      </c>
      <c r="FG16" s="104">
        <v>0</v>
      </c>
      <c r="FH16" s="104">
        <v>0</v>
      </c>
      <c r="FI16" s="104">
        <v>0</v>
      </c>
      <c r="FJ16" s="103">
        <v>0</v>
      </c>
      <c r="FK16" s="106">
        <v>0</v>
      </c>
      <c r="FL16" s="100">
        <v>336093</v>
      </c>
      <c r="FM16" s="104">
        <v>842520</v>
      </c>
      <c r="FN16" s="103">
        <v>1178613</v>
      </c>
      <c r="FO16" s="100">
        <v>0</v>
      </c>
      <c r="FP16" s="104">
        <v>1073469</v>
      </c>
      <c r="FQ16" s="104">
        <v>1393078</v>
      </c>
      <c r="FR16" s="104">
        <v>1137300</v>
      </c>
      <c r="FS16" s="104">
        <v>674681</v>
      </c>
      <c r="FT16" s="104">
        <v>526001</v>
      </c>
      <c r="FU16" s="103">
        <v>4804529</v>
      </c>
      <c r="FV16" s="106">
        <v>5983142</v>
      </c>
      <c r="FW16" s="105">
        <v>248913</v>
      </c>
      <c r="FX16" s="104">
        <v>552272</v>
      </c>
      <c r="FY16" s="102">
        <v>801185</v>
      </c>
      <c r="FZ16" s="101">
        <v>0</v>
      </c>
      <c r="GA16" s="104">
        <v>766101</v>
      </c>
      <c r="GB16" s="104">
        <v>1393078</v>
      </c>
      <c r="GC16" s="104">
        <v>904673</v>
      </c>
      <c r="GD16" s="104">
        <v>674681</v>
      </c>
      <c r="GE16" s="104">
        <v>526001</v>
      </c>
      <c r="GF16" s="103">
        <v>4264534</v>
      </c>
      <c r="GG16" s="294">
        <v>5065719</v>
      </c>
      <c r="GH16" s="105">
        <v>49380</v>
      </c>
      <c r="GI16" s="104">
        <v>17248</v>
      </c>
      <c r="GJ16" s="102">
        <v>66628</v>
      </c>
      <c r="GK16" s="101">
        <v>0</v>
      </c>
      <c r="GL16" s="104">
        <v>56227</v>
      </c>
      <c r="GM16" s="104">
        <v>0</v>
      </c>
      <c r="GN16" s="104">
        <v>12127</v>
      </c>
      <c r="GO16" s="104">
        <v>0</v>
      </c>
      <c r="GP16" s="104">
        <v>0</v>
      </c>
      <c r="GQ16" s="103">
        <v>68354</v>
      </c>
      <c r="GR16" s="106">
        <v>134982</v>
      </c>
      <c r="GS16" s="100">
        <v>37800</v>
      </c>
      <c r="GT16" s="104">
        <v>273000</v>
      </c>
      <c r="GU16" s="103">
        <v>310800</v>
      </c>
      <c r="GV16" s="100">
        <v>0</v>
      </c>
      <c r="GW16" s="104">
        <v>251141</v>
      </c>
      <c r="GX16" s="104">
        <v>0</v>
      </c>
      <c r="GY16" s="104">
        <v>220500</v>
      </c>
      <c r="GZ16" s="104">
        <v>0</v>
      </c>
      <c r="HA16" s="104">
        <v>0</v>
      </c>
      <c r="HB16" s="102">
        <v>471641</v>
      </c>
      <c r="HC16" s="106">
        <v>782441</v>
      </c>
      <c r="HD16" s="100">
        <v>458895</v>
      </c>
      <c r="HE16" s="104">
        <v>723523</v>
      </c>
      <c r="HF16" s="102">
        <v>1182418</v>
      </c>
      <c r="HG16" s="101">
        <v>0</v>
      </c>
      <c r="HH16" s="104">
        <v>4406664</v>
      </c>
      <c r="HI16" s="104">
        <v>3605722</v>
      </c>
      <c r="HJ16" s="104">
        <v>3301920</v>
      </c>
      <c r="HK16" s="104">
        <v>5779267</v>
      </c>
      <c r="HL16" s="104">
        <v>8021288</v>
      </c>
      <c r="HM16" s="103">
        <v>25114861</v>
      </c>
      <c r="HN16" s="99">
        <v>26297279</v>
      </c>
      <c r="HO16" s="484">
        <v>0</v>
      </c>
      <c r="HP16" s="485">
        <v>0</v>
      </c>
      <c r="HQ16" s="486">
        <v>0</v>
      </c>
      <c r="HR16" s="487">
        <v>0</v>
      </c>
      <c r="HS16" s="485">
        <v>0</v>
      </c>
      <c r="HT16" s="485">
        <v>0</v>
      </c>
      <c r="HU16" s="485">
        <v>0</v>
      </c>
      <c r="HV16" s="485">
        <v>0</v>
      </c>
      <c r="HW16" s="485">
        <v>0</v>
      </c>
      <c r="HX16" s="488">
        <v>0</v>
      </c>
      <c r="HY16" s="489">
        <v>0</v>
      </c>
      <c r="HZ16" s="137">
        <v>40399</v>
      </c>
      <c r="IA16" s="122">
        <v>70030</v>
      </c>
      <c r="IB16" s="137">
        <v>110429</v>
      </c>
      <c r="IC16" s="121">
        <v>0</v>
      </c>
      <c r="ID16" s="122">
        <v>2683409</v>
      </c>
      <c r="IE16" s="123">
        <v>3340652</v>
      </c>
      <c r="IF16" s="124">
        <v>3810280</v>
      </c>
      <c r="IG16" s="122">
        <v>3325254</v>
      </c>
      <c r="IH16" s="124">
        <v>2682367</v>
      </c>
      <c r="II16" s="125">
        <v>15841962</v>
      </c>
      <c r="IJ16" s="137">
        <v>15952391</v>
      </c>
      <c r="IK16" s="219">
        <v>0</v>
      </c>
      <c r="IL16" s="223">
        <v>0</v>
      </c>
      <c r="IM16" s="224">
        <v>0</v>
      </c>
      <c r="IN16" s="127">
        <v>0</v>
      </c>
      <c r="IO16" s="109">
        <v>61128</v>
      </c>
      <c r="IP16" s="109">
        <v>197476</v>
      </c>
      <c r="IQ16" s="109">
        <v>169712</v>
      </c>
      <c r="IR16" s="109">
        <v>209018</v>
      </c>
      <c r="IS16" s="109">
        <v>0</v>
      </c>
      <c r="IT16" s="128">
        <v>637334</v>
      </c>
      <c r="IU16" s="296">
        <v>637334</v>
      </c>
      <c r="IV16" s="129">
        <v>0</v>
      </c>
      <c r="IW16" s="109">
        <v>0</v>
      </c>
      <c r="IX16" s="110">
        <v>0</v>
      </c>
      <c r="IY16" s="502">
        <v>0</v>
      </c>
      <c r="IZ16" s="109">
        <v>0</v>
      </c>
      <c r="JA16" s="109">
        <v>9355</v>
      </c>
      <c r="JB16" s="109">
        <v>0</v>
      </c>
      <c r="JC16" s="109">
        <v>9355</v>
      </c>
      <c r="JD16" s="109">
        <v>0</v>
      </c>
      <c r="JE16" s="110">
        <v>18710</v>
      </c>
      <c r="JF16" s="111">
        <v>18710</v>
      </c>
      <c r="JG16" s="129">
        <v>0</v>
      </c>
      <c r="JH16" s="109">
        <v>0</v>
      </c>
      <c r="JI16" s="128">
        <v>0</v>
      </c>
      <c r="JJ16" s="108">
        <v>0</v>
      </c>
      <c r="JK16" s="109">
        <v>1297959</v>
      </c>
      <c r="JL16" s="109">
        <v>921449</v>
      </c>
      <c r="JM16" s="109">
        <v>247128</v>
      </c>
      <c r="JN16" s="109">
        <v>269840</v>
      </c>
      <c r="JO16" s="109">
        <v>19986</v>
      </c>
      <c r="JP16" s="110">
        <v>2756362</v>
      </c>
      <c r="JQ16" s="296">
        <v>2756362</v>
      </c>
      <c r="JR16" s="129">
        <v>0</v>
      </c>
      <c r="JS16" s="109">
        <v>0</v>
      </c>
      <c r="JT16" s="128">
        <v>0</v>
      </c>
      <c r="JU16" s="108">
        <v>0</v>
      </c>
      <c r="JV16" s="109">
        <v>62038</v>
      </c>
      <c r="JW16" s="109">
        <v>0</v>
      </c>
      <c r="JX16" s="109">
        <v>171505</v>
      </c>
      <c r="JY16" s="109">
        <v>293547</v>
      </c>
      <c r="JZ16" s="109">
        <v>0</v>
      </c>
      <c r="KA16" s="110">
        <v>527090</v>
      </c>
      <c r="KB16" s="296">
        <v>527090</v>
      </c>
      <c r="KC16" s="221">
        <v>40399</v>
      </c>
      <c r="KD16" s="217">
        <v>70030</v>
      </c>
      <c r="KE16" s="110">
        <v>110429</v>
      </c>
      <c r="KF16" s="108">
        <v>0</v>
      </c>
      <c r="KG16" s="109">
        <v>413324</v>
      </c>
      <c r="KH16" s="109">
        <v>288576</v>
      </c>
      <c r="KI16" s="109">
        <v>626488</v>
      </c>
      <c r="KJ16" s="109">
        <v>214308</v>
      </c>
      <c r="KK16" s="109">
        <v>235612</v>
      </c>
      <c r="KL16" s="110">
        <v>1778308</v>
      </c>
      <c r="KM16" s="130">
        <v>1888737</v>
      </c>
      <c r="KN16" s="219">
        <v>0</v>
      </c>
      <c r="KO16" s="223">
        <v>0</v>
      </c>
      <c r="KP16" s="224">
        <v>0</v>
      </c>
      <c r="KQ16" s="506">
        <v>0</v>
      </c>
      <c r="KR16" s="109">
        <v>615906</v>
      </c>
      <c r="KS16" s="109">
        <v>1452839</v>
      </c>
      <c r="KT16" s="109">
        <v>1061284</v>
      </c>
      <c r="KU16" s="109">
        <v>1123318</v>
      </c>
      <c r="KV16" s="109">
        <v>1819489</v>
      </c>
      <c r="KW16" s="110">
        <v>6072836</v>
      </c>
      <c r="KX16" s="296">
        <v>6072836</v>
      </c>
      <c r="KY16" s="129">
        <v>0</v>
      </c>
      <c r="KZ16" s="109">
        <v>0</v>
      </c>
      <c r="LA16" s="110">
        <v>0</v>
      </c>
      <c r="LB16" s="510">
        <v>0</v>
      </c>
      <c r="LC16" s="109">
        <v>233054</v>
      </c>
      <c r="LD16" s="109">
        <v>301906</v>
      </c>
      <c r="LE16" s="109">
        <v>839982</v>
      </c>
      <c r="LF16" s="109">
        <v>183859</v>
      </c>
      <c r="LG16" s="109">
        <v>607280</v>
      </c>
      <c r="LH16" s="110">
        <v>2166081</v>
      </c>
      <c r="LI16" s="111">
        <v>2166081</v>
      </c>
      <c r="LJ16" s="129">
        <v>0</v>
      </c>
      <c r="LK16" s="109">
        <v>0</v>
      </c>
      <c r="LL16" s="110">
        <v>0</v>
      </c>
      <c r="LM16" s="510">
        <v>0</v>
      </c>
      <c r="LN16" s="109">
        <v>0</v>
      </c>
      <c r="LO16" s="109">
        <v>0</v>
      </c>
      <c r="LP16" s="109">
        <v>0</v>
      </c>
      <c r="LQ16" s="109">
        <v>457332</v>
      </c>
      <c r="LR16" s="109">
        <v>0</v>
      </c>
      <c r="LS16" s="110">
        <v>457332</v>
      </c>
      <c r="LT16" s="296">
        <v>457332</v>
      </c>
      <c r="LU16" s="129">
        <v>0</v>
      </c>
      <c r="LV16" s="109">
        <v>0</v>
      </c>
      <c r="LW16" s="110">
        <v>0</v>
      </c>
      <c r="LX16" s="510">
        <v>0</v>
      </c>
      <c r="LY16" s="109">
        <v>0</v>
      </c>
      <c r="LZ16" s="109">
        <v>169051</v>
      </c>
      <c r="MA16" s="109">
        <v>694181</v>
      </c>
      <c r="MB16" s="109">
        <v>564677</v>
      </c>
      <c r="MC16" s="109">
        <v>0</v>
      </c>
      <c r="MD16" s="110">
        <v>1427909</v>
      </c>
      <c r="ME16" s="111">
        <v>1427909</v>
      </c>
      <c r="MF16" s="129">
        <v>0</v>
      </c>
      <c r="MG16" s="109">
        <v>0</v>
      </c>
      <c r="MH16" s="110">
        <v>0</v>
      </c>
      <c r="MI16" s="510">
        <v>0</v>
      </c>
      <c r="MJ16" s="109">
        <v>476589</v>
      </c>
      <c r="MK16" s="109">
        <v>705679</v>
      </c>
      <c r="ML16" s="109">
        <v>3708600</v>
      </c>
      <c r="MM16" s="109">
        <v>5768640</v>
      </c>
      <c r="MN16" s="109">
        <v>5211335</v>
      </c>
      <c r="MO16" s="110">
        <v>15870843</v>
      </c>
      <c r="MP16" s="130">
        <v>15870843</v>
      </c>
      <c r="MQ16" s="129">
        <v>0</v>
      </c>
      <c r="MR16" s="109">
        <v>0</v>
      </c>
      <c r="MS16" s="110">
        <v>0</v>
      </c>
      <c r="MT16" s="510">
        <v>0</v>
      </c>
      <c r="MU16" s="109">
        <v>0</v>
      </c>
      <c r="MV16" s="109">
        <v>377862</v>
      </c>
      <c r="MW16" s="109">
        <v>2705378</v>
      </c>
      <c r="MX16" s="109">
        <v>3734928</v>
      </c>
      <c r="MY16" s="109">
        <v>4344175</v>
      </c>
      <c r="MZ16" s="110">
        <v>11162343</v>
      </c>
      <c r="NA16" s="130">
        <v>11162343</v>
      </c>
      <c r="NB16" s="129">
        <v>0</v>
      </c>
      <c r="NC16" s="109">
        <v>0</v>
      </c>
      <c r="ND16" s="110">
        <v>0</v>
      </c>
      <c r="NE16" s="510">
        <v>0</v>
      </c>
      <c r="NF16" s="109">
        <v>476589</v>
      </c>
      <c r="NG16" s="109">
        <v>327817</v>
      </c>
      <c r="NH16" s="109">
        <v>1003222</v>
      </c>
      <c r="NI16" s="109">
        <v>2033712</v>
      </c>
      <c r="NJ16" s="109">
        <v>554935</v>
      </c>
      <c r="NK16" s="110">
        <v>4396275</v>
      </c>
      <c r="NL16" s="296">
        <v>4396275</v>
      </c>
      <c r="NM16" s="129">
        <v>0</v>
      </c>
      <c r="NN16" s="109">
        <v>0</v>
      </c>
      <c r="NO16" s="110">
        <v>0</v>
      </c>
      <c r="NP16" s="510">
        <v>0</v>
      </c>
      <c r="NQ16" s="109">
        <v>0</v>
      </c>
      <c r="NR16" s="109">
        <v>0</v>
      </c>
      <c r="NS16" s="109">
        <v>0</v>
      </c>
      <c r="NT16" s="109">
        <v>0</v>
      </c>
      <c r="NU16" s="109">
        <v>0</v>
      </c>
      <c r="NV16" s="110">
        <v>0</v>
      </c>
      <c r="NW16" s="111">
        <v>0</v>
      </c>
      <c r="NX16" s="129">
        <v>0</v>
      </c>
      <c r="NY16" s="109">
        <v>0</v>
      </c>
      <c r="NZ16" s="110">
        <v>0</v>
      </c>
      <c r="OA16" s="510">
        <v>0</v>
      </c>
      <c r="OB16" s="109">
        <v>0</v>
      </c>
      <c r="OC16" s="109">
        <v>0</v>
      </c>
      <c r="OD16" s="109">
        <v>0</v>
      </c>
      <c r="OE16" s="109">
        <v>0</v>
      </c>
      <c r="OF16" s="109">
        <v>312225</v>
      </c>
      <c r="OG16" s="110">
        <v>312225</v>
      </c>
      <c r="OH16" s="111">
        <v>312225</v>
      </c>
      <c r="OI16" s="129">
        <v>1416901</v>
      </c>
      <c r="OJ16" s="109">
        <v>2883373</v>
      </c>
      <c r="OK16" s="128">
        <v>4300274</v>
      </c>
      <c r="OL16" s="108">
        <v>0</v>
      </c>
      <c r="OM16" s="109">
        <v>21502989</v>
      </c>
      <c r="ON16" s="109">
        <v>20924864</v>
      </c>
      <c r="OO16" s="109">
        <v>22231843</v>
      </c>
      <c r="OP16" s="109">
        <v>23044195</v>
      </c>
      <c r="OQ16" s="109">
        <v>21825290</v>
      </c>
      <c r="OR16" s="110">
        <v>109529181</v>
      </c>
      <c r="OS16" s="130">
        <v>113829455</v>
      </c>
    </row>
    <row r="17" spans="2:409" ht="21" customHeight="1" x14ac:dyDescent="0.2">
      <c r="B17" s="468" t="s">
        <v>11</v>
      </c>
      <c r="C17" s="100">
        <v>243554</v>
      </c>
      <c r="D17" s="104">
        <v>382315</v>
      </c>
      <c r="E17" s="158">
        <v>625869</v>
      </c>
      <c r="F17" s="101">
        <v>0</v>
      </c>
      <c r="G17" s="104">
        <v>5971608</v>
      </c>
      <c r="H17" s="104">
        <v>3813808</v>
      </c>
      <c r="I17" s="104">
        <v>4799466</v>
      </c>
      <c r="J17" s="104">
        <v>6094137</v>
      </c>
      <c r="K17" s="104">
        <v>2279500</v>
      </c>
      <c r="L17" s="99">
        <v>22958519</v>
      </c>
      <c r="M17" s="106">
        <v>23584388</v>
      </c>
      <c r="N17" s="100">
        <v>86698</v>
      </c>
      <c r="O17" s="104">
        <v>68065</v>
      </c>
      <c r="P17" s="103">
        <v>154763</v>
      </c>
      <c r="Q17" s="100">
        <v>0</v>
      </c>
      <c r="R17" s="104">
        <v>1575109</v>
      </c>
      <c r="S17" s="104">
        <v>932014</v>
      </c>
      <c r="T17" s="104">
        <v>772814</v>
      </c>
      <c r="U17" s="104">
        <v>1511253</v>
      </c>
      <c r="V17" s="104">
        <v>410171</v>
      </c>
      <c r="W17" s="103">
        <v>5201361</v>
      </c>
      <c r="X17" s="106">
        <v>5356124</v>
      </c>
      <c r="Y17" s="100">
        <v>0</v>
      </c>
      <c r="Z17" s="104">
        <v>0</v>
      </c>
      <c r="AA17" s="103">
        <v>0</v>
      </c>
      <c r="AB17" s="100">
        <v>0</v>
      </c>
      <c r="AC17" s="104">
        <v>276126</v>
      </c>
      <c r="AD17" s="104">
        <v>175656</v>
      </c>
      <c r="AE17" s="104">
        <v>608754</v>
      </c>
      <c r="AF17" s="104">
        <v>1066915</v>
      </c>
      <c r="AG17" s="104">
        <v>33389</v>
      </c>
      <c r="AH17" s="103">
        <v>2160840</v>
      </c>
      <c r="AI17" s="106">
        <v>2160840</v>
      </c>
      <c r="AJ17" s="100">
        <v>0</v>
      </c>
      <c r="AK17" s="104">
        <v>0</v>
      </c>
      <c r="AL17" s="103">
        <v>0</v>
      </c>
      <c r="AM17" s="100">
        <v>0</v>
      </c>
      <c r="AN17" s="104">
        <v>0</v>
      </c>
      <c r="AO17" s="104">
        <v>0</v>
      </c>
      <c r="AP17" s="104">
        <v>0</v>
      </c>
      <c r="AQ17" s="104">
        <v>127400</v>
      </c>
      <c r="AR17" s="104">
        <v>128515</v>
      </c>
      <c r="AS17" s="103">
        <v>255915</v>
      </c>
      <c r="AT17" s="106">
        <v>255915</v>
      </c>
      <c r="AU17" s="100">
        <v>66888</v>
      </c>
      <c r="AV17" s="104">
        <v>28865</v>
      </c>
      <c r="AW17" s="103">
        <v>95753</v>
      </c>
      <c r="AX17" s="100">
        <v>0</v>
      </c>
      <c r="AY17" s="104">
        <v>1072466</v>
      </c>
      <c r="AZ17" s="104">
        <v>443141</v>
      </c>
      <c r="BA17" s="104">
        <v>-63503</v>
      </c>
      <c r="BB17" s="104">
        <v>-11096</v>
      </c>
      <c r="BC17" s="104">
        <v>142742</v>
      </c>
      <c r="BD17" s="103">
        <v>1583750</v>
      </c>
      <c r="BE17" s="106">
        <v>1679503</v>
      </c>
      <c r="BF17" s="100">
        <v>0</v>
      </c>
      <c r="BG17" s="104">
        <v>19719</v>
      </c>
      <c r="BH17" s="102">
        <v>19719</v>
      </c>
      <c r="BI17" s="101">
        <v>0</v>
      </c>
      <c r="BJ17" s="104">
        <v>81008</v>
      </c>
      <c r="BK17" s="104">
        <v>40378</v>
      </c>
      <c r="BL17" s="104">
        <v>0</v>
      </c>
      <c r="BM17" s="104">
        <v>33460</v>
      </c>
      <c r="BN17" s="104">
        <v>26530</v>
      </c>
      <c r="BO17" s="103">
        <v>181376</v>
      </c>
      <c r="BP17" s="106">
        <v>201095</v>
      </c>
      <c r="BQ17" s="100">
        <v>19810</v>
      </c>
      <c r="BR17" s="104">
        <v>19481</v>
      </c>
      <c r="BS17" s="103">
        <v>39291</v>
      </c>
      <c r="BT17" s="100">
        <v>0</v>
      </c>
      <c r="BU17" s="104">
        <v>145509</v>
      </c>
      <c r="BV17" s="104">
        <v>272839</v>
      </c>
      <c r="BW17" s="104">
        <v>227563</v>
      </c>
      <c r="BX17" s="104">
        <v>294574</v>
      </c>
      <c r="BY17" s="104">
        <v>78995</v>
      </c>
      <c r="BZ17" s="103">
        <v>1019480</v>
      </c>
      <c r="CA17" s="106">
        <v>1058771</v>
      </c>
      <c r="CB17" s="100">
        <v>0</v>
      </c>
      <c r="CC17" s="104">
        <v>134063</v>
      </c>
      <c r="CD17" s="103">
        <v>134063</v>
      </c>
      <c r="CE17" s="100">
        <v>0</v>
      </c>
      <c r="CF17" s="104">
        <v>1606270</v>
      </c>
      <c r="CG17" s="104">
        <v>932482</v>
      </c>
      <c r="CH17" s="104">
        <v>1461640</v>
      </c>
      <c r="CI17" s="104">
        <v>1146318</v>
      </c>
      <c r="CJ17" s="104">
        <v>295685</v>
      </c>
      <c r="CK17" s="103">
        <v>5442395</v>
      </c>
      <c r="CL17" s="106">
        <v>5576458</v>
      </c>
      <c r="CM17" s="100">
        <v>0</v>
      </c>
      <c r="CN17" s="104">
        <v>0</v>
      </c>
      <c r="CO17" s="103">
        <v>0</v>
      </c>
      <c r="CP17" s="101">
        <v>0</v>
      </c>
      <c r="CQ17" s="104">
        <v>1098136</v>
      </c>
      <c r="CR17" s="104">
        <v>565521</v>
      </c>
      <c r="CS17" s="104">
        <v>708947</v>
      </c>
      <c r="CT17" s="104">
        <v>967272</v>
      </c>
      <c r="CU17" s="104">
        <v>250726</v>
      </c>
      <c r="CV17" s="103">
        <v>3590602</v>
      </c>
      <c r="CW17" s="106">
        <v>3590602</v>
      </c>
      <c r="CX17" s="100">
        <v>0</v>
      </c>
      <c r="CY17" s="104">
        <v>134063</v>
      </c>
      <c r="CZ17" s="103">
        <v>134063</v>
      </c>
      <c r="DA17" s="100">
        <v>0</v>
      </c>
      <c r="DB17" s="104">
        <v>508134</v>
      </c>
      <c r="DC17" s="104">
        <v>366961</v>
      </c>
      <c r="DD17" s="104">
        <v>752693</v>
      </c>
      <c r="DE17" s="104">
        <v>179046</v>
      </c>
      <c r="DF17" s="104">
        <v>44959</v>
      </c>
      <c r="DG17" s="103">
        <v>1851793</v>
      </c>
      <c r="DH17" s="106">
        <v>1985856</v>
      </c>
      <c r="DI17" s="100">
        <v>0</v>
      </c>
      <c r="DJ17" s="104">
        <v>0</v>
      </c>
      <c r="DK17" s="102">
        <v>0</v>
      </c>
      <c r="DL17" s="101">
        <v>0</v>
      </c>
      <c r="DM17" s="104">
        <v>349575</v>
      </c>
      <c r="DN17" s="104">
        <v>24747</v>
      </c>
      <c r="DO17" s="104">
        <v>251041</v>
      </c>
      <c r="DP17" s="104">
        <v>166377</v>
      </c>
      <c r="DQ17" s="104">
        <v>381271</v>
      </c>
      <c r="DR17" s="103">
        <v>1173011</v>
      </c>
      <c r="DS17" s="106">
        <v>1173011</v>
      </c>
      <c r="DT17" s="100">
        <v>0</v>
      </c>
      <c r="DU17" s="104">
        <v>0</v>
      </c>
      <c r="DV17" s="103">
        <v>0</v>
      </c>
      <c r="DW17" s="100">
        <v>0</v>
      </c>
      <c r="DX17" s="104">
        <v>145577</v>
      </c>
      <c r="DY17" s="104">
        <v>24747</v>
      </c>
      <c r="DZ17" s="104">
        <v>177607</v>
      </c>
      <c r="EA17" s="104">
        <v>132714</v>
      </c>
      <c r="EB17" s="104">
        <v>135306</v>
      </c>
      <c r="EC17" s="103">
        <v>615951</v>
      </c>
      <c r="ED17" s="106">
        <v>615951</v>
      </c>
      <c r="EE17" s="100">
        <v>0</v>
      </c>
      <c r="EF17" s="102">
        <v>0</v>
      </c>
      <c r="EG17" s="103">
        <v>0</v>
      </c>
      <c r="EH17" s="100">
        <v>0</v>
      </c>
      <c r="EI17" s="104">
        <v>203998</v>
      </c>
      <c r="EJ17" s="104">
        <v>0</v>
      </c>
      <c r="EK17" s="104">
        <v>73434</v>
      </c>
      <c r="EL17" s="104">
        <v>33663</v>
      </c>
      <c r="EM17" s="104">
        <v>245965</v>
      </c>
      <c r="EN17" s="102">
        <v>557060</v>
      </c>
      <c r="EO17" s="106">
        <v>557060</v>
      </c>
      <c r="EP17" s="100">
        <v>0</v>
      </c>
      <c r="EQ17" s="104">
        <v>0</v>
      </c>
      <c r="ER17" s="102">
        <v>0</v>
      </c>
      <c r="ES17" s="101">
        <v>0</v>
      </c>
      <c r="ET17" s="104">
        <v>0</v>
      </c>
      <c r="EU17" s="104">
        <v>0</v>
      </c>
      <c r="EV17" s="104">
        <v>0</v>
      </c>
      <c r="EW17" s="104">
        <v>0</v>
      </c>
      <c r="EX17" s="104">
        <v>0</v>
      </c>
      <c r="EY17" s="103">
        <v>0</v>
      </c>
      <c r="EZ17" s="106">
        <v>0</v>
      </c>
      <c r="FA17" s="100">
        <v>0</v>
      </c>
      <c r="FB17" s="104">
        <v>0</v>
      </c>
      <c r="FC17" s="102">
        <v>0</v>
      </c>
      <c r="FD17" s="498">
        <v>0</v>
      </c>
      <c r="FE17" s="104">
        <v>0</v>
      </c>
      <c r="FF17" s="104">
        <v>0</v>
      </c>
      <c r="FG17" s="104">
        <v>0</v>
      </c>
      <c r="FH17" s="104">
        <v>0</v>
      </c>
      <c r="FI17" s="104">
        <v>0</v>
      </c>
      <c r="FJ17" s="103">
        <v>0</v>
      </c>
      <c r="FK17" s="106">
        <v>0</v>
      </c>
      <c r="FL17" s="100">
        <v>86268</v>
      </c>
      <c r="FM17" s="104">
        <v>102466</v>
      </c>
      <c r="FN17" s="103">
        <v>188734</v>
      </c>
      <c r="FO17" s="100">
        <v>0</v>
      </c>
      <c r="FP17" s="104">
        <v>354480</v>
      </c>
      <c r="FQ17" s="104">
        <v>445781</v>
      </c>
      <c r="FR17" s="104">
        <v>473613</v>
      </c>
      <c r="FS17" s="104">
        <v>665756</v>
      </c>
      <c r="FT17" s="104">
        <v>168175</v>
      </c>
      <c r="FU17" s="103">
        <v>2107805</v>
      </c>
      <c r="FV17" s="106">
        <v>2296539</v>
      </c>
      <c r="FW17" s="105">
        <v>43918</v>
      </c>
      <c r="FX17" s="104">
        <v>102466</v>
      </c>
      <c r="FY17" s="102">
        <v>146384</v>
      </c>
      <c r="FZ17" s="101">
        <v>0</v>
      </c>
      <c r="GA17" s="104">
        <v>214480</v>
      </c>
      <c r="GB17" s="104">
        <v>305781</v>
      </c>
      <c r="GC17" s="104">
        <v>428309</v>
      </c>
      <c r="GD17" s="104">
        <v>525756</v>
      </c>
      <c r="GE17" s="104">
        <v>168175</v>
      </c>
      <c r="GF17" s="103">
        <v>1642501</v>
      </c>
      <c r="GG17" s="294">
        <v>1788885</v>
      </c>
      <c r="GH17" s="105">
        <v>0</v>
      </c>
      <c r="GI17" s="104">
        <v>0</v>
      </c>
      <c r="GJ17" s="102">
        <v>0</v>
      </c>
      <c r="GK17" s="101">
        <v>0</v>
      </c>
      <c r="GL17" s="104">
        <v>0</v>
      </c>
      <c r="GM17" s="104">
        <v>0</v>
      </c>
      <c r="GN17" s="104">
        <v>19404</v>
      </c>
      <c r="GO17" s="104">
        <v>0</v>
      </c>
      <c r="GP17" s="104">
        <v>0</v>
      </c>
      <c r="GQ17" s="103">
        <v>19404</v>
      </c>
      <c r="GR17" s="106">
        <v>19404</v>
      </c>
      <c r="GS17" s="100">
        <v>42350</v>
      </c>
      <c r="GT17" s="104">
        <v>0</v>
      </c>
      <c r="GU17" s="103">
        <v>42350</v>
      </c>
      <c r="GV17" s="100">
        <v>0</v>
      </c>
      <c r="GW17" s="104">
        <v>140000</v>
      </c>
      <c r="GX17" s="104">
        <v>140000</v>
      </c>
      <c r="GY17" s="104">
        <v>25900</v>
      </c>
      <c r="GZ17" s="104">
        <v>140000</v>
      </c>
      <c r="HA17" s="104">
        <v>0</v>
      </c>
      <c r="HB17" s="102">
        <v>445900</v>
      </c>
      <c r="HC17" s="106">
        <v>488250</v>
      </c>
      <c r="HD17" s="100">
        <v>70588</v>
      </c>
      <c r="HE17" s="104">
        <v>77721</v>
      </c>
      <c r="HF17" s="102">
        <v>148309</v>
      </c>
      <c r="HG17" s="101">
        <v>0</v>
      </c>
      <c r="HH17" s="104">
        <v>2086174</v>
      </c>
      <c r="HI17" s="104">
        <v>1478784</v>
      </c>
      <c r="HJ17" s="104">
        <v>1840358</v>
      </c>
      <c r="HK17" s="104">
        <v>2604433</v>
      </c>
      <c r="HL17" s="104">
        <v>1024198</v>
      </c>
      <c r="HM17" s="103">
        <v>9033947</v>
      </c>
      <c r="HN17" s="99">
        <v>9182256</v>
      </c>
      <c r="HO17" s="484">
        <v>0</v>
      </c>
      <c r="HP17" s="485">
        <v>0</v>
      </c>
      <c r="HQ17" s="486">
        <v>0</v>
      </c>
      <c r="HR17" s="487">
        <v>0</v>
      </c>
      <c r="HS17" s="485">
        <v>0</v>
      </c>
      <c r="HT17" s="485">
        <v>0</v>
      </c>
      <c r="HU17" s="485">
        <v>0</v>
      </c>
      <c r="HV17" s="485">
        <v>0</v>
      </c>
      <c r="HW17" s="485">
        <v>0</v>
      </c>
      <c r="HX17" s="488">
        <v>0</v>
      </c>
      <c r="HY17" s="489">
        <v>0</v>
      </c>
      <c r="HZ17" s="118">
        <v>0</v>
      </c>
      <c r="IA17" s="119">
        <v>61362</v>
      </c>
      <c r="IB17" s="120">
        <v>61362</v>
      </c>
      <c r="IC17" s="133">
        <v>0</v>
      </c>
      <c r="ID17" s="119">
        <v>1795722</v>
      </c>
      <c r="IE17" s="134">
        <v>889499</v>
      </c>
      <c r="IF17" s="120">
        <v>533715</v>
      </c>
      <c r="IG17" s="119">
        <v>1318435</v>
      </c>
      <c r="IH17" s="120">
        <v>146219</v>
      </c>
      <c r="II17" s="135">
        <v>4683590</v>
      </c>
      <c r="IJ17" s="126">
        <v>4744952</v>
      </c>
      <c r="IK17" s="219">
        <v>0</v>
      </c>
      <c r="IL17" s="223">
        <v>0</v>
      </c>
      <c r="IM17" s="224">
        <v>0</v>
      </c>
      <c r="IN17" s="127">
        <v>0</v>
      </c>
      <c r="IO17" s="109">
        <v>68271</v>
      </c>
      <c r="IP17" s="109">
        <v>110554</v>
      </c>
      <c r="IQ17" s="109">
        <v>0</v>
      </c>
      <c r="IR17" s="109">
        <v>205435</v>
      </c>
      <c r="IS17" s="109">
        <v>0</v>
      </c>
      <c r="IT17" s="128">
        <v>384260</v>
      </c>
      <c r="IU17" s="296">
        <v>384260</v>
      </c>
      <c r="IV17" s="129">
        <v>0</v>
      </c>
      <c r="IW17" s="109">
        <v>0</v>
      </c>
      <c r="IX17" s="110">
        <v>0</v>
      </c>
      <c r="IY17" s="502">
        <v>0</v>
      </c>
      <c r="IZ17" s="109">
        <v>14732</v>
      </c>
      <c r="JA17" s="109">
        <v>0</v>
      </c>
      <c r="JB17" s="109">
        <v>0</v>
      </c>
      <c r="JC17" s="109">
        <v>14732</v>
      </c>
      <c r="JD17" s="109">
        <v>0</v>
      </c>
      <c r="JE17" s="110">
        <v>29464</v>
      </c>
      <c r="JF17" s="111">
        <v>29464</v>
      </c>
      <c r="JG17" s="129">
        <v>0</v>
      </c>
      <c r="JH17" s="109">
        <v>0</v>
      </c>
      <c r="JI17" s="128">
        <v>0</v>
      </c>
      <c r="JJ17" s="108">
        <v>0</v>
      </c>
      <c r="JK17" s="109">
        <v>1239880</v>
      </c>
      <c r="JL17" s="109">
        <v>214291</v>
      </c>
      <c r="JM17" s="109">
        <v>99966</v>
      </c>
      <c r="JN17" s="109">
        <v>452538</v>
      </c>
      <c r="JO17" s="109">
        <v>146219</v>
      </c>
      <c r="JP17" s="110">
        <v>2152894</v>
      </c>
      <c r="JQ17" s="296">
        <v>2152894</v>
      </c>
      <c r="JR17" s="129">
        <v>0</v>
      </c>
      <c r="JS17" s="109">
        <v>0</v>
      </c>
      <c r="JT17" s="128">
        <v>0</v>
      </c>
      <c r="JU17" s="108">
        <v>0</v>
      </c>
      <c r="JV17" s="109">
        <v>86338</v>
      </c>
      <c r="JW17" s="109">
        <v>0</v>
      </c>
      <c r="JX17" s="109">
        <v>0</v>
      </c>
      <c r="JY17" s="109">
        <v>0</v>
      </c>
      <c r="JZ17" s="109">
        <v>0</v>
      </c>
      <c r="KA17" s="110">
        <v>86338</v>
      </c>
      <c r="KB17" s="296">
        <v>86338</v>
      </c>
      <c r="KC17" s="221">
        <v>0</v>
      </c>
      <c r="KD17" s="217">
        <v>61362</v>
      </c>
      <c r="KE17" s="110">
        <v>61362</v>
      </c>
      <c r="KF17" s="108">
        <v>0</v>
      </c>
      <c r="KG17" s="109">
        <v>182955</v>
      </c>
      <c r="KH17" s="109">
        <v>136267</v>
      </c>
      <c r="KI17" s="109">
        <v>0</v>
      </c>
      <c r="KJ17" s="109">
        <v>456126</v>
      </c>
      <c r="KK17" s="109">
        <v>0</v>
      </c>
      <c r="KL17" s="110">
        <v>775348</v>
      </c>
      <c r="KM17" s="130">
        <v>836710</v>
      </c>
      <c r="KN17" s="219">
        <v>0</v>
      </c>
      <c r="KO17" s="223">
        <v>0</v>
      </c>
      <c r="KP17" s="224">
        <v>0</v>
      </c>
      <c r="KQ17" s="506">
        <v>0</v>
      </c>
      <c r="KR17" s="109">
        <v>203546</v>
      </c>
      <c r="KS17" s="109">
        <v>428387</v>
      </c>
      <c r="KT17" s="109">
        <v>433749</v>
      </c>
      <c r="KU17" s="109">
        <v>189604</v>
      </c>
      <c r="KV17" s="109">
        <v>0</v>
      </c>
      <c r="KW17" s="110">
        <v>1255286</v>
      </c>
      <c r="KX17" s="296">
        <v>1255286</v>
      </c>
      <c r="KY17" s="129">
        <v>0</v>
      </c>
      <c r="KZ17" s="109">
        <v>0</v>
      </c>
      <c r="LA17" s="110">
        <v>0</v>
      </c>
      <c r="LB17" s="510">
        <v>0</v>
      </c>
      <c r="LC17" s="109">
        <v>0</v>
      </c>
      <c r="LD17" s="109">
        <v>0</v>
      </c>
      <c r="LE17" s="109">
        <v>0</v>
      </c>
      <c r="LF17" s="109">
        <v>0</v>
      </c>
      <c r="LG17" s="109">
        <v>0</v>
      </c>
      <c r="LH17" s="110">
        <v>0</v>
      </c>
      <c r="LI17" s="111">
        <v>0</v>
      </c>
      <c r="LJ17" s="129">
        <v>0</v>
      </c>
      <c r="LK17" s="109">
        <v>0</v>
      </c>
      <c r="LL17" s="110">
        <v>0</v>
      </c>
      <c r="LM17" s="510">
        <v>0</v>
      </c>
      <c r="LN17" s="109">
        <v>0</v>
      </c>
      <c r="LO17" s="109">
        <v>0</v>
      </c>
      <c r="LP17" s="109">
        <v>0</v>
      </c>
      <c r="LQ17" s="109">
        <v>0</v>
      </c>
      <c r="LR17" s="109">
        <v>0</v>
      </c>
      <c r="LS17" s="110">
        <v>0</v>
      </c>
      <c r="LT17" s="296">
        <v>0</v>
      </c>
      <c r="LU17" s="129">
        <v>0</v>
      </c>
      <c r="LV17" s="109">
        <v>0</v>
      </c>
      <c r="LW17" s="110">
        <v>0</v>
      </c>
      <c r="LX17" s="510">
        <v>0</v>
      </c>
      <c r="LY17" s="109">
        <v>0</v>
      </c>
      <c r="LZ17" s="109">
        <v>0</v>
      </c>
      <c r="MA17" s="109">
        <v>0</v>
      </c>
      <c r="MB17" s="109">
        <v>0</v>
      </c>
      <c r="MC17" s="109">
        <v>0</v>
      </c>
      <c r="MD17" s="110">
        <v>0</v>
      </c>
      <c r="ME17" s="111">
        <v>0</v>
      </c>
      <c r="MF17" s="129">
        <v>0</v>
      </c>
      <c r="MG17" s="109">
        <v>0</v>
      </c>
      <c r="MH17" s="110">
        <v>0</v>
      </c>
      <c r="MI17" s="510">
        <v>0</v>
      </c>
      <c r="MJ17" s="109">
        <v>195258</v>
      </c>
      <c r="MK17" s="109">
        <v>680537</v>
      </c>
      <c r="ML17" s="109">
        <v>2760794</v>
      </c>
      <c r="MM17" s="109">
        <v>2489310</v>
      </c>
      <c r="MN17" s="109">
        <v>1478201</v>
      </c>
      <c r="MO17" s="110">
        <v>7604100</v>
      </c>
      <c r="MP17" s="130">
        <v>7604100</v>
      </c>
      <c r="MQ17" s="129">
        <v>0</v>
      </c>
      <c r="MR17" s="109">
        <v>0</v>
      </c>
      <c r="MS17" s="110">
        <v>0</v>
      </c>
      <c r="MT17" s="510">
        <v>0</v>
      </c>
      <c r="MU17" s="109">
        <v>0</v>
      </c>
      <c r="MV17" s="109">
        <v>0</v>
      </c>
      <c r="MW17" s="109">
        <v>1415734</v>
      </c>
      <c r="MX17" s="109">
        <v>1781612</v>
      </c>
      <c r="MY17" s="109">
        <v>1478201</v>
      </c>
      <c r="MZ17" s="110">
        <v>4675547</v>
      </c>
      <c r="NA17" s="130">
        <v>4675547</v>
      </c>
      <c r="NB17" s="129">
        <v>0</v>
      </c>
      <c r="NC17" s="109">
        <v>0</v>
      </c>
      <c r="ND17" s="110">
        <v>0</v>
      </c>
      <c r="NE17" s="510">
        <v>0</v>
      </c>
      <c r="NF17" s="109">
        <v>195258</v>
      </c>
      <c r="NG17" s="109">
        <v>425249</v>
      </c>
      <c r="NH17" s="109">
        <v>1345060</v>
      </c>
      <c r="NI17" s="109">
        <v>707698</v>
      </c>
      <c r="NJ17" s="109">
        <v>0</v>
      </c>
      <c r="NK17" s="110">
        <v>2673265</v>
      </c>
      <c r="NL17" s="296">
        <v>2673265</v>
      </c>
      <c r="NM17" s="129">
        <v>0</v>
      </c>
      <c r="NN17" s="109">
        <v>0</v>
      </c>
      <c r="NO17" s="110">
        <v>0</v>
      </c>
      <c r="NP17" s="510">
        <v>0</v>
      </c>
      <c r="NQ17" s="109">
        <v>0</v>
      </c>
      <c r="NR17" s="109">
        <v>0</v>
      </c>
      <c r="NS17" s="109">
        <v>0</v>
      </c>
      <c r="NT17" s="109">
        <v>0</v>
      </c>
      <c r="NU17" s="109">
        <v>0</v>
      </c>
      <c r="NV17" s="110">
        <v>0</v>
      </c>
      <c r="NW17" s="111">
        <v>0</v>
      </c>
      <c r="NX17" s="129">
        <v>0</v>
      </c>
      <c r="NY17" s="109">
        <v>0</v>
      </c>
      <c r="NZ17" s="110">
        <v>0</v>
      </c>
      <c r="OA17" s="510">
        <v>0</v>
      </c>
      <c r="OB17" s="109">
        <v>0</v>
      </c>
      <c r="OC17" s="109">
        <v>255288</v>
      </c>
      <c r="OD17" s="109">
        <v>0</v>
      </c>
      <c r="OE17" s="109">
        <v>0</v>
      </c>
      <c r="OF17" s="109">
        <v>0</v>
      </c>
      <c r="OG17" s="110">
        <v>255288</v>
      </c>
      <c r="OH17" s="111">
        <v>255288</v>
      </c>
      <c r="OI17" s="129">
        <v>243554</v>
      </c>
      <c r="OJ17" s="109">
        <v>443677</v>
      </c>
      <c r="OK17" s="128">
        <v>687231</v>
      </c>
      <c r="OL17" s="108">
        <v>0</v>
      </c>
      <c r="OM17" s="109">
        <v>7962588</v>
      </c>
      <c r="ON17" s="109">
        <v>5383844</v>
      </c>
      <c r="OO17" s="109">
        <v>8093975</v>
      </c>
      <c r="OP17" s="109">
        <v>9901882</v>
      </c>
      <c r="OQ17" s="109">
        <v>3903920</v>
      </c>
      <c r="OR17" s="110">
        <v>35246209</v>
      </c>
      <c r="OS17" s="130">
        <v>35933440</v>
      </c>
    </row>
    <row r="18" spans="2:409" ht="21" customHeight="1" x14ac:dyDescent="0.2">
      <c r="B18" s="468" t="s">
        <v>12</v>
      </c>
      <c r="C18" s="100">
        <v>836988</v>
      </c>
      <c r="D18" s="104">
        <v>1681820</v>
      </c>
      <c r="E18" s="103">
        <v>2518808</v>
      </c>
      <c r="F18" s="99">
        <v>0</v>
      </c>
      <c r="G18" s="104">
        <v>5831794</v>
      </c>
      <c r="H18" s="157">
        <v>7309642</v>
      </c>
      <c r="I18" s="157">
        <v>8091594</v>
      </c>
      <c r="J18" s="157">
        <v>7690293</v>
      </c>
      <c r="K18" s="157">
        <v>5941697</v>
      </c>
      <c r="L18" s="102">
        <v>34865020</v>
      </c>
      <c r="M18" s="106">
        <v>37383828</v>
      </c>
      <c r="N18" s="100">
        <v>222628</v>
      </c>
      <c r="O18" s="104">
        <v>788264</v>
      </c>
      <c r="P18" s="103">
        <v>1010892</v>
      </c>
      <c r="Q18" s="100">
        <v>0</v>
      </c>
      <c r="R18" s="104">
        <v>1887912</v>
      </c>
      <c r="S18" s="104">
        <v>2471961</v>
      </c>
      <c r="T18" s="104">
        <v>2261577</v>
      </c>
      <c r="U18" s="104">
        <v>2493114</v>
      </c>
      <c r="V18" s="104">
        <v>3460557</v>
      </c>
      <c r="W18" s="103">
        <v>12575121</v>
      </c>
      <c r="X18" s="106">
        <v>13586013</v>
      </c>
      <c r="Y18" s="100">
        <v>0</v>
      </c>
      <c r="Z18" s="104">
        <v>0</v>
      </c>
      <c r="AA18" s="103">
        <v>0</v>
      </c>
      <c r="AB18" s="100">
        <v>0</v>
      </c>
      <c r="AC18" s="104">
        <v>1104806</v>
      </c>
      <c r="AD18" s="104">
        <v>1221249</v>
      </c>
      <c r="AE18" s="104">
        <v>1244048</v>
      </c>
      <c r="AF18" s="104">
        <v>1251483</v>
      </c>
      <c r="AG18" s="104">
        <v>2197675</v>
      </c>
      <c r="AH18" s="103">
        <v>7019261</v>
      </c>
      <c r="AI18" s="106">
        <v>7019261</v>
      </c>
      <c r="AJ18" s="100">
        <v>0</v>
      </c>
      <c r="AK18" s="104">
        <v>0</v>
      </c>
      <c r="AL18" s="103">
        <v>0</v>
      </c>
      <c r="AM18" s="100">
        <v>0</v>
      </c>
      <c r="AN18" s="104">
        <v>0</v>
      </c>
      <c r="AO18" s="104">
        <v>176695</v>
      </c>
      <c r="AP18" s="104">
        <v>61372</v>
      </c>
      <c r="AQ18" s="104">
        <v>272528</v>
      </c>
      <c r="AR18" s="104">
        <v>259067</v>
      </c>
      <c r="AS18" s="103">
        <v>769662</v>
      </c>
      <c r="AT18" s="106">
        <v>769662</v>
      </c>
      <c r="AU18" s="100">
        <v>156892</v>
      </c>
      <c r="AV18" s="104">
        <v>667605</v>
      </c>
      <c r="AW18" s="103">
        <v>824497</v>
      </c>
      <c r="AX18" s="100">
        <v>0</v>
      </c>
      <c r="AY18" s="104">
        <v>582958</v>
      </c>
      <c r="AZ18" s="104">
        <v>680469</v>
      </c>
      <c r="BA18" s="104">
        <v>557331</v>
      </c>
      <c r="BB18" s="104">
        <v>646708</v>
      </c>
      <c r="BC18" s="104">
        <v>828273</v>
      </c>
      <c r="BD18" s="103">
        <v>3295739</v>
      </c>
      <c r="BE18" s="106">
        <v>4120236</v>
      </c>
      <c r="BF18" s="100">
        <v>20803</v>
      </c>
      <c r="BG18" s="104">
        <v>41251</v>
      </c>
      <c r="BH18" s="102">
        <v>62054</v>
      </c>
      <c r="BI18" s="101">
        <v>0</v>
      </c>
      <c r="BJ18" s="104">
        <v>18491</v>
      </c>
      <c r="BK18" s="104">
        <v>70246</v>
      </c>
      <c r="BL18" s="104">
        <v>44213</v>
      </c>
      <c r="BM18" s="104">
        <v>62261</v>
      </c>
      <c r="BN18" s="104">
        <v>0</v>
      </c>
      <c r="BO18" s="103">
        <v>195211</v>
      </c>
      <c r="BP18" s="106">
        <v>257265</v>
      </c>
      <c r="BQ18" s="100">
        <v>44933</v>
      </c>
      <c r="BR18" s="104">
        <v>79408</v>
      </c>
      <c r="BS18" s="103">
        <v>124341</v>
      </c>
      <c r="BT18" s="100">
        <v>0</v>
      </c>
      <c r="BU18" s="104">
        <v>181657</v>
      </c>
      <c r="BV18" s="104">
        <v>323302</v>
      </c>
      <c r="BW18" s="104">
        <v>354613</v>
      </c>
      <c r="BX18" s="104">
        <v>260134</v>
      </c>
      <c r="BY18" s="104">
        <v>175542</v>
      </c>
      <c r="BZ18" s="103">
        <v>1295248</v>
      </c>
      <c r="CA18" s="106">
        <v>1419589</v>
      </c>
      <c r="CB18" s="100">
        <v>239609</v>
      </c>
      <c r="CC18" s="104">
        <v>242083</v>
      </c>
      <c r="CD18" s="103">
        <v>481692</v>
      </c>
      <c r="CE18" s="100">
        <v>0</v>
      </c>
      <c r="CF18" s="104">
        <v>2094380</v>
      </c>
      <c r="CG18" s="104">
        <v>1841609</v>
      </c>
      <c r="CH18" s="104">
        <v>1907355</v>
      </c>
      <c r="CI18" s="104">
        <v>1340476</v>
      </c>
      <c r="CJ18" s="104">
        <v>640200</v>
      </c>
      <c r="CK18" s="103">
        <v>7824020</v>
      </c>
      <c r="CL18" s="106">
        <v>8305712</v>
      </c>
      <c r="CM18" s="100">
        <v>0</v>
      </c>
      <c r="CN18" s="104">
        <v>0</v>
      </c>
      <c r="CO18" s="103">
        <v>0</v>
      </c>
      <c r="CP18" s="101">
        <v>0</v>
      </c>
      <c r="CQ18" s="104">
        <v>1660325</v>
      </c>
      <c r="CR18" s="104">
        <v>1402619</v>
      </c>
      <c r="CS18" s="104">
        <v>979521</v>
      </c>
      <c r="CT18" s="104">
        <v>1006560</v>
      </c>
      <c r="CU18" s="104">
        <v>640200</v>
      </c>
      <c r="CV18" s="103">
        <v>5689225</v>
      </c>
      <c r="CW18" s="106">
        <v>5689225</v>
      </c>
      <c r="CX18" s="100">
        <v>239609</v>
      </c>
      <c r="CY18" s="104">
        <v>242083</v>
      </c>
      <c r="CZ18" s="103">
        <v>481692</v>
      </c>
      <c r="DA18" s="100">
        <v>0</v>
      </c>
      <c r="DB18" s="104">
        <v>434055</v>
      </c>
      <c r="DC18" s="104">
        <v>438990</v>
      </c>
      <c r="DD18" s="104">
        <v>927834</v>
      </c>
      <c r="DE18" s="104">
        <v>333916</v>
      </c>
      <c r="DF18" s="104">
        <v>0</v>
      </c>
      <c r="DG18" s="103">
        <v>2134795</v>
      </c>
      <c r="DH18" s="106">
        <v>2616487</v>
      </c>
      <c r="DI18" s="100">
        <v>0</v>
      </c>
      <c r="DJ18" s="104">
        <v>0</v>
      </c>
      <c r="DK18" s="102">
        <v>0</v>
      </c>
      <c r="DL18" s="101">
        <v>0</v>
      </c>
      <c r="DM18" s="104">
        <v>524810</v>
      </c>
      <c r="DN18" s="104">
        <v>437838</v>
      </c>
      <c r="DO18" s="104">
        <v>1241440</v>
      </c>
      <c r="DP18" s="104">
        <v>872333</v>
      </c>
      <c r="DQ18" s="104">
        <v>469807</v>
      </c>
      <c r="DR18" s="103">
        <v>3546228</v>
      </c>
      <c r="DS18" s="106">
        <v>3546228</v>
      </c>
      <c r="DT18" s="100">
        <v>0</v>
      </c>
      <c r="DU18" s="104">
        <v>0</v>
      </c>
      <c r="DV18" s="103">
        <v>0</v>
      </c>
      <c r="DW18" s="100">
        <v>0</v>
      </c>
      <c r="DX18" s="104">
        <v>448255</v>
      </c>
      <c r="DY18" s="104">
        <v>437838</v>
      </c>
      <c r="DZ18" s="104">
        <v>1241440</v>
      </c>
      <c r="EA18" s="104">
        <v>872333</v>
      </c>
      <c r="EB18" s="104">
        <v>469807</v>
      </c>
      <c r="EC18" s="103">
        <v>3469673</v>
      </c>
      <c r="ED18" s="106">
        <v>3469673</v>
      </c>
      <c r="EE18" s="100">
        <v>0</v>
      </c>
      <c r="EF18" s="102">
        <v>0</v>
      </c>
      <c r="EG18" s="103">
        <v>0</v>
      </c>
      <c r="EH18" s="100">
        <v>0</v>
      </c>
      <c r="EI18" s="104">
        <v>76555</v>
      </c>
      <c r="EJ18" s="104">
        <v>0</v>
      </c>
      <c r="EK18" s="104">
        <v>0</v>
      </c>
      <c r="EL18" s="104">
        <v>0</v>
      </c>
      <c r="EM18" s="104">
        <v>0</v>
      </c>
      <c r="EN18" s="102">
        <v>76555</v>
      </c>
      <c r="EO18" s="106">
        <v>76555</v>
      </c>
      <c r="EP18" s="100">
        <v>0</v>
      </c>
      <c r="EQ18" s="104">
        <v>0</v>
      </c>
      <c r="ER18" s="102">
        <v>0</v>
      </c>
      <c r="ES18" s="101">
        <v>0</v>
      </c>
      <c r="ET18" s="104">
        <v>0</v>
      </c>
      <c r="EU18" s="104">
        <v>0</v>
      </c>
      <c r="EV18" s="104">
        <v>0</v>
      </c>
      <c r="EW18" s="104">
        <v>0</v>
      </c>
      <c r="EX18" s="104">
        <v>0</v>
      </c>
      <c r="EY18" s="103">
        <v>0</v>
      </c>
      <c r="EZ18" s="106">
        <v>0</v>
      </c>
      <c r="FA18" s="100">
        <v>0</v>
      </c>
      <c r="FB18" s="104">
        <v>0</v>
      </c>
      <c r="FC18" s="102">
        <v>0</v>
      </c>
      <c r="FD18" s="498">
        <v>0</v>
      </c>
      <c r="FE18" s="104">
        <v>0</v>
      </c>
      <c r="FF18" s="104">
        <v>0</v>
      </c>
      <c r="FG18" s="104">
        <v>0</v>
      </c>
      <c r="FH18" s="104">
        <v>0</v>
      </c>
      <c r="FI18" s="104">
        <v>0</v>
      </c>
      <c r="FJ18" s="103">
        <v>0</v>
      </c>
      <c r="FK18" s="106">
        <v>0</v>
      </c>
      <c r="FL18" s="100">
        <v>124439</v>
      </c>
      <c r="FM18" s="104">
        <v>329805</v>
      </c>
      <c r="FN18" s="103">
        <v>454244</v>
      </c>
      <c r="FO18" s="100">
        <v>0</v>
      </c>
      <c r="FP18" s="104">
        <v>443044</v>
      </c>
      <c r="FQ18" s="104">
        <v>524531</v>
      </c>
      <c r="FR18" s="104">
        <v>535458</v>
      </c>
      <c r="FS18" s="104">
        <v>807331</v>
      </c>
      <c r="FT18" s="104">
        <v>430535</v>
      </c>
      <c r="FU18" s="103">
        <v>2740899</v>
      </c>
      <c r="FV18" s="106">
        <v>3195143</v>
      </c>
      <c r="FW18" s="105">
        <v>104419</v>
      </c>
      <c r="FX18" s="104">
        <v>311605</v>
      </c>
      <c r="FY18" s="102">
        <v>416024</v>
      </c>
      <c r="FZ18" s="101">
        <v>0</v>
      </c>
      <c r="GA18" s="104">
        <v>220444</v>
      </c>
      <c r="GB18" s="104">
        <v>524531</v>
      </c>
      <c r="GC18" s="104">
        <v>500038</v>
      </c>
      <c r="GD18" s="104">
        <v>682731</v>
      </c>
      <c r="GE18" s="104">
        <v>430535</v>
      </c>
      <c r="GF18" s="103">
        <v>2358279</v>
      </c>
      <c r="GG18" s="294">
        <v>2774303</v>
      </c>
      <c r="GH18" s="105">
        <v>20020</v>
      </c>
      <c r="GI18" s="104">
        <v>0</v>
      </c>
      <c r="GJ18" s="102">
        <v>20020</v>
      </c>
      <c r="GK18" s="101">
        <v>0</v>
      </c>
      <c r="GL18" s="104">
        <v>0</v>
      </c>
      <c r="GM18" s="104">
        <v>0</v>
      </c>
      <c r="GN18" s="104">
        <v>35420</v>
      </c>
      <c r="GO18" s="104">
        <v>15400</v>
      </c>
      <c r="GP18" s="104">
        <v>0</v>
      </c>
      <c r="GQ18" s="103">
        <v>50820</v>
      </c>
      <c r="GR18" s="106">
        <v>70840</v>
      </c>
      <c r="GS18" s="100">
        <v>0</v>
      </c>
      <c r="GT18" s="104">
        <v>18200</v>
      </c>
      <c r="GU18" s="103">
        <v>18200</v>
      </c>
      <c r="GV18" s="100">
        <v>0</v>
      </c>
      <c r="GW18" s="104">
        <v>222600</v>
      </c>
      <c r="GX18" s="104">
        <v>0</v>
      </c>
      <c r="GY18" s="104">
        <v>0</v>
      </c>
      <c r="GZ18" s="104">
        <v>109200</v>
      </c>
      <c r="HA18" s="104">
        <v>0</v>
      </c>
      <c r="HB18" s="102">
        <v>331800</v>
      </c>
      <c r="HC18" s="106">
        <v>350000</v>
      </c>
      <c r="HD18" s="100">
        <v>250312</v>
      </c>
      <c r="HE18" s="104">
        <v>321668</v>
      </c>
      <c r="HF18" s="102">
        <v>571980</v>
      </c>
      <c r="HG18" s="101">
        <v>0</v>
      </c>
      <c r="HH18" s="104">
        <v>881648</v>
      </c>
      <c r="HI18" s="104">
        <v>2033703</v>
      </c>
      <c r="HJ18" s="104">
        <v>2145764</v>
      </c>
      <c r="HK18" s="104">
        <v>2177039</v>
      </c>
      <c r="HL18" s="104">
        <v>940598</v>
      </c>
      <c r="HM18" s="103">
        <v>8178752</v>
      </c>
      <c r="HN18" s="99">
        <v>8750732</v>
      </c>
      <c r="HO18" s="484">
        <v>0</v>
      </c>
      <c r="HP18" s="485">
        <v>0</v>
      </c>
      <c r="HQ18" s="486">
        <v>0</v>
      </c>
      <c r="HR18" s="487">
        <v>0</v>
      </c>
      <c r="HS18" s="485">
        <v>0</v>
      </c>
      <c r="HT18" s="485">
        <v>0</v>
      </c>
      <c r="HU18" s="485">
        <v>0</v>
      </c>
      <c r="HV18" s="485">
        <v>0</v>
      </c>
      <c r="HW18" s="485">
        <v>0</v>
      </c>
      <c r="HX18" s="488">
        <v>0</v>
      </c>
      <c r="HY18" s="489">
        <v>0</v>
      </c>
      <c r="HZ18" s="137">
        <v>0</v>
      </c>
      <c r="IA18" s="122">
        <v>0</v>
      </c>
      <c r="IB18" s="137">
        <v>0</v>
      </c>
      <c r="IC18" s="121">
        <v>0</v>
      </c>
      <c r="ID18" s="122">
        <v>1271166</v>
      </c>
      <c r="IE18" s="123">
        <v>1769055</v>
      </c>
      <c r="IF18" s="124">
        <v>1072860</v>
      </c>
      <c r="IG18" s="122">
        <v>1136930</v>
      </c>
      <c r="IH18" s="124">
        <v>467521</v>
      </c>
      <c r="II18" s="125">
        <v>5717532</v>
      </c>
      <c r="IJ18" s="137">
        <v>5717532</v>
      </c>
      <c r="IK18" s="219">
        <v>0</v>
      </c>
      <c r="IL18" s="223">
        <v>0</v>
      </c>
      <c r="IM18" s="224">
        <v>0</v>
      </c>
      <c r="IN18" s="127">
        <v>0</v>
      </c>
      <c r="IO18" s="109">
        <v>0</v>
      </c>
      <c r="IP18" s="109">
        <v>0</v>
      </c>
      <c r="IQ18" s="109">
        <v>0</v>
      </c>
      <c r="IR18" s="109">
        <v>0</v>
      </c>
      <c r="IS18" s="109">
        <v>0</v>
      </c>
      <c r="IT18" s="128">
        <v>0</v>
      </c>
      <c r="IU18" s="296">
        <v>0</v>
      </c>
      <c r="IV18" s="129">
        <v>0</v>
      </c>
      <c r="IW18" s="109">
        <v>0</v>
      </c>
      <c r="IX18" s="110">
        <v>0</v>
      </c>
      <c r="IY18" s="502">
        <v>0</v>
      </c>
      <c r="IZ18" s="109">
        <v>0</v>
      </c>
      <c r="JA18" s="109">
        <v>0</v>
      </c>
      <c r="JB18" s="109">
        <v>0</v>
      </c>
      <c r="JC18" s="109">
        <v>0</v>
      </c>
      <c r="JD18" s="109">
        <v>0</v>
      </c>
      <c r="JE18" s="110">
        <v>0</v>
      </c>
      <c r="JF18" s="111">
        <v>0</v>
      </c>
      <c r="JG18" s="129">
        <v>0</v>
      </c>
      <c r="JH18" s="109">
        <v>0</v>
      </c>
      <c r="JI18" s="128">
        <v>0</v>
      </c>
      <c r="JJ18" s="108">
        <v>0</v>
      </c>
      <c r="JK18" s="109">
        <v>697651</v>
      </c>
      <c r="JL18" s="109">
        <v>491244</v>
      </c>
      <c r="JM18" s="109">
        <v>407563</v>
      </c>
      <c r="JN18" s="109">
        <v>236835</v>
      </c>
      <c r="JO18" s="109">
        <v>241466</v>
      </c>
      <c r="JP18" s="110">
        <v>2074759</v>
      </c>
      <c r="JQ18" s="296">
        <v>2074759</v>
      </c>
      <c r="JR18" s="129">
        <v>0</v>
      </c>
      <c r="JS18" s="109">
        <v>0</v>
      </c>
      <c r="JT18" s="128">
        <v>0</v>
      </c>
      <c r="JU18" s="108">
        <v>0</v>
      </c>
      <c r="JV18" s="109">
        <v>0</v>
      </c>
      <c r="JW18" s="109">
        <v>0</v>
      </c>
      <c r="JX18" s="109">
        <v>0</v>
      </c>
      <c r="JY18" s="109">
        <v>0</v>
      </c>
      <c r="JZ18" s="109">
        <v>0</v>
      </c>
      <c r="KA18" s="110">
        <v>0</v>
      </c>
      <c r="KB18" s="296">
        <v>0</v>
      </c>
      <c r="KC18" s="221">
        <v>0</v>
      </c>
      <c r="KD18" s="217">
        <v>0</v>
      </c>
      <c r="KE18" s="110">
        <v>0</v>
      </c>
      <c r="KF18" s="108">
        <v>0</v>
      </c>
      <c r="KG18" s="109">
        <v>216896</v>
      </c>
      <c r="KH18" s="109">
        <v>304593</v>
      </c>
      <c r="KI18" s="109">
        <v>431866</v>
      </c>
      <c r="KJ18" s="109">
        <v>326999</v>
      </c>
      <c r="KK18" s="109">
        <v>0</v>
      </c>
      <c r="KL18" s="110">
        <v>1280354</v>
      </c>
      <c r="KM18" s="130">
        <v>1280354</v>
      </c>
      <c r="KN18" s="219">
        <v>0</v>
      </c>
      <c r="KO18" s="223">
        <v>0</v>
      </c>
      <c r="KP18" s="224">
        <v>0</v>
      </c>
      <c r="KQ18" s="506">
        <v>0</v>
      </c>
      <c r="KR18" s="109">
        <v>356619</v>
      </c>
      <c r="KS18" s="109">
        <v>424268</v>
      </c>
      <c r="KT18" s="109">
        <v>0</v>
      </c>
      <c r="KU18" s="109">
        <v>95284</v>
      </c>
      <c r="KV18" s="109">
        <v>226055</v>
      </c>
      <c r="KW18" s="110">
        <v>1102226</v>
      </c>
      <c r="KX18" s="296">
        <v>1102226</v>
      </c>
      <c r="KY18" s="129">
        <v>0</v>
      </c>
      <c r="KZ18" s="109">
        <v>0</v>
      </c>
      <c r="LA18" s="110">
        <v>0</v>
      </c>
      <c r="LB18" s="510">
        <v>0</v>
      </c>
      <c r="LC18" s="109">
        <v>0</v>
      </c>
      <c r="LD18" s="109">
        <v>159452</v>
      </c>
      <c r="LE18" s="109">
        <v>0</v>
      </c>
      <c r="LF18" s="109">
        <v>192486</v>
      </c>
      <c r="LG18" s="109">
        <v>0</v>
      </c>
      <c r="LH18" s="110">
        <v>351938</v>
      </c>
      <c r="LI18" s="111">
        <v>351938</v>
      </c>
      <c r="LJ18" s="129">
        <v>0</v>
      </c>
      <c r="LK18" s="109">
        <v>0</v>
      </c>
      <c r="LL18" s="110">
        <v>0</v>
      </c>
      <c r="LM18" s="510">
        <v>0</v>
      </c>
      <c r="LN18" s="109">
        <v>0</v>
      </c>
      <c r="LO18" s="109">
        <v>0</v>
      </c>
      <c r="LP18" s="109">
        <v>0</v>
      </c>
      <c r="LQ18" s="109">
        <v>0</v>
      </c>
      <c r="LR18" s="109">
        <v>0</v>
      </c>
      <c r="LS18" s="110">
        <v>0</v>
      </c>
      <c r="LT18" s="296">
        <v>0</v>
      </c>
      <c r="LU18" s="129">
        <v>0</v>
      </c>
      <c r="LV18" s="109">
        <v>0</v>
      </c>
      <c r="LW18" s="110">
        <v>0</v>
      </c>
      <c r="LX18" s="510">
        <v>0</v>
      </c>
      <c r="LY18" s="109">
        <v>0</v>
      </c>
      <c r="LZ18" s="109">
        <v>389498</v>
      </c>
      <c r="MA18" s="109">
        <v>233431</v>
      </c>
      <c r="MB18" s="109">
        <v>285326</v>
      </c>
      <c r="MC18" s="109">
        <v>0</v>
      </c>
      <c r="MD18" s="110">
        <v>908255</v>
      </c>
      <c r="ME18" s="111">
        <v>908255</v>
      </c>
      <c r="MF18" s="129">
        <v>0</v>
      </c>
      <c r="MG18" s="109">
        <v>0</v>
      </c>
      <c r="MH18" s="110">
        <v>0</v>
      </c>
      <c r="MI18" s="510">
        <v>0</v>
      </c>
      <c r="MJ18" s="109">
        <v>0</v>
      </c>
      <c r="MK18" s="109">
        <v>1025343</v>
      </c>
      <c r="ML18" s="109">
        <v>677243</v>
      </c>
      <c r="MM18" s="109">
        <v>4430932</v>
      </c>
      <c r="MN18" s="109">
        <v>1485165</v>
      </c>
      <c r="MO18" s="110">
        <v>7618683</v>
      </c>
      <c r="MP18" s="130">
        <v>7618683</v>
      </c>
      <c r="MQ18" s="129">
        <v>0</v>
      </c>
      <c r="MR18" s="109">
        <v>0</v>
      </c>
      <c r="MS18" s="110">
        <v>0</v>
      </c>
      <c r="MT18" s="510">
        <v>0</v>
      </c>
      <c r="MU18" s="109">
        <v>0</v>
      </c>
      <c r="MV18" s="109">
        <v>0</v>
      </c>
      <c r="MW18" s="109">
        <v>223246</v>
      </c>
      <c r="MX18" s="109">
        <v>2707816</v>
      </c>
      <c r="MY18" s="109">
        <v>508424</v>
      </c>
      <c r="MZ18" s="110">
        <v>3439486</v>
      </c>
      <c r="NA18" s="130">
        <v>3439486</v>
      </c>
      <c r="NB18" s="129">
        <v>0</v>
      </c>
      <c r="NC18" s="109">
        <v>0</v>
      </c>
      <c r="ND18" s="110">
        <v>0</v>
      </c>
      <c r="NE18" s="510">
        <v>0</v>
      </c>
      <c r="NF18" s="109">
        <v>0</v>
      </c>
      <c r="NG18" s="109">
        <v>1025343</v>
      </c>
      <c r="NH18" s="109">
        <v>453997</v>
      </c>
      <c r="NI18" s="109">
        <v>1165327</v>
      </c>
      <c r="NJ18" s="109">
        <v>976741</v>
      </c>
      <c r="NK18" s="110">
        <v>3621408</v>
      </c>
      <c r="NL18" s="296">
        <v>3621408</v>
      </c>
      <c r="NM18" s="129">
        <v>0</v>
      </c>
      <c r="NN18" s="109">
        <v>0</v>
      </c>
      <c r="NO18" s="110">
        <v>0</v>
      </c>
      <c r="NP18" s="510">
        <v>0</v>
      </c>
      <c r="NQ18" s="109">
        <v>0</v>
      </c>
      <c r="NR18" s="109">
        <v>0</v>
      </c>
      <c r="NS18" s="109">
        <v>0</v>
      </c>
      <c r="NT18" s="109">
        <v>0</v>
      </c>
      <c r="NU18" s="109">
        <v>0</v>
      </c>
      <c r="NV18" s="110">
        <v>0</v>
      </c>
      <c r="NW18" s="111">
        <v>0</v>
      </c>
      <c r="NX18" s="129">
        <v>0</v>
      </c>
      <c r="NY18" s="109">
        <v>0</v>
      </c>
      <c r="NZ18" s="110">
        <v>0</v>
      </c>
      <c r="OA18" s="510">
        <v>0</v>
      </c>
      <c r="OB18" s="109">
        <v>0</v>
      </c>
      <c r="OC18" s="109">
        <v>0</v>
      </c>
      <c r="OD18" s="109">
        <v>0</v>
      </c>
      <c r="OE18" s="109">
        <v>557789</v>
      </c>
      <c r="OF18" s="109">
        <v>0</v>
      </c>
      <c r="OG18" s="110">
        <v>557789</v>
      </c>
      <c r="OH18" s="111">
        <v>557789</v>
      </c>
      <c r="OI18" s="129">
        <v>836988</v>
      </c>
      <c r="OJ18" s="109">
        <v>1681820</v>
      </c>
      <c r="OK18" s="128">
        <v>2518808</v>
      </c>
      <c r="OL18" s="108">
        <v>0</v>
      </c>
      <c r="OM18" s="109">
        <v>7102960</v>
      </c>
      <c r="ON18" s="109">
        <v>10104040</v>
      </c>
      <c r="OO18" s="109">
        <v>9841697</v>
      </c>
      <c r="OP18" s="109">
        <v>13258155</v>
      </c>
      <c r="OQ18" s="109">
        <v>7894383</v>
      </c>
      <c r="OR18" s="110">
        <v>48201235</v>
      </c>
      <c r="OS18" s="130">
        <v>50720043</v>
      </c>
    </row>
    <row r="19" spans="2:409" ht="21" customHeight="1" x14ac:dyDescent="0.2">
      <c r="B19" s="468" t="s">
        <v>13</v>
      </c>
      <c r="C19" s="100">
        <v>283930</v>
      </c>
      <c r="D19" s="104">
        <v>747965</v>
      </c>
      <c r="E19" s="103">
        <v>1031895</v>
      </c>
      <c r="F19" s="100">
        <v>0</v>
      </c>
      <c r="G19" s="157">
        <v>3494057</v>
      </c>
      <c r="H19" s="104">
        <v>4273933</v>
      </c>
      <c r="I19" s="104">
        <v>3346717</v>
      </c>
      <c r="J19" s="104">
        <v>4001644</v>
      </c>
      <c r="K19" s="104">
        <v>4819778</v>
      </c>
      <c r="L19" s="102">
        <v>19936129</v>
      </c>
      <c r="M19" s="106">
        <v>20968024</v>
      </c>
      <c r="N19" s="100">
        <v>92035</v>
      </c>
      <c r="O19" s="104">
        <v>264205</v>
      </c>
      <c r="P19" s="103">
        <v>356240</v>
      </c>
      <c r="Q19" s="100">
        <v>0</v>
      </c>
      <c r="R19" s="104">
        <v>1302504</v>
      </c>
      <c r="S19" s="104">
        <v>1652987</v>
      </c>
      <c r="T19" s="104">
        <v>1136205</v>
      </c>
      <c r="U19" s="104">
        <v>1748500</v>
      </c>
      <c r="V19" s="104">
        <v>3016752</v>
      </c>
      <c r="W19" s="103">
        <v>8856948</v>
      </c>
      <c r="X19" s="106">
        <v>9213188</v>
      </c>
      <c r="Y19" s="100">
        <v>0</v>
      </c>
      <c r="Z19" s="104">
        <v>0</v>
      </c>
      <c r="AA19" s="103">
        <v>0</v>
      </c>
      <c r="AB19" s="100">
        <v>0</v>
      </c>
      <c r="AC19" s="104">
        <v>498747</v>
      </c>
      <c r="AD19" s="104">
        <v>776520</v>
      </c>
      <c r="AE19" s="104">
        <v>593918</v>
      </c>
      <c r="AF19" s="104">
        <v>1058566</v>
      </c>
      <c r="AG19" s="104">
        <v>1988785</v>
      </c>
      <c r="AH19" s="103">
        <v>4916536</v>
      </c>
      <c r="AI19" s="106">
        <v>4916536</v>
      </c>
      <c r="AJ19" s="100">
        <v>0</v>
      </c>
      <c r="AK19" s="104">
        <v>0</v>
      </c>
      <c r="AL19" s="103">
        <v>0</v>
      </c>
      <c r="AM19" s="100">
        <v>0</v>
      </c>
      <c r="AN19" s="104">
        <v>0</v>
      </c>
      <c r="AO19" s="104">
        <v>0</v>
      </c>
      <c r="AP19" s="104">
        <v>0</v>
      </c>
      <c r="AQ19" s="104">
        <v>65066</v>
      </c>
      <c r="AR19" s="104">
        <v>112429</v>
      </c>
      <c r="AS19" s="103">
        <v>177495</v>
      </c>
      <c r="AT19" s="106">
        <v>177495</v>
      </c>
      <c r="AU19" s="100">
        <v>16162</v>
      </c>
      <c r="AV19" s="104">
        <v>173555</v>
      </c>
      <c r="AW19" s="103">
        <v>189717</v>
      </c>
      <c r="AX19" s="100">
        <v>0</v>
      </c>
      <c r="AY19" s="104">
        <v>504085</v>
      </c>
      <c r="AZ19" s="104">
        <v>508176</v>
      </c>
      <c r="BA19" s="104">
        <v>351075</v>
      </c>
      <c r="BB19" s="104">
        <v>313283</v>
      </c>
      <c r="BC19" s="104">
        <v>597293</v>
      </c>
      <c r="BD19" s="103">
        <v>2273912</v>
      </c>
      <c r="BE19" s="106">
        <v>2463629</v>
      </c>
      <c r="BF19" s="100">
        <v>0</v>
      </c>
      <c r="BG19" s="104">
        <v>0</v>
      </c>
      <c r="BH19" s="102">
        <v>0</v>
      </c>
      <c r="BI19" s="101">
        <v>0</v>
      </c>
      <c r="BJ19" s="104">
        <v>14394</v>
      </c>
      <c r="BK19" s="104">
        <v>79513</v>
      </c>
      <c r="BL19" s="104">
        <v>0</v>
      </c>
      <c r="BM19" s="104">
        <v>67222</v>
      </c>
      <c r="BN19" s="104">
        <v>68065</v>
      </c>
      <c r="BO19" s="103">
        <v>229194</v>
      </c>
      <c r="BP19" s="106">
        <v>229194</v>
      </c>
      <c r="BQ19" s="100">
        <v>75873</v>
      </c>
      <c r="BR19" s="104">
        <v>90650</v>
      </c>
      <c r="BS19" s="103">
        <v>166523</v>
      </c>
      <c r="BT19" s="100">
        <v>0</v>
      </c>
      <c r="BU19" s="104">
        <v>285278</v>
      </c>
      <c r="BV19" s="104">
        <v>288778</v>
      </c>
      <c r="BW19" s="104">
        <v>191212</v>
      </c>
      <c r="BX19" s="104">
        <v>244363</v>
      </c>
      <c r="BY19" s="104">
        <v>250180</v>
      </c>
      <c r="BZ19" s="103">
        <v>1259811</v>
      </c>
      <c r="CA19" s="106">
        <v>1426334</v>
      </c>
      <c r="CB19" s="100">
        <v>0</v>
      </c>
      <c r="CC19" s="104">
        <v>0</v>
      </c>
      <c r="CD19" s="103">
        <v>0</v>
      </c>
      <c r="CE19" s="100">
        <v>0</v>
      </c>
      <c r="CF19" s="104">
        <v>595312</v>
      </c>
      <c r="CG19" s="104">
        <v>815762</v>
      </c>
      <c r="CH19" s="104">
        <v>689966</v>
      </c>
      <c r="CI19" s="104">
        <v>348337</v>
      </c>
      <c r="CJ19" s="104">
        <v>123599</v>
      </c>
      <c r="CK19" s="103">
        <v>2572976</v>
      </c>
      <c r="CL19" s="106">
        <v>2572976</v>
      </c>
      <c r="CM19" s="100">
        <v>0</v>
      </c>
      <c r="CN19" s="104">
        <v>0</v>
      </c>
      <c r="CO19" s="103">
        <v>0</v>
      </c>
      <c r="CP19" s="101">
        <v>0</v>
      </c>
      <c r="CQ19" s="104">
        <v>554438</v>
      </c>
      <c r="CR19" s="104">
        <v>770036</v>
      </c>
      <c r="CS19" s="104">
        <v>627151</v>
      </c>
      <c r="CT19" s="104">
        <v>51576</v>
      </c>
      <c r="CU19" s="104">
        <v>23440</v>
      </c>
      <c r="CV19" s="103">
        <v>2026641</v>
      </c>
      <c r="CW19" s="106">
        <v>2026641</v>
      </c>
      <c r="CX19" s="100">
        <v>0</v>
      </c>
      <c r="CY19" s="104">
        <v>0</v>
      </c>
      <c r="CZ19" s="103">
        <v>0</v>
      </c>
      <c r="DA19" s="100">
        <v>0</v>
      </c>
      <c r="DB19" s="104">
        <v>40874</v>
      </c>
      <c r="DC19" s="104">
        <v>45726</v>
      </c>
      <c r="DD19" s="104">
        <v>62815</v>
      </c>
      <c r="DE19" s="104">
        <v>296761</v>
      </c>
      <c r="DF19" s="104">
        <v>100159</v>
      </c>
      <c r="DG19" s="103">
        <v>546335</v>
      </c>
      <c r="DH19" s="106">
        <v>546335</v>
      </c>
      <c r="DI19" s="100">
        <v>0</v>
      </c>
      <c r="DJ19" s="104">
        <v>0</v>
      </c>
      <c r="DK19" s="102">
        <v>0</v>
      </c>
      <c r="DL19" s="101">
        <v>0</v>
      </c>
      <c r="DM19" s="104">
        <v>0</v>
      </c>
      <c r="DN19" s="104">
        <v>220528</v>
      </c>
      <c r="DO19" s="104">
        <v>219711</v>
      </c>
      <c r="DP19" s="104">
        <v>111153</v>
      </c>
      <c r="DQ19" s="104">
        <v>0</v>
      </c>
      <c r="DR19" s="103">
        <v>551392</v>
      </c>
      <c r="DS19" s="106">
        <v>551392</v>
      </c>
      <c r="DT19" s="100">
        <v>0</v>
      </c>
      <c r="DU19" s="104">
        <v>0</v>
      </c>
      <c r="DV19" s="103">
        <v>0</v>
      </c>
      <c r="DW19" s="100">
        <v>0</v>
      </c>
      <c r="DX19" s="104">
        <v>0</v>
      </c>
      <c r="DY19" s="104">
        <v>220528</v>
      </c>
      <c r="DZ19" s="104">
        <v>219711</v>
      </c>
      <c r="EA19" s="104">
        <v>111153</v>
      </c>
      <c r="EB19" s="104">
        <v>0</v>
      </c>
      <c r="EC19" s="103">
        <v>551392</v>
      </c>
      <c r="ED19" s="106">
        <v>551392</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498">
        <v>0</v>
      </c>
      <c r="FE19" s="104">
        <v>0</v>
      </c>
      <c r="FF19" s="104">
        <v>0</v>
      </c>
      <c r="FG19" s="104">
        <v>0</v>
      </c>
      <c r="FH19" s="104">
        <v>0</v>
      </c>
      <c r="FI19" s="104">
        <v>0</v>
      </c>
      <c r="FJ19" s="103">
        <v>0</v>
      </c>
      <c r="FK19" s="106">
        <v>0</v>
      </c>
      <c r="FL19" s="100">
        <v>6300</v>
      </c>
      <c r="FM19" s="104">
        <v>235536</v>
      </c>
      <c r="FN19" s="103">
        <v>241836</v>
      </c>
      <c r="FO19" s="100">
        <v>0</v>
      </c>
      <c r="FP19" s="104">
        <v>154273</v>
      </c>
      <c r="FQ19" s="104">
        <v>340760</v>
      </c>
      <c r="FR19" s="104">
        <v>260204</v>
      </c>
      <c r="FS19" s="104">
        <v>261387</v>
      </c>
      <c r="FT19" s="104">
        <v>275975</v>
      </c>
      <c r="FU19" s="103">
        <v>1292599</v>
      </c>
      <c r="FV19" s="106">
        <v>1534435</v>
      </c>
      <c r="FW19" s="105">
        <v>6300</v>
      </c>
      <c r="FX19" s="104">
        <v>131936</v>
      </c>
      <c r="FY19" s="102">
        <v>138236</v>
      </c>
      <c r="FZ19" s="101">
        <v>0</v>
      </c>
      <c r="GA19" s="104">
        <v>135639</v>
      </c>
      <c r="GB19" s="104">
        <v>327208</v>
      </c>
      <c r="GC19" s="104">
        <v>251104</v>
      </c>
      <c r="GD19" s="104">
        <v>261387</v>
      </c>
      <c r="GE19" s="104">
        <v>275975</v>
      </c>
      <c r="GF19" s="103">
        <v>1251313</v>
      </c>
      <c r="GG19" s="294">
        <v>1389549</v>
      </c>
      <c r="GH19" s="105">
        <v>0</v>
      </c>
      <c r="GI19" s="104">
        <v>0</v>
      </c>
      <c r="GJ19" s="102">
        <v>0</v>
      </c>
      <c r="GK19" s="101">
        <v>0</v>
      </c>
      <c r="GL19" s="104">
        <v>18634</v>
      </c>
      <c r="GM19" s="104">
        <v>13552</v>
      </c>
      <c r="GN19" s="104">
        <v>0</v>
      </c>
      <c r="GO19" s="104">
        <v>0</v>
      </c>
      <c r="GP19" s="104">
        <v>0</v>
      </c>
      <c r="GQ19" s="103">
        <v>32186</v>
      </c>
      <c r="GR19" s="106">
        <v>32186</v>
      </c>
      <c r="GS19" s="100">
        <v>0</v>
      </c>
      <c r="GT19" s="104">
        <v>103600</v>
      </c>
      <c r="GU19" s="103">
        <v>103600</v>
      </c>
      <c r="GV19" s="100">
        <v>0</v>
      </c>
      <c r="GW19" s="104">
        <v>0</v>
      </c>
      <c r="GX19" s="104">
        <v>0</v>
      </c>
      <c r="GY19" s="104">
        <v>9100</v>
      </c>
      <c r="GZ19" s="104">
        <v>0</v>
      </c>
      <c r="HA19" s="104">
        <v>0</v>
      </c>
      <c r="HB19" s="102">
        <v>9100</v>
      </c>
      <c r="HC19" s="106">
        <v>112700</v>
      </c>
      <c r="HD19" s="100">
        <v>185595</v>
      </c>
      <c r="HE19" s="104">
        <v>248224</v>
      </c>
      <c r="HF19" s="102">
        <v>433819</v>
      </c>
      <c r="HG19" s="101">
        <v>0</v>
      </c>
      <c r="HH19" s="104">
        <v>1441968</v>
      </c>
      <c r="HI19" s="104">
        <v>1243896</v>
      </c>
      <c r="HJ19" s="104">
        <v>1040631</v>
      </c>
      <c r="HK19" s="104">
        <v>1532267</v>
      </c>
      <c r="HL19" s="104">
        <v>1403452</v>
      </c>
      <c r="HM19" s="103">
        <v>6662214</v>
      </c>
      <c r="HN19" s="99">
        <v>7096033</v>
      </c>
      <c r="HO19" s="484">
        <v>0</v>
      </c>
      <c r="HP19" s="485">
        <v>0</v>
      </c>
      <c r="HQ19" s="486">
        <v>0</v>
      </c>
      <c r="HR19" s="487">
        <v>0</v>
      </c>
      <c r="HS19" s="485">
        <v>0</v>
      </c>
      <c r="HT19" s="485">
        <v>0</v>
      </c>
      <c r="HU19" s="485">
        <v>0</v>
      </c>
      <c r="HV19" s="485">
        <v>0</v>
      </c>
      <c r="HW19" s="485">
        <v>0</v>
      </c>
      <c r="HX19" s="488">
        <v>0</v>
      </c>
      <c r="HY19" s="489">
        <v>0</v>
      </c>
      <c r="HZ19" s="118">
        <v>0</v>
      </c>
      <c r="IA19" s="119">
        <v>0</v>
      </c>
      <c r="IB19" s="120">
        <v>0</v>
      </c>
      <c r="IC19" s="133">
        <v>0</v>
      </c>
      <c r="ID19" s="119">
        <v>518607</v>
      </c>
      <c r="IE19" s="134">
        <v>519947</v>
      </c>
      <c r="IF19" s="120">
        <v>658280</v>
      </c>
      <c r="IG19" s="119">
        <v>439549</v>
      </c>
      <c r="IH19" s="120">
        <v>151549</v>
      </c>
      <c r="II19" s="135">
        <v>2287932</v>
      </c>
      <c r="IJ19" s="126">
        <v>2287932</v>
      </c>
      <c r="IK19" s="219">
        <v>0</v>
      </c>
      <c r="IL19" s="223">
        <v>0</v>
      </c>
      <c r="IM19" s="224">
        <v>0</v>
      </c>
      <c r="IN19" s="127">
        <v>0</v>
      </c>
      <c r="IO19" s="109">
        <v>0</v>
      </c>
      <c r="IP19" s="109">
        <v>0</v>
      </c>
      <c r="IQ19" s="109">
        <v>0</v>
      </c>
      <c r="IR19" s="109">
        <v>0</v>
      </c>
      <c r="IS19" s="109">
        <v>0</v>
      </c>
      <c r="IT19" s="128">
        <v>0</v>
      </c>
      <c r="IU19" s="296">
        <v>0</v>
      </c>
      <c r="IV19" s="129">
        <v>0</v>
      </c>
      <c r="IW19" s="109">
        <v>0</v>
      </c>
      <c r="IX19" s="110">
        <v>0</v>
      </c>
      <c r="IY19" s="502">
        <v>0</v>
      </c>
      <c r="IZ19" s="109">
        <v>0</v>
      </c>
      <c r="JA19" s="109">
        <v>0</v>
      </c>
      <c r="JB19" s="109">
        <v>0</v>
      </c>
      <c r="JC19" s="109">
        <v>0</v>
      </c>
      <c r="JD19" s="109">
        <v>0</v>
      </c>
      <c r="JE19" s="110">
        <v>0</v>
      </c>
      <c r="JF19" s="111">
        <v>0</v>
      </c>
      <c r="JG19" s="129">
        <v>0</v>
      </c>
      <c r="JH19" s="109">
        <v>0</v>
      </c>
      <c r="JI19" s="128">
        <v>0</v>
      </c>
      <c r="JJ19" s="108">
        <v>0</v>
      </c>
      <c r="JK19" s="109">
        <v>273708</v>
      </c>
      <c r="JL19" s="109">
        <v>519947</v>
      </c>
      <c r="JM19" s="109">
        <v>449144</v>
      </c>
      <c r="JN19" s="109">
        <v>254790</v>
      </c>
      <c r="JO19" s="109">
        <v>151549</v>
      </c>
      <c r="JP19" s="110">
        <v>1649138</v>
      </c>
      <c r="JQ19" s="296">
        <v>1649138</v>
      </c>
      <c r="JR19" s="129">
        <v>0</v>
      </c>
      <c r="JS19" s="109">
        <v>0</v>
      </c>
      <c r="JT19" s="128">
        <v>0</v>
      </c>
      <c r="JU19" s="108">
        <v>0</v>
      </c>
      <c r="JV19" s="109">
        <v>36295</v>
      </c>
      <c r="JW19" s="109">
        <v>0</v>
      </c>
      <c r="JX19" s="109">
        <v>0</v>
      </c>
      <c r="JY19" s="109">
        <v>0</v>
      </c>
      <c r="JZ19" s="109">
        <v>0</v>
      </c>
      <c r="KA19" s="110">
        <v>36295</v>
      </c>
      <c r="KB19" s="296">
        <v>36295</v>
      </c>
      <c r="KC19" s="221">
        <v>0</v>
      </c>
      <c r="KD19" s="217">
        <v>0</v>
      </c>
      <c r="KE19" s="110">
        <v>0</v>
      </c>
      <c r="KF19" s="108">
        <v>0</v>
      </c>
      <c r="KG19" s="109">
        <v>0</v>
      </c>
      <c r="KH19" s="109">
        <v>0</v>
      </c>
      <c r="KI19" s="109">
        <v>209136</v>
      </c>
      <c r="KJ19" s="109">
        <v>0</v>
      </c>
      <c r="KK19" s="109">
        <v>0</v>
      </c>
      <c r="KL19" s="110">
        <v>209136</v>
      </c>
      <c r="KM19" s="130">
        <v>209136</v>
      </c>
      <c r="KN19" s="219">
        <v>0</v>
      </c>
      <c r="KO19" s="223">
        <v>0</v>
      </c>
      <c r="KP19" s="224">
        <v>0</v>
      </c>
      <c r="KQ19" s="506">
        <v>0</v>
      </c>
      <c r="KR19" s="109">
        <v>208604</v>
      </c>
      <c r="KS19" s="109">
        <v>0</v>
      </c>
      <c r="KT19" s="109">
        <v>0</v>
      </c>
      <c r="KU19" s="109">
        <v>0</v>
      </c>
      <c r="KV19" s="109">
        <v>0</v>
      </c>
      <c r="KW19" s="110">
        <v>208604</v>
      </c>
      <c r="KX19" s="296">
        <v>208604</v>
      </c>
      <c r="KY19" s="129">
        <v>0</v>
      </c>
      <c r="KZ19" s="109">
        <v>0</v>
      </c>
      <c r="LA19" s="110">
        <v>0</v>
      </c>
      <c r="LB19" s="510">
        <v>0</v>
      </c>
      <c r="LC19" s="109">
        <v>0</v>
      </c>
      <c r="LD19" s="109">
        <v>0</v>
      </c>
      <c r="LE19" s="109">
        <v>0</v>
      </c>
      <c r="LF19" s="109">
        <v>184759</v>
      </c>
      <c r="LG19" s="109">
        <v>0</v>
      </c>
      <c r="LH19" s="110">
        <v>184759</v>
      </c>
      <c r="LI19" s="111">
        <v>184759</v>
      </c>
      <c r="LJ19" s="129">
        <v>0</v>
      </c>
      <c r="LK19" s="109">
        <v>0</v>
      </c>
      <c r="LL19" s="110">
        <v>0</v>
      </c>
      <c r="LM19" s="510">
        <v>0</v>
      </c>
      <c r="LN19" s="109">
        <v>0</v>
      </c>
      <c r="LO19" s="109">
        <v>0</v>
      </c>
      <c r="LP19" s="109">
        <v>0</v>
      </c>
      <c r="LQ19" s="109">
        <v>0</v>
      </c>
      <c r="LR19" s="109">
        <v>0</v>
      </c>
      <c r="LS19" s="110">
        <v>0</v>
      </c>
      <c r="LT19" s="296">
        <v>0</v>
      </c>
      <c r="LU19" s="129">
        <v>0</v>
      </c>
      <c r="LV19" s="109">
        <v>0</v>
      </c>
      <c r="LW19" s="110">
        <v>0</v>
      </c>
      <c r="LX19" s="510">
        <v>0</v>
      </c>
      <c r="LY19" s="109">
        <v>0</v>
      </c>
      <c r="LZ19" s="109">
        <v>0</v>
      </c>
      <c r="MA19" s="109">
        <v>0</v>
      </c>
      <c r="MB19" s="109">
        <v>0</v>
      </c>
      <c r="MC19" s="109">
        <v>0</v>
      </c>
      <c r="MD19" s="110">
        <v>0</v>
      </c>
      <c r="ME19" s="111">
        <v>0</v>
      </c>
      <c r="MF19" s="129">
        <v>0</v>
      </c>
      <c r="MG19" s="109">
        <v>0</v>
      </c>
      <c r="MH19" s="110">
        <v>0</v>
      </c>
      <c r="MI19" s="510">
        <v>0</v>
      </c>
      <c r="MJ19" s="109">
        <v>0</v>
      </c>
      <c r="MK19" s="109">
        <v>758845</v>
      </c>
      <c r="ML19" s="109">
        <v>250623</v>
      </c>
      <c r="MM19" s="109">
        <v>1549713</v>
      </c>
      <c r="MN19" s="109">
        <v>1810471</v>
      </c>
      <c r="MO19" s="110">
        <v>4369652</v>
      </c>
      <c r="MP19" s="130">
        <v>4369652</v>
      </c>
      <c r="MQ19" s="129">
        <v>0</v>
      </c>
      <c r="MR19" s="109">
        <v>0</v>
      </c>
      <c r="MS19" s="110">
        <v>0</v>
      </c>
      <c r="MT19" s="510">
        <v>0</v>
      </c>
      <c r="MU19" s="109">
        <v>0</v>
      </c>
      <c r="MV19" s="109">
        <v>0</v>
      </c>
      <c r="MW19" s="109">
        <v>0</v>
      </c>
      <c r="MX19" s="109">
        <v>1277947</v>
      </c>
      <c r="MY19" s="109">
        <v>1242177</v>
      </c>
      <c r="MZ19" s="110">
        <v>2520124</v>
      </c>
      <c r="NA19" s="130">
        <v>2520124</v>
      </c>
      <c r="NB19" s="129">
        <v>0</v>
      </c>
      <c r="NC19" s="109">
        <v>0</v>
      </c>
      <c r="ND19" s="110">
        <v>0</v>
      </c>
      <c r="NE19" s="510">
        <v>0</v>
      </c>
      <c r="NF19" s="109">
        <v>0</v>
      </c>
      <c r="NG19" s="109">
        <v>758845</v>
      </c>
      <c r="NH19" s="109">
        <v>250623</v>
      </c>
      <c r="NI19" s="109">
        <v>271766</v>
      </c>
      <c r="NJ19" s="109">
        <v>568294</v>
      </c>
      <c r="NK19" s="110">
        <v>1849528</v>
      </c>
      <c r="NL19" s="296">
        <v>1849528</v>
      </c>
      <c r="NM19" s="129">
        <v>0</v>
      </c>
      <c r="NN19" s="109">
        <v>0</v>
      </c>
      <c r="NO19" s="110">
        <v>0</v>
      </c>
      <c r="NP19" s="510">
        <v>0</v>
      </c>
      <c r="NQ19" s="109">
        <v>0</v>
      </c>
      <c r="NR19" s="109">
        <v>0</v>
      </c>
      <c r="NS19" s="109">
        <v>0</v>
      </c>
      <c r="NT19" s="109">
        <v>0</v>
      </c>
      <c r="NU19" s="109">
        <v>0</v>
      </c>
      <c r="NV19" s="110">
        <v>0</v>
      </c>
      <c r="NW19" s="111">
        <v>0</v>
      </c>
      <c r="NX19" s="129">
        <v>0</v>
      </c>
      <c r="NY19" s="109">
        <v>0</v>
      </c>
      <c r="NZ19" s="110">
        <v>0</v>
      </c>
      <c r="OA19" s="510">
        <v>0</v>
      </c>
      <c r="OB19" s="109">
        <v>0</v>
      </c>
      <c r="OC19" s="109">
        <v>0</v>
      </c>
      <c r="OD19" s="109">
        <v>0</v>
      </c>
      <c r="OE19" s="109">
        <v>0</v>
      </c>
      <c r="OF19" s="109">
        <v>0</v>
      </c>
      <c r="OG19" s="110">
        <v>0</v>
      </c>
      <c r="OH19" s="111">
        <v>0</v>
      </c>
      <c r="OI19" s="129">
        <v>283930</v>
      </c>
      <c r="OJ19" s="109">
        <v>747965</v>
      </c>
      <c r="OK19" s="128">
        <v>1031895</v>
      </c>
      <c r="OL19" s="108">
        <v>0</v>
      </c>
      <c r="OM19" s="109">
        <v>4012664</v>
      </c>
      <c r="ON19" s="109">
        <v>5552725</v>
      </c>
      <c r="OO19" s="109">
        <v>4255620</v>
      </c>
      <c r="OP19" s="109">
        <v>5990906</v>
      </c>
      <c r="OQ19" s="109">
        <v>6781798</v>
      </c>
      <c r="OR19" s="110">
        <v>26593713</v>
      </c>
      <c r="OS19" s="130">
        <v>27625608</v>
      </c>
    </row>
    <row r="20" spans="2:409" ht="21" customHeight="1" x14ac:dyDescent="0.2">
      <c r="B20" s="468" t="s">
        <v>15</v>
      </c>
      <c r="C20" s="100">
        <v>52357</v>
      </c>
      <c r="D20" s="104">
        <v>131075</v>
      </c>
      <c r="E20" s="103">
        <v>183432</v>
      </c>
      <c r="F20" s="99">
        <v>0</v>
      </c>
      <c r="G20" s="104">
        <v>821726</v>
      </c>
      <c r="H20" s="104">
        <v>1574511</v>
      </c>
      <c r="I20" s="104">
        <v>957538</v>
      </c>
      <c r="J20" s="104">
        <v>1794905</v>
      </c>
      <c r="K20" s="104">
        <v>798673</v>
      </c>
      <c r="L20" s="99">
        <v>5947353</v>
      </c>
      <c r="M20" s="106">
        <v>6130785</v>
      </c>
      <c r="N20" s="100">
        <v>0</v>
      </c>
      <c r="O20" s="104">
        <v>23967</v>
      </c>
      <c r="P20" s="103">
        <v>23967</v>
      </c>
      <c r="Q20" s="100">
        <v>0</v>
      </c>
      <c r="R20" s="104">
        <v>225014</v>
      </c>
      <c r="S20" s="104">
        <v>402830</v>
      </c>
      <c r="T20" s="104">
        <v>22722</v>
      </c>
      <c r="U20" s="104">
        <v>494913</v>
      </c>
      <c r="V20" s="104">
        <v>329122</v>
      </c>
      <c r="W20" s="103">
        <v>1474601</v>
      </c>
      <c r="X20" s="106">
        <v>1498568</v>
      </c>
      <c r="Y20" s="100">
        <v>0</v>
      </c>
      <c r="Z20" s="104">
        <v>0</v>
      </c>
      <c r="AA20" s="103">
        <v>0</v>
      </c>
      <c r="AB20" s="100">
        <v>0</v>
      </c>
      <c r="AC20" s="104">
        <v>149516</v>
      </c>
      <c r="AD20" s="104">
        <v>197768</v>
      </c>
      <c r="AE20" s="104">
        <v>0</v>
      </c>
      <c r="AF20" s="104">
        <v>242306</v>
      </c>
      <c r="AG20" s="104">
        <v>49527</v>
      </c>
      <c r="AH20" s="103">
        <v>639117</v>
      </c>
      <c r="AI20" s="106">
        <v>639117</v>
      </c>
      <c r="AJ20" s="100">
        <v>0</v>
      </c>
      <c r="AK20" s="104">
        <v>0</v>
      </c>
      <c r="AL20" s="103">
        <v>0</v>
      </c>
      <c r="AM20" s="100">
        <v>0</v>
      </c>
      <c r="AN20" s="104">
        <v>0</v>
      </c>
      <c r="AO20" s="104">
        <v>0</v>
      </c>
      <c r="AP20" s="104">
        <v>0</v>
      </c>
      <c r="AQ20" s="104">
        <v>40917</v>
      </c>
      <c r="AR20" s="104">
        <v>132991</v>
      </c>
      <c r="AS20" s="103">
        <v>173908</v>
      </c>
      <c r="AT20" s="106">
        <v>173908</v>
      </c>
      <c r="AU20" s="100">
        <v>0</v>
      </c>
      <c r="AV20" s="104">
        <v>19795</v>
      </c>
      <c r="AW20" s="103">
        <v>19795</v>
      </c>
      <c r="AX20" s="100">
        <v>0</v>
      </c>
      <c r="AY20" s="104">
        <v>35598</v>
      </c>
      <c r="AZ20" s="104">
        <v>128161</v>
      </c>
      <c r="BA20" s="104">
        <v>0</v>
      </c>
      <c r="BB20" s="104">
        <v>107887</v>
      </c>
      <c r="BC20" s="104">
        <v>95253</v>
      </c>
      <c r="BD20" s="103">
        <v>366899</v>
      </c>
      <c r="BE20" s="106">
        <v>386694</v>
      </c>
      <c r="BF20" s="100">
        <v>0</v>
      </c>
      <c r="BG20" s="104">
        <v>0</v>
      </c>
      <c r="BH20" s="102">
        <v>0</v>
      </c>
      <c r="BI20" s="101">
        <v>0</v>
      </c>
      <c r="BJ20" s="104">
        <v>0</v>
      </c>
      <c r="BK20" s="104">
        <v>20369</v>
      </c>
      <c r="BL20" s="104">
        <v>0</v>
      </c>
      <c r="BM20" s="104">
        <v>0</v>
      </c>
      <c r="BN20" s="104">
        <v>20369</v>
      </c>
      <c r="BO20" s="103">
        <v>40738</v>
      </c>
      <c r="BP20" s="106">
        <v>40738</v>
      </c>
      <c r="BQ20" s="100">
        <v>0</v>
      </c>
      <c r="BR20" s="104">
        <v>4172</v>
      </c>
      <c r="BS20" s="103">
        <v>4172</v>
      </c>
      <c r="BT20" s="100">
        <v>0</v>
      </c>
      <c r="BU20" s="104">
        <v>39900</v>
      </c>
      <c r="BV20" s="104">
        <v>56532</v>
      </c>
      <c r="BW20" s="104">
        <v>22722</v>
      </c>
      <c r="BX20" s="104">
        <v>103803</v>
      </c>
      <c r="BY20" s="104">
        <v>30982</v>
      </c>
      <c r="BZ20" s="103">
        <v>253939</v>
      </c>
      <c r="CA20" s="106">
        <v>258111</v>
      </c>
      <c r="CB20" s="100">
        <v>0</v>
      </c>
      <c r="CC20" s="104">
        <v>0</v>
      </c>
      <c r="CD20" s="103">
        <v>0</v>
      </c>
      <c r="CE20" s="100">
        <v>0</v>
      </c>
      <c r="CF20" s="104">
        <v>153170</v>
      </c>
      <c r="CG20" s="104">
        <v>444031</v>
      </c>
      <c r="CH20" s="104">
        <v>478337</v>
      </c>
      <c r="CI20" s="104">
        <v>244929</v>
      </c>
      <c r="CJ20" s="104">
        <v>100359</v>
      </c>
      <c r="CK20" s="103">
        <v>1420826</v>
      </c>
      <c r="CL20" s="106">
        <v>1420826</v>
      </c>
      <c r="CM20" s="100">
        <v>0</v>
      </c>
      <c r="CN20" s="104">
        <v>0</v>
      </c>
      <c r="CO20" s="103">
        <v>0</v>
      </c>
      <c r="CP20" s="101">
        <v>0</v>
      </c>
      <c r="CQ20" s="104">
        <v>130672</v>
      </c>
      <c r="CR20" s="104">
        <v>340854</v>
      </c>
      <c r="CS20" s="104">
        <v>274186</v>
      </c>
      <c r="CT20" s="104">
        <v>70099</v>
      </c>
      <c r="CU20" s="104">
        <v>0</v>
      </c>
      <c r="CV20" s="103">
        <v>815811</v>
      </c>
      <c r="CW20" s="106">
        <v>815811</v>
      </c>
      <c r="CX20" s="100">
        <v>0</v>
      </c>
      <c r="CY20" s="104">
        <v>0</v>
      </c>
      <c r="CZ20" s="103">
        <v>0</v>
      </c>
      <c r="DA20" s="100">
        <v>0</v>
      </c>
      <c r="DB20" s="104">
        <v>22498</v>
      </c>
      <c r="DC20" s="104">
        <v>103177</v>
      </c>
      <c r="DD20" s="104">
        <v>204151</v>
      </c>
      <c r="DE20" s="104">
        <v>174830</v>
      </c>
      <c r="DF20" s="104">
        <v>100359</v>
      </c>
      <c r="DG20" s="103">
        <v>605015</v>
      </c>
      <c r="DH20" s="106">
        <v>605015</v>
      </c>
      <c r="DI20" s="100">
        <v>0</v>
      </c>
      <c r="DJ20" s="104">
        <v>0</v>
      </c>
      <c r="DK20" s="102">
        <v>0</v>
      </c>
      <c r="DL20" s="101">
        <v>0</v>
      </c>
      <c r="DM20" s="104">
        <v>0</v>
      </c>
      <c r="DN20" s="104">
        <v>184271</v>
      </c>
      <c r="DO20" s="104">
        <v>262389</v>
      </c>
      <c r="DP20" s="104">
        <v>26052</v>
      </c>
      <c r="DQ20" s="104">
        <v>171628</v>
      </c>
      <c r="DR20" s="103">
        <v>644340</v>
      </c>
      <c r="DS20" s="106">
        <v>644340</v>
      </c>
      <c r="DT20" s="100">
        <v>0</v>
      </c>
      <c r="DU20" s="104">
        <v>0</v>
      </c>
      <c r="DV20" s="103">
        <v>0</v>
      </c>
      <c r="DW20" s="100">
        <v>0</v>
      </c>
      <c r="DX20" s="104">
        <v>0</v>
      </c>
      <c r="DY20" s="104">
        <v>174301</v>
      </c>
      <c r="DZ20" s="104">
        <v>196057</v>
      </c>
      <c r="EA20" s="104">
        <v>26052</v>
      </c>
      <c r="EB20" s="104">
        <v>171628</v>
      </c>
      <c r="EC20" s="103">
        <v>568038</v>
      </c>
      <c r="ED20" s="106">
        <v>568038</v>
      </c>
      <c r="EE20" s="100">
        <v>0</v>
      </c>
      <c r="EF20" s="102">
        <v>0</v>
      </c>
      <c r="EG20" s="103">
        <v>0</v>
      </c>
      <c r="EH20" s="100">
        <v>0</v>
      </c>
      <c r="EI20" s="104">
        <v>0</v>
      </c>
      <c r="EJ20" s="104">
        <v>9970</v>
      </c>
      <c r="EK20" s="104">
        <v>66332</v>
      </c>
      <c r="EL20" s="104">
        <v>0</v>
      </c>
      <c r="EM20" s="104">
        <v>0</v>
      </c>
      <c r="EN20" s="102">
        <v>76302</v>
      </c>
      <c r="EO20" s="106">
        <v>76302</v>
      </c>
      <c r="EP20" s="100">
        <v>0</v>
      </c>
      <c r="EQ20" s="104">
        <v>0</v>
      </c>
      <c r="ER20" s="102">
        <v>0</v>
      </c>
      <c r="ES20" s="101">
        <v>0</v>
      </c>
      <c r="ET20" s="104">
        <v>0</v>
      </c>
      <c r="EU20" s="104">
        <v>0</v>
      </c>
      <c r="EV20" s="104">
        <v>0</v>
      </c>
      <c r="EW20" s="104">
        <v>0</v>
      </c>
      <c r="EX20" s="104">
        <v>0</v>
      </c>
      <c r="EY20" s="103">
        <v>0</v>
      </c>
      <c r="EZ20" s="106">
        <v>0</v>
      </c>
      <c r="FA20" s="100">
        <v>0</v>
      </c>
      <c r="FB20" s="104">
        <v>0</v>
      </c>
      <c r="FC20" s="102">
        <v>0</v>
      </c>
      <c r="FD20" s="498">
        <v>0</v>
      </c>
      <c r="FE20" s="104">
        <v>0</v>
      </c>
      <c r="FF20" s="104">
        <v>0</v>
      </c>
      <c r="FG20" s="104">
        <v>0</v>
      </c>
      <c r="FH20" s="104">
        <v>0</v>
      </c>
      <c r="FI20" s="104">
        <v>0</v>
      </c>
      <c r="FJ20" s="103">
        <v>0</v>
      </c>
      <c r="FK20" s="106">
        <v>0</v>
      </c>
      <c r="FL20" s="100">
        <v>2100</v>
      </c>
      <c r="FM20" s="104">
        <v>25830</v>
      </c>
      <c r="FN20" s="103">
        <v>27930</v>
      </c>
      <c r="FO20" s="100">
        <v>0</v>
      </c>
      <c r="FP20" s="104">
        <v>27244</v>
      </c>
      <c r="FQ20" s="104">
        <v>93730</v>
      </c>
      <c r="FR20" s="104">
        <v>55846</v>
      </c>
      <c r="FS20" s="104">
        <v>128926</v>
      </c>
      <c r="FT20" s="104">
        <v>43372</v>
      </c>
      <c r="FU20" s="103">
        <v>349118</v>
      </c>
      <c r="FV20" s="106">
        <v>377048</v>
      </c>
      <c r="FW20" s="105">
        <v>2100</v>
      </c>
      <c r="FX20" s="104">
        <v>25830</v>
      </c>
      <c r="FY20" s="102">
        <v>27930</v>
      </c>
      <c r="FZ20" s="101">
        <v>0</v>
      </c>
      <c r="GA20" s="104">
        <v>27244</v>
      </c>
      <c r="GB20" s="104">
        <v>93730</v>
      </c>
      <c r="GC20" s="104">
        <v>55846</v>
      </c>
      <c r="GD20" s="104">
        <v>128926</v>
      </c>
      <c r="GE20" s="104">
        <v>43372</v>
      </c>
      <c r="GF20" s="103">
        <v>349118</v>
      </c>
      <c r="GG20" s="294">
        <v>377048</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0257</v>
      </c>
      <c r="HE20" s="104">
        <v>81278</v>
      </c>
      <c r="HF20" s="102">
        <v>131535</v>
      </c>
      <c r="HG20" s="101">
        <v>0</v>
      </c>
      <c r="HH20" s="104">
        <v>416298</v>
      </c>
      <c r="HI20" s="104">
        <v>449649</v>
      </c>
      <c r="HJ20" s="104">
        <v>138244</v>
      </c>
      <c r="HK20" s="104">
        <v>900085</v>
      </c>
      <c r="HL20" s="104">
        <v>154192</v>
      </c>
      <c r="HM20" s="103">
        <v>2058468</v>
      </c>
      <c r="HN20" s="99">
        <v>2190003</v>
      </c>
      <c r="HO20" s="484">
        <v>0</v>
      </c>
      <c r="HP20" s="485">
        <v>0</v>
      </c>
      <c r="HQ20" s="486">
        <v>0</v>
      </c>
      <c r="HR20" s="487">
        <v>0</v>
      </c>
      <c r="HS20" s="485">
        <v>0</v>
      </c>
      <c r="HT20" s="485">
        <v>0</v>
      </c>
      <c r="HU20" s="485">
        <v>0</v>
      </c>
      <c r="HV20" s="485">
        <v>0</v>
      </c>
      <c r="HW20" s="485">
        <v>0</v>
      </c>
      <c r="HX20" s="488">
        <v>0</v>
      </c>
      <c r="HY20" s="489">
        <v>0</v>
      </c>
      <c r="HZ20" s="137">
        <v>0</v>
      </c>
      <c r="IA20" s="122">
        <v>0</v>
      </c>
      <c r="IB20" s="137">
        <v>0</v>
      </c>
      <c r="IC20" s="121">
        <v>0</v>
      </c>
      <c r="ID20" s="122">
        <v>158161</v>
      </c>
      <c r="IE20" s="123">
        <v>253039</v>
      </c>
      <c r="IF20" s="124">
        <v>213072</v>
      </c>
      <c r="IG20" s="122">
        <v>455765</v>
      </c>
      <c r="IH20" s="124">
        <v>152052</v>
      </c>
      <c r="II20" s="125">
        <v>1232089</v>
      </c>
      <c r="IJ20" s="137">
        <v>1232089</v>
      </c>
      <c r="IK20" s="219">
        <v>0</v>
      </c>
      <c r="IL20" s="223">
        <v>0</v>
      </c>
      <c r="IM20" s="224">
        <v>0</v>
      </c>
      <c r="IN20" s="127">
        <v>0</v>
      </c>
      <c r="IO20" s="109">
        <v>0</v>
      </c>
      <c r="IP20" s="109">
        <v>0</v>
      </c>
      <c r="IQ20" s="109">
        <v>159716</v>
      </c>
      <c r="IR20" s="109">
        <v>0</v>
      </c>
      <c r="IS20" s="109">
        <v>0</v>
      </c>
      <c r="IT20" s="128">
        <v>159716</v>
      </c>
      <c r="IU20" s="296">
        <v>159716</v>
      </c>
      <c r="IV20" s="129">
        <v>0</v>
      </c>
      <c r="IW20" s="109">
        <v>0</v>
      </c>
      <c r="IX20" s="110">
        <v>0</v>
      </c>
      <c r="IY20" s="502">
        <v>0</v>
      </c>
      <c r="IZ20" s="109">
        <v>0</v>
      </c>
      <c r="JA20" s="109">
        <v>0</v>
      </c>
      <c r="JB20" s="109">
        <v>0</v>
      </c>
      <c r="JC20" s="109">
        <v>0</v>
      </c>
      <c r="JD20" s="109">
        <v>0</v>
      </c>
      <c r="JE20" s="110">
        <v>0</v>
      </c>
      <c r="JF20" s="111">
        <v>0</v>
      </c>
      <c r="JG20" s="129">
        <v>0</v>
      </c>
      <c r="JH20" s="109">
        <v>0</v>
      </c>
      <c r="JI20" s="128">
        <v>0</v>
      </c>
      <c r="JJ20" s="108">
        <v>0</v>
      </c>
      <c r="JK20" s="109">
        <v>158161</v>
      </c>
      <c r="JL20" s="109">
        <v>253039</v>
      </c>
      <c r="JM20" s="109">
        <v>53356</v>
      </c>
      <c r="JN20" s="109">
        <v>10229</v>
      </c>
      <c r="JO20" s="109">
        <v>116324</v>
      </c>
      <c r="JP20" s="110">
        <v>591109</v>
      </c>
      <c r="JQ20" s="296">
        <v>591109</v>
      </c>
      <c r="JR20" s="129">
        <v>0</v>
      </c>
      <c r="JS20" s="109">
        <v>0</v>
      </c>
      <c r="JT20" s="128">
        <v>0</v>
      </c>
      <c r="JU20" s="108">
        <v>0</v>
      </c>
      <c r="JV20" s="109">
        <v>0</v>
      </c>
      <c r="JW20" s="109">
        <v>0</v>
      </c>
      <c r="JX20" s="109">
        <v>0</v>
      </c>
      <c r="JY20" s="109">
        <v>0</v>
      </c>
      <c r="JZ20" s="109">
        <v>0</v>
      </c>
      <c r="KA20" s="110">
        <v>0</v>
      </c>
      <c r="KB20" s="296">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506">
        <v>0</v>
      </c>
      <c r="KR20" s="109">
        <v>0</v>
      </c>
      <c r="KS20" s="109">
        <v>0</v>
      </c>
      <c r="KT20" s="109">
        <v>0</v>
      </c>
      <c r="KU20" s="109">
        <v>216675</v>
      </c>
      <c r="KV20" s="109">
        <v>0</v>
      </c>
      <c r="KW20" s="110">
        <v>216675</v>
      </c>
      <c r="KX20" s="296">
        <v>216675</v>
      </c>
      <c r="KY20" s="129">
        <v>0</v>
      </c>
      <c r="KZ20" s="109">
        <v>0</v>
      </c>
      <c r="LA20" s="110">
        <v>0</v>
      </c>
      <c r="LB20" s="510">
        <v>0</v>
      </c>
      <c r="LC20" s="109">
        <v>0</v>
      </c>
      <c r="LD20" s="109">
        <v>0</v>
      </c>
      <c r="LE20" s="109">
        <v>0</v>
      </c>
      <c r="LF20" s="109">
        <v>0</v>
      </c>
      <c r="LG20" s="109">
        <v>0</v>
      </c>
      <c r="LH20" s="110">
        <v>0</v>
      </c>
      <c r="LI20" s="111">
        <v>0</v>
      </c>
      <c r="LJ20" s="129">
        <v>0</v>
      </c>
      <c r="LK20" s="109">
        <v>0</v>
      </c>
      <c r="LL20" s="110">
        <v>0</v>
      </c>
      <c r="LM20" s="510">
        <v>0</v>
      </c>
      <c r="LN20" s="109">
        <v>0</v>
      </c>
      <c r="LO20" s="109">
        <v>0</v>
      </c>
      <c r="LP20" s="109">
        <v>0</v>
      </c>
      <c r="LQ20" s="109">
        <v>228861</v>
      </c>
      <c r="LR20" s="109">
        <v>35728</v>
      </c>
      <c r="LS20" s="110">
        <v>264589</v>
      </c>
      <c r="LT20" s="296">
        <v>264589</v>
      </c>
      <c r="LU20" s="129">
        <v>0</v>
      </c>
      <c r="LV20" s="109">
        <v>0</v>
      </c>
      <c r="LW20" s="110">
        <v>0</v>
      </c>
      <c r="LX20" s="510">
        <v>0</v>
      </c>
      <c r="LY20" s="109">
        <v>0</v>
      </c>
      <c r="LZ20" s="109">
        <v>0</v>
      </c>
      <c r="MA20" s="109">
        <v>0</v>
      </c>
      <c r="MB20" s="109">
        <v>0</v>
      </c>
      <c r="MC20" s="109">
        <v>0</v>
      </c>
      <c r="MD20" s="110">
        <v>0</v>
      </c>
      <c r="ME20" s="111">
        <v>0</v>
      </c>
      <c r="MF20" s="129">
        <v>0</v>
      </c>
      <c r="MG20" s="109">
        <v>0</v>
      </c>
      <c r="MH20" s="110">
        <v>0</v>
      </c>
      <c r="MI20" s="510">
        <v>0</v>
      </c>
      <c r="MJ20" s="109">
        <v>0</v>
      </c>
      <c r="MK20" s="109">
        <v>0</v>
      </c>
      <c r="ML20" s="109">
        <v>504069</v>
      </c>
      <c r="MM20" s="109">
        <v>221931</v>
      </c>
      <c r="MN20" s="109">
        <v>468146</v>
      </c>
      <c r="MO20" s="110">
        <v>1194146</v>
      </c>
      <c r="MP20" s="130">
        <v>1194146</v>
      </c>
      <c r="MQ20" s="129">
        <v>0</v>
      </c>
      <c r="MR20" s="109">
        <v>0</v>
      </c>
      <c r="MS20" s="110">
        <v>0</v>
      </c>
      <c r="MT20" s="510">
        <v>0</v>
      </c>
      <c r="MU20" s="109">
        <v>0</v>
      </c>
      <c r="MV20" s="109">
        <v>0</v>
      </c>
      <c r="MW20" s="109">
        <v>0</v>
      </c>
      <c r="MX20" s="109">
        <v>0</v>
      </c>
      <c r="MY20" s="109">
        <v>468146</v>
      </c>
      <c r="MZ20" s="110">
        <v>468146</v>
      </c>
      <c r="NA20" s="130">
        <v>468146</v>
      </c>
      <c r="NB20" s="129">
        <v>0</v>
      </c>
      <c r="NC20" s="109">
        <v>0</v>
      </c>
      <c r="ND20" s="110">
        <v>0</v>
      </c>
      <c r="NE20" s="510">
        <v>0</v>
      </c>
      <c r="NF20" s="109">
        <v>0</v>
      </c>
      <c r="NG20" s="109">
        <v>0</v>
      </c>
      <c r="NH20" s="109">
        <v>504069</v>
      </c>
      <c r="NI20" s="109">
        <v>221931</v>
      </c>
      <c r="NJ20" s="109">
        <v>0</v>
      </c>
      <c r="NK20" s="110">
        <v>726000</v>
      </c>
      <c r="NL20" s="296">
        <v>726000</v>
      </c>
      <c r="NM20" s="129">
        <v>0</v>
      </c>
      <c r="NN20" s="109">
        <v>0</v>
      </c>
      <c r="NO20" s="110">
        <v>0</v>
      </c>
      <c r="NP20" s="510">
        <v>0</v>
      </c>
      <c r="NQ20" s="109">
        <v>0</v>
      </c>
      <c r="NR20" s="109">
        <v>0</v>
      </c>
      <c r="NS20" s="109">
        <v>0</v>
      </c>
      <c r="NT20" s="109">
        <v>0</v>
      </c>
      <c r="NU20" s="109">
        <v>0</v>
      </c>
      <c r="NV20" s="110">
        <v>0</v>
      </c>
      <c r="NW20" s="111">
        <v>0</v>
      </c>
      <c r="NX20" s="129">
        <v>0</v>
      </c>
      <c r="NY20" s="109">
        <v>0</v>
      </c>
      <c r="NZ20" s="110">
        <v>0</v>
      </c>
      <c r="OA20" s="510">
        <v>0</v>
      </c>
      <c r="OB20" s="109">
        <v>0</v>
      </c>
      <c r="OC20" s="109">
        <v>0</v>
      </c>
      <c r="OD20" s="109">
        <v>0</v>
      </c>
      <c r="OE20" s="109">
        <v>0</v>
      </c>
      <c r="OF20" s="109">
        <v>0</v>
      </c>
      <c r="OG20" s="110">
        <v>0</v>
      </c>
      <c r="OH20" s="111">
        <v>0</v>
      </c>
      <c r="OI20" s="129">
        <v>52357</v>
      </c>
      <c r="OJ20" s="109">
        <v>131075</v>
      </c>
      <c r="OK20" s="128">
        <v>183432</v>
      </c>
      <c r="OL20" s="108">
        <v>0</v>
      </c>
      <c r="OM20" s="109">
        <v>979887</v>
      </c>
      <c r="ON20" s="109">
        <v>1827550</v>
      </c>
      <c r="OO20" s="109">
        <v>1674679</v>
      </c>
      <c r="OP20" s="109">
        <v>2472601</v>
      </c>
      <c r="OQ20" s="109">
        <v>1418871</v>
      </c>
      <c r="OR20" s="110">
        <v>8373588</v>
      </c>
      <c r="OS20" s="130">
        <v>8557020</v>
      </c>
    </row>
    <row r="21" spans="2:409" ht="21" customHeight="1" x14ac:dyDescent="0.2">
      <c r="B21" s="468" t="s">
        <v>16</v>
      </c>
      <c r="C21" s="100">
        <v>250221</v>
      </c>
      <c r="D21" s="104">
        <v>300626</v>
      </c>
      <c r="E21" s="103">
        <v>550847</v>
      </c>
      <c r="F21" s="99">
        <v>0</v>
      </c>
      <c r="G21" s="104">
        <v>2693768</v>
      </c>
      <c r="H21" s="104">
        <v>5102066</v>
      </c>
      <c r="I21" s="104">
        <v>4983741</v>
      </c>
      <c r="J21" s="104">
        <v>2933846</v>
      </c>
      <c r="K21" s="104">
        <v>2689653</v>
      </c>
      <c r="L21" s="99">
        <v>18403074</v>
      </c>
      <c r="M21" s="106">
        <v>18953921</v>
      </c>
      <c r="N21" s="100">
        <v>48860</v>
      </c>
      <c r="O21" s="104">
        <v>68522</v>
      </c>
      <c r="P21" s="103">
        <v>117382</v>
      </c>
      <c r="Q21" s="100">
        <v>0</v>
      </c>
      <c r="R21" s="104">
        <v>455500</v>
      </c>
      <c r="S21" s="104">
        <v>1583386</v>
      </c>
      <c r="T21" s="104">
        <v>1033031</v>
      </c>
      <c r="U21" s="104">
        <v>748525</v>
      </c>
      <c r="V21" s="104">
        <v>678668</v>
      </c>
      <c r="W21" s="103">
        <v>4499110</v>
      </c>
      <c r="X21" s="106">
        <v>4616492</v>
      </c>
      <c r="Y21" s="100">
        <v>0</v>
      </c>
      <c r="Z21" s="104">
        <v>0</v>
      </c>
      <c r="AA21" s="103">
        <v>0</v>
      </c>
      <c r="AB21" s="100">
        <v>0</v>
      </c>
      <c r="AC21" s="104">
        <v>133918</v>
      </c>
      <c r="AD21" s="104">
        <v>872415</v>
      </c>
      <c r="AE21" s="104">
        <v>334637</v>
      </c>
      <c r="AF21" s="104">
        <v>374336</v>
      </c>
      <c r="AG21" s="104">
        <v>133842</v>
      </c>
      <c r="AH21" s="103">
        <v>1849148</v>
      </c>
      <c r="AI21" s="106">
        <v>1849148</v>
      </c>
      <c r="AJ21" s="100">
        <v>0</v>
      </c>
      <c r="AK21" s="104">
        <v>0</v>
      </c>
      <c r="AL21" s="103">
        <v>0</v>
      </c>
      <c r="AM21" s="100">
        <v>0</v>
      </c>
      <c r="AN21" s="104">
        <v>0</v>
      </c>
      <c r="AO21" s="104">
        <v>0</v>
      </c>
      <c r="AP21" s="104">
        <v>9963</v>
      </c>
      <c r="AQ21" s="104">
        <v>0</v>
      </c>
      <c r="AR21" s="104">
        <v>195437</v>
      </c>
      <c r="AS21" s="103">
        <v>205400</v>
      </c>
      <c r="AT21" s="106">
        <v>205400</v>
      </c>
      <c r="AU21" s="100">
        <v>18284</v>
      </c>
      <c r="AV21" s="104">
        <v>50210</v>
      </c>
      <c r="AW21" s="103">
        <v>68494</v>
      </c>
      <c r="AX21" s="100">
        <v>0</v>
      </c>
      <c r="AY21" s="104">
        <v>209491</v>
      </c>
      <c r="AZ21" s="104">
        <v>400906</v>
      </c>
      <c r="BA21" s="104">
        <v>353700</v>
      </c>
      <c r="BB21" s="104">
        <v>179456</v>
      </c>
      <c r="BC21" s="104">
        <v>183695</v>
      </c>
      <c r="BD21" s="103">
        <v>1327248</v>
      </c>
      <c r="BE21" s="106">
        <v>1395742</v>
      </c>
      <c r="BF21" s="100">
        <v>0</v>
      </c>
      <c r="BG21" s="104">
        <v>0</v>
      </c>
      <c r="BH21" s="102">
        <v>0</v>
      </c>
      <c r="BI21" s="101">
        <v>0</v>
      </c>
      <c r="BJ21" s="104">
        <v>0</v>
      </c>
      <c r="BK21" s="104">
        <v>105455</v>
      </c>
      <c r="BL21" s="104">
        <v>82829</v>
      </c>
      <c r="BM21" s="104">
        <v>0</v>
      </c>
      <c r="BN21" s="104">
        <v>20738</v>
      </c>
      <c r="BO21" s="103">
        <v>209022</v>
      </c>
      <c r="BP21" s="106">
        <v>209022</v>
      </c>
      <c r="BQ21" s="100">
        <v>30576</v>
      </c>
      <c r="BR21" s="104">
        <v>18312</v>
      </c>
      <c r="BS21" s="103">
        <v>48888</v>
      </c>
      <c r="BT21" s="100">
        <v>0</v>
      </c>
      <c r="BU21" s="104">
        <v>112091</v>
      </c>
      <c r="BV21" s="104">
        <v>204610</v>
      </c>
      <c r="BW21" s="104">
        <v>251902</v>
      </c>
      <c r="BX21" s="104">
        <v>194733</v>
      </c>
      <c r="BY21" s="104">
        <v>144956</v>
      </c>
      <c r="BZ21" s="103">
        <v>908292</v>
      </c>
      <c r="CA21" s="106">
        <v>957180</v>
      </c>
      <c r="CB21" s="100">
        <v>18424</v>
      </c>
      <c r="CC21" s="104">
        <v>69221</v>
      </c>
      <c r="CD21" s="103">
        <v>87645</v>
      </c>
      <c r="CE21" s="100">
        <v>0</v>
      </c>
      <c r="CF21" s="104">
        <v>1361545</v>
      </c>
      <c r="CG21" s="104">
        <v>1894467</v>
      </c>
      <c r="CH21" s="104">
        <v>953118</v>
      </c>
      <c r="CI21" s="104">
        <v>365053</v>
      </c>
      <c r="CJ21" s="104">
        <v>217162</v>
      </c>
      <c r="CK21" s="103">
        <v>4791345</v>
      </c>
      <c r="CL21" s="106">
        <v>4878990</v>
      </c>
      <c r="CM21" s="100">
        <v>0</v>
      </c>
      <c r="CN21" s="104">
        <v>0</v>
      </c>
      <c r="CO21" s="103">
        <v>0</v>
      </c>
      <c r="CP21" s="101">
        <v>0</v>
      </c>
      <c r="CQ21" s="104">
        <v>1095485</v>
      </c>
      <c r="CR21" s="104">
        <v>803622</v>
      </c>
      <c r="CS21" s="104">
        <v>579594</v>
      </c>
      <c r="CT21" s="104">
        <v>213517</v>
      </c>
      <c r="CU21" s="104">
        <v>129400</v>
      </c>
      <c r="CV21" s="103">
        <v>2821618</v>
      </c>
      <c r="CW21" s="106">
        <v>2821618</v>
      </c>
      <c r="CX21" s="100">
        <v>18424</v>
      </c>
      <c r="CY21" s="104">
        <v>69221</v>
      </c>
      <c r="CZ21" s="103">
        <v>87645</v>
      </c>
      <c r="DA21" s="100">
        <v>0</v>
      </c>
      <c r="DB21" s="104">
        <v>266060</v>
      </c>
      <c r="DC21" s="104">
        <v>1090845</v>
      </c>
      <c r="DD21" s="104">
        <v>373524</v>
      </c>
      <c r="DE21" s="104">
        <v>151536</v>
      </c>
      <c r="DF21" s="104">
        <v>87762</v>
      </c>
      <c r="DG21" s="103">
        <v>1969727</v>
      </c>
      <c r="DH21" s="106">
        <v>2057372</v>
      </c>
      <c r="DI21" s="100">
        <v>0</v>
      </c>
      <c r="DJ21" s="104">
        <v>0</v>
      </c>
      <c r="DK21" s="102">
        <v>0</v>
      </c>
      <c r="DL21" s="101">
        <v>0</v>
      </c>
      <c r="DM21" s="104">
        <v>76358</v>
      </c>
      <c r="DN21" s="104">
        <v>229990</v>
      </c>
      <c r="DO21" s="104">
        <v>310698</v>
      </c>
      <c r="DP21" s="104">
        <v>132847</v>
      </c>
      <c r="DQ21" s="104">
        <v>0</v>
      </c>
      <c r="DR21" s="103">
        <v>749893</v>
      </c>
      <c r="DS21" s="106">
        <v>749893</v>
      </c>
      <c r="DT21" s="100">
        <v>0</v>
      </c>
      <c r="DU21" s="104">
        <v>0</v>
      </c>
      <c r="DV21" s="103">
        <v>0</v>
      </c>
      <c r="DW21" s="100">
        <v>0</v>
      </c>
      <c r="DX21" s="104">
        <v>76358</v>
      </c>
      <c r="DY21" s="104">
        <v>172932</v>
      </c>
      <c r="DZ21" s="104">
        <v>310698</v>
      </c>
      <c r="EA21" s="104">
        <v>132847</v>
      </c>
      <c r="EB21" s="104">
        <v>0</v>
      </c>
      <c r="EC21" s="103">
        <v>692835</v>
      </c>
      <c r="ED21" s="106">
        <v>692835</v>
      </c>
      <c r="EE21" s="100">
        <v>0</v>
      </c>
      <c r="EF21" s="102">
        <v>0</v>
      </c>
      <c r="EG21" s="103">
        <v>0</v>
      </c>
      <c r="EH21" s="100">
        <v>0</v>
      </c>
      <c r="EI21" s="104">
        <v>0</v>
      </c>
      <c r="EJ21" s="104">
        <v>57058</v>
      </c>
      <c r="EK21" s="104">
        <v>0</v>
      </c>
      <c r="EL21" s="104">
        <v>0</v>
      </c>
      <c r="EM21" s="104">
        <v>0</v>
      </c>
      <c r="EN21" s="102">
        <v>57058</v>
      </c>
      <c r="EO21" s="106">
        <v>57058</v>
      </c>
      <c r="EP21" s="100">
        <v>0</v>
      </c>
      <c r="EQ21" s="104">
        <v>0</v>
      </c>
      <c r="ER21" s="102">
        <v>0</v>
      </c>
      <c r="ES21" s="101">
        <v>0</v>
      </c>
      <c r="ET21" s="104">
        <v>0</v>
      </c>
      <c r="EU21" s="104">
        <v>0</v>
      </c>
      <c r="EV21" s="104">
        <v>0</v>
      </c>
      <c r="EW21" s="104">
        <v>0</v>
      </c>
      <c r="EX21" s="104">
        <v>0</v>
      </c>
      <c r="EY21" s="103">
        <v>0</v>
      </c>
      <c r="EZ21" s="106">
        <v>0</v>
      </c>
      <c r="FA21" s="100">
        <v>0</v>
      </c>
      <c r="FB21" s="104">
        <v>0</v>
      </c>
      <c r="FC21" s="102">
        <v>0</v>
      </c>
      <c r="FD21" s="498">
        <v>0</v>
      </c>
      <c r="FE21" s="104">
        <v>0</v>
      </c>
      <c r="FF21" s="104">
        <v>0</v>
      </c>
      <c r="FG21" s="104">
        <v>0</v>
      </c>
      <c r="FH21" s="104">
        <v>0</v>
      </c>
      <c r="FI21" s="104">
        <v>0</v>
      </c>
      <c r="FJ21" s="103">
        <v>0</v>
      </c>
      <c r="FK21" s="106">
        <v>0</v>
      </c>
      <c r="FL21" s="100">
        <v>43400</v>
      </c>
      <c r="FM21" s="104">
        <v>82670</v>
      </c>
      <c r="FN21" s="103">
        <v>126070</v>
      </c>
      <c r="FO21" s="100">
        <v>0</v>
      </c>
      <c r="FP21" s="104">
        <v>80920</v>
      </c>
      <c r="FQ21" s="104">
        <v>475923</v>
      </c>
      <c r="FR21" s="104">
        <v>274449</v>
      </c>
      <c r="FS21" s="104">
        <v>184961</v>
      </c>
      <c r="FT21" s="104">
        <v>273256</v>
      </c>
      <c r="FU21" s="103">
        <v>1289509</v>
      </c>
      <c r="FV21" s="106">
        <v>1415579</v>
      </c>
      <c r="FW21" s="105">
        <v>30800</v>
      </c>
      <c r="FX21" s="104">
        <v>70070</v>
      </c>
      <c r="FY21" s="102">
        <v>100870</v>
      </c>
      <c r="FZ21" s="101">
        <v>0</v>
      </c>
      <c r="GA21" s="104">
        <v>68320</v>
      </c>
      <c r="GB21" s="104">
        <v>475923</v>
      </c>
      <c r="GC21" s="104">
        <v>274449</v>
      </c>
      <c r="GD21" s="104">
        <v>160706</v>
      </c>
      <c r="GE21" s="104">
        <v>255192</v>
      </c>
      <c r="GF21" s="103">
        <v>1234590</v>
      </c>
      <c r="GG21" s="294">
        <v>1335460</v>
      </c>
      <c r="GH21" s="105">
        <v>12600</v>
      </c>
      <c r="GI21" s="104">
        <v>12600</v>
      </c>
      <c r="GJ21" s="102">
        <v>25200</v>
      </c>
      <c r="GK21" s="101">
        <v>0</v>
      </c>
      <c r="GL21" s="104">
        <v>12600</v>
      </c>
      <c r="GM21" s="104">
        <v>0</v>
      </c>
      <c r="GN21" s="104">
        <v>0</v>
      </c>
      <c r="GO21" s="104">
        <v>24255</v>
      </c>
      <c r="GP21" s="104">
        <v>18064</v>
      </c>
      <c r="GQ21" s="103">
        <v>54919</v>
      </c>
      <c r="GR21" s="106">
        <v>80119</v>
      </c>
      <c r="GS21" s="100">
        <v>0</v>
      </c>
      <c r="GT21" s="104">
        <v>0</v>
      </c>
      <c r="GU21" s="103">
        <v>0</v>
      </c>
      <c r="GV21" s="100">
        <v>0</v>
      </c>
      <c r="GW21" s="104">
        <v>0</v>
      </c>
      <c r="GX21" s="104">
        <v>0</v>
      </c>
      <c r="GY21" s="104">
        <v>0</v>
      </c>
      <c r="GZ21" s="104">
        <v>0</v>
      </c>
      <c r="HA21" s="104">
        <v>0</v>
      </c>
      <c r="HB21" s="102">
        <v>0</v>
      </c>
      <c r="HC21" s="106">
        <v>0</v>
      </c>
      <c r="HD21" s="100">
        <v>139537</v>
      </c>
      <c r="HE21" s="104">
        <v>80213</v>
      </c>
      <c r="HF21" s="102">
        <v>219750</v>
      </c>
      <c r="HG21" s="101">
        <v>0</v>
      </c>
      <c r="HH21" s="104">
        <v>719445</v>
      </c>
      <c r="HI21" s="104">
        <v>918300</v>
      </c>
      <c r="HJ21" s="104">
        <v>2412445</v>
      </c>
      <c r="HK21" s="104">
        <v>1502460</v>
      </c>
      <c r="HL21" s="104">
        <v>1520567</v>
      </c>
      <c r="HM21" s="103">
        <v>7073217</v>
      </c>
      <c r="HN21" s="99">
        <v>7292967</v>
      </c>
      <c r="HO21" s="484">
        <v>0</v>
      </c>
      <c r="HP21" s="485">
        <v>0</v>
      </c>
      <c r="HQ21" s="486">
        <v>0</v>
      </c>
      <c r="HR21" s="487">
        <v>0</v>
      </c>
      <c r="HS21" s="485">
        <v>0</v>
      </c>
      <c r="HT21" s="485">
        <v>0</v>
      </c>
      <c r="HU21" s="485">
        <v>0</v>
      </c>
      <c r="HV21" s="485">
        <v>0</v>
      </c>
      <c r="HW21" s="485">
        <v>0</v>
      </c>
      <c r="HX21" s="488">
        <v>0</v>
      </c>
      <c r="HY21" s="489">
        <v>0</v>
      </c>
      <c r="HZ21" s="118">
        <v>0</v>
      </c>
      <c r="IA21" s="119">
        <v>67139</v>
      </c>
      <c r="IB21" s="120">
        <v>67139</v>
      </c>
      <c r="IC21" s="133">
        <v>0</v>
      </c>
      <c r="ID21" s="119">
        <v>353016</v>
      </c>
      <c r="IE21" s="134">
        <v>900739</v>
      </c>
      <c r="IF21" s="120">
        <v>1306419</v>
      </c>
      <c r="IG21" s="119">
        <v>399197</v>
      </c>
      <c r="IH21" s="120">
        <v>736131</v>
      </c>
      <c r="II21" s="135">
        <v>3695502</v>
      </c>
      <c r="IJ21" s="126">
        <v>3762641</v>
      </c>
      <c r="IK21" s="219">
        <v>0</v>
      </c>
      <c r="IL21" s="223">
        <v>0</v>
      </c>
      <c r="IM21" s="224">
        <v>0</v>
      </c>
      <c r="IN21" s="127">
        <v>0</v>
      </c>
      <c r="IO21" s="109">
        <v>0</v>
      </c>
      <c r="IP21" s="109">
        <v>0</v>
      </c>
      <c r="IQ21" s="109">
        <v>0</v>
      </c>
      <c r="IR21" s="109">
        <v>168749</v>
      </c>
      <c r="IS21" s="109">
        <v>238491</v>
      </c>
      <c r="IT21" s="128">
        <v>407240</v>
      </c>
      <c r="IU21" s="296">
        <v>407240</v>
      </c>
      <c r="IV21" s="129">
        <v>0</v>
      </c>
      <c r="IW21" s="109">
        <v>0</v>
      </c>
      <c r="IX21" s="110">
        <v>0</v>
      </c>
      <c r="IY21" s="502">
        <v>0</v>
      </c>
      <c r="IZ21" s="109">
        <v>0</v>
      </c>
      <c r="JA21" s="109">
        <v>0</v>
      </c>
      <c r="JB21" s="109">
        <v>0</v>
      </c>
      <c r="JC21" s="109">
        <v>14347</v>
      </c>
      <c r="JD21" s="109">
        <v>0</v>
      </c>
      <c r="JE21" s="110">
        <v>14347</v>
      </c>
      <c r="JF21" s="111">
        <v>14347</v>
      </c>
      <c r="JG21" s="129">
        <v>0</v>
      </c>
      <c r="JH21" s="109">
        <v>0</v>
      </c>
      <c r="JI21" s="128">
        <v>0</v>
      </c>
      <c r="JJ21" s="108">
        <v>0</v>
      </c>
      <c r="JK21" s="109">
        <v>155635</v>
      </c>
      <c r="JL21" s="109">
        <v>203986</v>
      </c>
      <c r="JM21" s="109">
        <v>872860</v>
      </c>
      <c r="JN21" s="109">
        <v>0</v>
      </c>
      <c r="JO21" s="109">
        <v>25750</v>
      </c>
      <c r="JP21" s="110">
        <v>1258231</v>
      </c>
      <c r="JQ21" s="296">
        <v>1258231</v>
      </c>
      <c r="JR21" s="129">
        <v>0</v>
      </c>
      <c r="JS21" s="109">
        <v>0</v>
      </c>
      <c r="JT21" s="128">
        <v>0</v>
      </c>
      <c r="JU21" s="108">
        <v>0</v>
      </c>
      <c r="JV21" s="109">
        <v>0</v>
      </c>
      <c r="JW21" s="109">
        <v>125624</v>
      </c>
      <c r="JX21" s="109">
        <v>73090</v>
      </c>
      <c r="JY21" s="109">
        <v>0</v>
      </c>
      <c r="JZ21" s="109">
        <v>0</v>
      </c>
      <c r="KA21" s="110">
        <v>198714</v>
      </c>
      <c r="KB21" s="296">
        <v>198714</v>
      </c>
      <c r="KC21" s="221">
        <v>0</v>
      </c>
      <c r="KD21" s="217">
        <v>67139</v>
      </c>
      <c r="KE21" s="110">
        <v>67139</v>
      </c>
      <c r="KF21" s="108">
        <v>0</v>
      </c>
      <c r="KG21" s="109">
        <v>0</v>
      </c>
      <c r="KH21" s="109">
        <v>158734</v>
      </c>
      <c r="KI21" s="109">
        <v>0</v>
      </c>
      <c r="KJ21" s="109">
        <v>0</v>
      </c>
      <c r="KK21" s="109">
        <v>250973</v>
      </c>
      <c r="KL21" s="110">
        <v>409707</v>
      </c>
      <c r="KM21" s="130">
        <v>476846</v>
      </c>
      <c r="KN21" s="219">
        <v>0</v>
      </c>
      <c r="KO21" s="223">
        <v>0</v>
      </c>
      <c r="KP21" s="224">
        <v>0</v>
      </c>
      <c r="KQ21" s="506">
        <v>0</v>
      </c>
      <c r="KR21" s="109">
        <v>197381</v>
      </c>
      <c r="KS21" s="109">
        <v>412395</v>
      </c>
      <c r="KT21" s="109">
        <v>360469</v>
      </c>
      <c r="KU21" s="109">
        <v>216101</v>
      </c>
      <c r="KV21" s="109">
        <v>220917</v>
      </c>
      <c r="KW21" s="110">
        <v>1407263</v>
      </c>
      <c r="KX21" s="296">
        <v>1407263</v>
      </c>
      <c r="KY21" s="129">
        <v>0</v>
      </c>
      <c r="KZ21" s="109">
        <v>0</v>
      </c>
      <c r="LA21" s="110">
        <v>0</v>
      </c>
      <c r="LB21" s="510">
        <v>0</v>
      </c>
      <c r="LC21" s="109">
        <v>0</v>
      </c>
      <c r="LD21" s="109">
        <v>0</v>
      </c>
      <c r="LE21" s="109">
        <v>0</v>
      </c>
      <c r="LF21" s="109">
        <v>0</v>
      </c>
      <c r="LG21" s="109">
        <v>0</v>
      </c>
      <c r="LH21" s="110">
        <v>0</v>
      </c>
      <c r="LI21" s="111">
        <v>0</v>
      </c>
      <c r="LJ21" s="129">
        <v>0</v>
      </c>
      <c r="LK21" s="109">
        <v>0</v>
      </c>
      <c r="LL21" s="110">
        <v>0</v>
      </c>
      <c r="LM21" s="510">
        <v>0</v>
      </c>
      <c r="LN21" s="109">
        <v>0</v>
      </c>
      <c r="LO21" s="109">
        <v>0</v>
      </c>
      <c r="LP21" s="109">
        <v>0</v>
      </c>
      <c r="LQ21" s="109">
        <v>0</v>
      </c>
      <c r="LR21" s="109">
        <v>0</v>
      </c>
      <c r="LS21" s="110">
        <v>0</v>
      </c>
      <c r="LT21" s="296">
        <v>0</v>
      </c>
      <c r="LU21" s="129">
        <v>0</v>
      </c>
      <c r="LV21" s="109">
        <v>0</v>
      </c>
      <c r="LW21" s="110">
        <v>0</v>
      </c>
      <c r="LX21" s="510">
        <v>0</v>
      </c>
      <c r="LY21" s="109">
        <v>0</v>
      </c>
      <c r="LZ21" s="109">
        <v>0</v>
      </c>
      <c r="MA21" s="109">
        <v>0</v>
      </c>
      <c r="MB21" s="109">
        <v>0</v>
      </c>
      <c r="MC21" s="109">
        <v>0</v>
      </c>
      <c r="MD21" s="110">
        <v>0</v>
      </c>
      <c r="ME21" s="111">
        <v>0</v>
      </c>
      <c r="MF21" s="129">
        <v>0</v>
      </c>
      <c r="MG21" s="109">
        <v>0</v>
      </c>
      <c r="MH21" s="110">
        <v>0</v>
      </c>
      <c r="MI21" s="510">
        <v>0</v>
      </c>
      <c r="MJ21" s="109">
        <v>227236</v>
      </c>
      <c r="MK21" s="109">
        <v>184184</v>
      </c>
      <c r="ML21" s="109">
        <v>2056187</v>
      </c>
      <c r="MM21" s="109">
        <v>2233272</v>
      </c>
      <c r="MN21" s="109">
        <v>974911</v>
      </c>
      <c r="MO21" s="110">
        <v>5675790</v>
      </c>
      <c r="MP21" s="130">
        <v>5675790</v>
      </c>
      <c r="MQ21" s="129">
        <v>0</v>
      </c>
      <c r="MR21" s="109">
        <v>0</v>
      </c>
      <c r="MS21" s="110">
        <v>0</v>
      </c>
      <c r="MT21" s="510">
        <v>0</v>
      </c>
      <c r="MU21" s="109">
        <v>0</v>
      </c>
      <c r="MV21" s="109">
        <v>0</v>
      </c>
      <c r="MW21" s="109">
        <v>1182767</v>
      </c>
      <c r="MX21" s="109">
        <v>1750801</v>
      </c>
      <c r="MY21" s="109">
        <v>715763</v>
      </c>
      <c r="MZ21" s="110">
        <v>3649331</v>
      </c>
      <c r="NA21" s="130">
        <v>3649331</v>
      </c>
      <c r="NB21" s="129">
        <v>0</v>
      </c>
      <c r="NC21" s="109">
        <v>0</v>
      </c>
      <c r="ND21" s="110">
        <v>0</v>
      </c>
      <c r="NE21" s="510">
        <v>0</v>
      </c>
      <c r="NF21" s="109">
        <v>227236</v>
      </c>
      <c r="NG21" s="109">
        <v>184184</v>
      </c>
      <c r="NH21" s="109">
        <v>873420</v>
      </c>
      <c r="NI21" s="109">
        <v>482471</v>
      </c>
      <c r="NJ21" s="109">
        <v>259148</v>
      </c>
      <c r="NK21" s="110">
        <v>2026459</v>
      </c>
      <c r="NL21" s="296">
        <v>2026459</v>
      </c>
      <c r="NM21" s="129">
        <v>0</v>
      </c>
      <c r="NN21" s="109">
        <v>0</v>
      </c>
      <c r="NO21" s="110">
        <v>0</v>
      </c>
      <c r="NP21" s="510">
        <v>0</v>
      </c>
      <c r="NQ21" s="109">
        <v>0</v>
      </c>
      <c r="NR21" s="109">
        <v>0</v>
      </c>
      <c r="NS21" s="109">
        <v>0</v>
      </c>
      <c r="NT21" s="109">
        <v>0</v>
      </c>
      <c r="NU21" s="109">
        <v>0</v>
      </c>
      <c r="NV21" s="110">
        <v>0</v>
      </c>
      <c r="NW21" s="111">
        <v>0</v>
      </c>
      <c r="NX21" s="129">
        <v>0</v>
      </c>
      <c r="NY21" s="109">
        <v>0</v>
      </c>
      <c r="NZ21" s="110">
        <v>0</v>
      </c>
      <c r="OA21" s="510">
        <v>0</v>
      </c>
      <c r="OB21" s="109">
        <v>0</v>
      </c>
      <c r="OC21" s="109">
        <v>0</v>
      </c>
      <c r="OD21" s="109">
        <v>0</v>
      </c>
      <c r="OE21" s="109">
        <v>0</v>
      </c>
      <c r="OF21" s="109">
        <v>0</v>
      </c>
      <c r="OG21" s="110">
        <v>0</v>
      </c>
      <c r="OH21" s="111">
        <v>0</v>
      </c>
      <c r="OI21" s="129">
        <v>250221</v>
      </c>
      <c r="OJ21" s="109">
        <v>367765</v>
      </c>
      <c r="OK21" s="128">
        <v>617986</v>
      </c>
      <c r="OL21" s="108">
        <v>0</v>
      </c>
      <c r="OM21" s="109">
        <v>3274020</v>
      </c>
      <c r="ON21" s="109">
        <v>6186989</v>
      </c>
      <c r="OO21" s="109">
        <v>8346347</v>
      </c>
      <c r="OP21" s="109">
        <v>5566315</v>
      </c>
      <c r="OQ21" s="109">
        <v>4400695</v>
      </c>
      <c r="OR21" s="110">
        <v>27774366</v>
      </c>
      <c r="OS21" s="130">
        <v>28392352</v>
      </c>
    </row>
    <row r="22" spans="2:409" ht="21" customHeight="1" x14ac:dyDescent="0.2">
      <c r="B22" s="468" t="s">
        <v>17</v>
      </c>
      <c r="C22" s="100">
        <v>666797</v>
      </c>
      <c r="D22" s="104">
        <v>695148</v>
      </c>
      <c r="E22" s="103">
        <v>1361945</v>
      </c>
      <c r="F22" s="99">
        <v>0</v>
      </c>
      <c r="G22" s="104">
        <v>3076206</v>
      </c>
      <c r="H22" s="104">
        <v>6619823</v>
      </c>
      <c r="I22" s="104">
        <v>7362661</v>
      </c>
      <c r="J22" s="104">
        <v>6408786</v>
      </c>
      <c r="K22" s="104">
        <v>4413544</v>
      </c>
      <c r="L22" s="99">
        <v>27881020</v>
      </c>
      <c r="M22" s="106">
        <v>29242965</v>
      </c>
      <c r="N22" s="100">
        <v>203284</v>
      </c>
      <c r="O22" s="104">
        <v>254380</v>
      </c>
      <c r="P22" s="103">
        <v>457664</v>
      </c>
      <c r="Q22" s="100">
        <v>0</v>
      </c>
      <c r="R22" s="104">
        <v>783928</v>
      </c>
      <c r="S22" s="104">
        <v>1908911</v>
      </c>
      <c r="T22" s="104">
        <v>3051305</v>
      </c>
      <c r="U22" s="104">
        <v>1688343</v>
      </c>
      <c r="V22" s="104">
        <v>2051878</v>
      </c>
      <c r="W22" s="103">
        <v>9484365</v>
      </c>
      <c r="X22" s="106">
        <v>9942029</v>
      </c>
      <c r="Y22" s="100">
        <v>0</v>
      </c>
      <c r="Z22" s="104">
        <v>0</v>
      </c>
      <c r="AA22" s="103">
        <v>0</v>
      </c>
      <c r="AB22" s="100">
        <v>0</v>
      </c>
      <c r="AC22" s="104">
        <v>302625</v>
      </c>
      <c r="AD22" s="104">
        <v>877861</v>
      </c>
      <c r="AE22" s="104">
        <v>1642316</v>
      </c>
      <c r="AF22" s="104">
        <v>701349</v>
      </c>
      <c r="AG22" s="104">
        <v>1120929</v>
      </c>
      <c r="AH22" s="103">
        <v>4645080</v>
      </c>
      <c r="AI22" s="106">
        <v>4645080</v>
      </c>
      <c r="AJ22" s="100">
        <v>0</v>
      </c>
      <c r="AK22" s="104">
        <v>0</v>
      </c>
      <c r="AL22" s="103">
        <v>0</v>
      </c>
      <c r="AM22" s="100">
        <v>0</v>
      </c>
      <c r="AN22" s="104">
        <v>0</v>
      </c>
      <c r="AO22" s="104">
        <v>0</v>
      </c>
      <c r="AP22" s="104">
        <v>20462</v>
      </c>
      <c r="AQ22" s="104">
        <v>93841</v>
      </c>
      <c r="AR22" s="104">
        <v>92232</v>
      </c>
      <c r="AS22" s="103">
        <v>206535</v>
      </c>
      <c r="AT22" s="106">
        <v>206535</v>
      </c>
      <c r="AU22" s="100">
        <v>99642</v>
      </c>
      <c r="AV22" s="104">
        <v>202069</v>
      </c>
      <c r="AW22" s="103">
        <v>301711</v>
      </c>
      <c r="AX22" s="100">
        <v>0</v>
      </c>
      <c r="AY22" s="104">
        <v>291022</v>
      </c>
      <c r="AZ22" s="104">
        <v>718330</v>
      </c>
      <c r="BA22" s="104">
        <v>947417</v>
      </c>
      <c r="BB22" s="104">
        <v>498293</v>
      </c>
      <c r="BC22" s="104">
        <v>404752</v>
      </c>
      <c r="BD22" s="103">
        <v>2859814</v>
      </c>
      <c r="BE22" s="106">
        <v>3161525</v>
      </c>
      <c r="BF22" s="100">
        <v>0</v>
      </c>
      <c r="BG22" s="104">
        <v>0</v>
      </c>
      <c r="BH22" s="102">
        <v>0</v>
      </c>
      <c r="BI22" s="101">
        <v>0</v>
      </c>
      <c r="BJ22" s="104">
        <v>0</v>
      </c>
      <c r="BK22" s="104">
        <v>79893</v>
      </c>
      <c r="BL22" s="104">
        <v>171764</v>
      </c>
      <c r="BM22" s="104">
        <v>55717</v>
      </c>
      <c r="BN22" s="104">
        <v>117719</v>
      </c>
      <c r="BO22" s="103">
        <v>425093</v>
      </c>
      <c r="BP22" s="106">
        <v>425093</v>
      </c>
      <c r="BQ22" s="100">
        <v>103642</v>
      </c>
      <c r="BR22" s="104">
        <v>52311</v>
      </c>
      <c r="BS22" s="103">
        <v>155953</v>
      </c>
      <c r="BT22" s="100">
        <v>0</v>
      </c>
      <c r="BU22" s="104">
        <v>190281</v>
      </c>
      <c r="BV22" s="104">
        <v>232827</v>
      </c>
      <c r="BW22" s="104">
        <v>269346</v>
      </c>
      <c r="BX22" s="104">
        <v>339143</v>
      </c>
      <c r="BY22" s="104">
        <v>316246</v>
      </c>
      <c r="BZ22" s="103">
        <v>1347843</v>
      </c>
      <c r="CA22" s="106">
        <v>1503796</v>
      </c>
      <c r="CB22" s="100">
        <v>92241</v>
      </c>
      <c r="CC22" s="104">
        <v>136013</v>
      </c>
      <c r="CD22" s="103">
        <v>228254</v>
      </c>
      <c r="CE22" s="100">
        <v>0</v>
      </c>
      <c r="CF22" s="104">
        <v>796634</v>
      </c>
      <c r="CG22" s="104">
        <v>2383938</v>
      </c>
      <c r="CH22" s="104">
        <v>1909527</v>
      </c>
      <c r="CI22" s="104">
        <v>1154776</v>
      </c>
      <c r="CJ22" s="104">
        <v>523823</v>
      </c>
      <c r="CK22" s="103">
        <v>6768698</v>
      </c>
      <c r="CL22" s="106">
        <v>6996952</v>
      </c>
      <c r="CM22" s="100">
        <v>0</v>
      </c>
      <c r="CN22" s="104">
        <v>0</v>
      </c>
      <c r="CO22" s="103">
        <v>0</v>
      </c>
      <c r="CP22" s="101">
        <v>0</v>
      </c>
      <c r="CQ22" s="104">
        <v>659170</v>
      </c>
      <c r="CR22" s="104">
        <v>1458042</v>
      </c>
      <c r="CS22" s="104">
        <v>1403916</v>
      </c>
      <c r="CT22" s="104">
        <v>894505</v>
      </c>
      <c r="CU22" s="104">
        <v>308045</v>
      </c>
      <c r="CV22" s="103">
        <v>4723678</v>
      </c>
      <c r="CW22" s="106">
        <v>4723678</v>
      </c>
      <c r="CX22" s="100">
        <v>92241</v>
      </c>
      <c r="CY22" s="104">
        <v>136013</v>
      </c>
      <c r="CZ22" s="103">
        <v>228254</v>
      </c>
      <c r="DA22" s="100">
        <v>0</v>
      </c>
      <c r="DB22" s="104">
        <v>137464</v>
      </c>
      <c r="DC22" s="104">
        <v>925896</v>
      </c>
      <c r="DD22" s="104">
        <v>505611</v>
      </c>
      <c r="DE22" s="104">
        <v>260271</v>
      </c>
      <c r="DF22" s="104">
        <v>215778</v>
      </c>
      <c r="DG22" s="103">
        <v>2045020</v>
      </c>
      <c r="DH22" s="106">
        <v>2273274</v>
      </c>
      <c r="DI22" s="100">
        <v>0</v>
      </c>
      <c r="DJ22" s="104">
        <v>16333</v>
      </c>
      <c r="DK22" s="102">
        <v>16333</v>
      </c>
      <c r="DL22" s="101">
        <v>0</v>
      </c>
      <c r="DM22" s="104">
        <v>140786</v>
      </c>
      <c r="DN22" s="104">
        <v>314073</v>
      </c>
      <c r="DO22" s="104">
        <v>615498</v>
      </c>
      <c r="DP22" s="104">
        <v>728453</v>
      </c>
      <c r="DQ22" s="104">
        <v>6790</v>
      </c>
      <c r="DR22" s="103">
        <v>1805600</v>
      </c>
      <c r="DS22" s="106">
        <v>1821933</v>
      </c>
      <c r="DT22" s="100">
        <v>0</v>
      </c>
      <c r="DU22" s="104">
        <v>16333</v>
      </c>
      <c r="DV22" s="103">
        <v>16333</v>
      </c>
      <c r="DW22" s="100">
        <v>0</v>
      </c>
      <c r="DX22" s="104">
        <v>95242</v>
      </c>
      <c r="DY22" s="104">
        <v>243303</v>
      </c>
      <c r="DZ22" s="104">
        <v>615498</v>
      </c>
      <c r="EA22" s="104">
        <v>641609</v>
      </c>
      <c r="EB22" s="104">
        <v>6790</v>
      </c>
      <c r="EC22" s="103">
        <v>1602442</v>
      </c>
      <c r="ED22" s="106">
        <v>1618775</v>
      </c>
      <c r="EE22" s="100">
        <v>0</v>
      </c>
      <c r="EF22" s="102">
        <v>0</v>
      </c>
      <c r="EG22" s="103">
        <v>0</v>
      </c>
      <c r="EH22" s="100">
        <v>0</v>
      </c>
      <c r="EI22" s="104">
        <v>45544</v>
      </c>
      <c r="EJ22" s="104">
        <v>70770</v>
      </c>
      <c r="EK22" s="104">
        <v>0</v>
      </c>
      <c r="EL22" s="104">
        <v>86844</v>
      </c>
      <c r="EM22" s="104">
        <v>0</v>
      </c>
      <c r="EN22" s="102">
        <v>203158</v>
      </c>
      <c r="EO22" s="106">
        <v>203158</v>
      </c>
      <c r="EP22" s="100">
        <v>0</v>
      </c>
      <c r="EQ22" s="104">
        <v>0</v>
      </c>
      <c r="ER22" s="102">
        <v>0</v>
      </c>
      <c r="ES22" s="101">
        <v>0</v>
      </c>
      <c r="ET22" s="104">
        <v>0</v>
      </c>
      <c r="EU22" s="104">
        <v>0</v>
      </c>
      <c r="EV22" s="104">
        <v>0</v>
      </c>
      <c r="EW22" s="104">
        <v>0</v>
      </c>
      <c r="EX22" s="104">
        <v>0</v>
      </c>
      <c r="EY22" s="103">
        <v>0</v>
      </c>
      <c r="EZ22" s="106">
        <v>0</v>
      </c>
      <c r="FA22" s="100">
        <v>0</v>
      </c>
      <c r="FB22" s="104">
        <v>0</v>
      </c>
      <c r="FC22" s="102">
        <v>0</v>
      </c>
      <c r="FD22" s="498">
        <v>0</v>
      </c>
      <c r="FE22" s="104">
        <v>0</v>
      </c>
      <c r="FF22" s="104">
        <v>0</v>
      </c>
      <c r="FG22" s="104">
        <v>0</v>
      </c>
      <c r="FH22" s="104">
        <v>0</v>
      </c>
      <c r="FI22" s="104">
        <v>0</v>
      </c>
      <c r="FJ22" s="103">
        <v>0</v>
      </c>
      <c r="FK22" s="106">
        <v>0</v>
      </c>
      <c r="FL22" s="100">
        <v>81886</v>
      </c>
      <c r="FM22" s="104">
        <v>123186</v>
      </c>
      <c r="FN22" s="103">
        <v>205072</v>
      </c>
      <c r="FO22" s="100">
        <v>0</v>
      </c>
      <c r="FP22" s="104">
        <v>129598</v>
      </c>
      <c r="FQ22" s="104">
        <v>553532</v>
      </c>
      <c r="FR22" s="104">
        <v>732210</v>
      </c>
      <c r="FS22" s="104">
        <v>439467</v>
      </c>
      <c r="FT22" s="104">
        <v>390572</v>
      </c>
      <c r="FU22" s="103">
        <v>2245379</v>
      </c>
      <c r="FV22" s="106">
        <v>2450451</v>
      </c>
      <c r="FW22" s="105">
        <v>55286</v>
      </c>
      <c r="FX22" s="104">
        <v>123186</v>
      </c>
      <c r="FY22" s="102">
        <v>178472</v>
      </c>
      <c r="FZ22" s="101">
        <v>0</v>
      </c>
      <c r="GA22" s="104">
        <v>99498</v>
      </c>
      <c r="GB22" s="104">
        <v>517832</v>
      </c>
      <c r="GC22" s="104">
        <v>677194</v>
      </c>
      <c r="GD22" s="104">
        <v>439467</v>
      </c>
      <c r="GE22" s="104">
        <v>364602</v>
      </c>
      <c r="GF22" s="103">
        <v>2098593</v>
      </c>
      <c r="GG22" s="294">
        <v>2277065</v>
      </c>
      <c r="GH22" s="105">
        <v>0</v>
      </c>
      <c r="GI22" s="104">
        <v>0</v>
      </c>
      <c r="GJ22" s="102">
        <v>0</v>
      </c>
      <c r="GK22" s="101">
        <v>0</v>
      </c>
      <c r="GL22" s="104">
        <v>12600</v>
      </c>
      <c r="GM22" s="104">
        <v>0</v>
      </c>
      <c r="GN22" s="104">
        <v>55016</v>
      </c>
      <c r="GO22" s="104">
        <v>0</v>
      </c>
      <c r="GP22" s="104">
        <v>25970</v>
      </c>
      <c r="GQ22" s="103">
        <v>93586</v>
      </c>
      <c r="GR22" s="106">
        <v>93586</v>
      </c>
      <c r="GS22" s="100">
        <v>26600</v>
      </c>
      <c r="GT22" s="104">
        <v>0</v>
      </c>
      <c r="GU22" s="103">
        <v>26600</v>
      </c>
      <c r="GV22" s="100">
        <v>0</v>
      </c>
      <c r="GW22" s="104">
        <v>17500</v>
      </c>
      <c r="GX22" s="104">
        <v>35700</v>
      </c>
      <c r="GY22" s="104">
        <v>0</v>
      </c>
      <c r="GZ22" s="104">
        <v>0</v>
      </c>
      <c r="HA22" s="104">
        <v>0</v>
      </c>
      <c r="HB22" s="102">
        <v>53200</v>
      </c>
      <c r="HC22" s="106">
        <v>79800</v>
      </c>
      <c r="HD22" s="100">
        <v>289386</v>
      </c>
      <c r="HE22" s="104">
        <v>165236</v>
      </c>
      <c r="HF22" s="102">
        <v>454622</v>
      </c>
      <c r="HG22" s="101">
        <v>0</v>
      </c>
      <c r="HH22" s="104">
        <v>1225260</v>
      </c>
      <c r="HI22" s="104">
        <v>1459369</v>
      </c>
      <c r="HJ22" s="104">
        <v>1054121</v>
      </c>
      <c r="HK22" s="104">
        <v>2397747</v>
      </c>
      <c r="HL22" s="104">
        <v>1440481</v>
      </c>
      <c r="HM22" s="103">
        <v>7576978</v>
      </c>
      <c r="HN22" s="99">
        <v>8031600</v>
      </c>
      <c r="HO22" s="484">
        <v>0</v>
      </c>
      <c r="HP22" s="485">
        <v>0</v>
      </c>
      <c r="HQ22" s="486">
        <v>0</v>
      </c>
      <c r="HR22" s="487">
        <v>0</v>
      </c>
      <c r="HS22" s="485">
        <v>0</v>
      </c>
      <c r="HT22" s="485">
        <v>0</v>
      </c>
      <c r="HU22" s="485">
        <v>0</v>
      </c>
      <c r="HV22" s="485">
        <v>0</v>
      </c>
      <c r="HW22" s="485">
        <v>0</v>
      </c>
      <c r="HX22" s="488">
        <v>0</v>
      </c>
      <c r="HY22" s="489">
        <v>0</v>
      </c>
      <c r="HZ22" s="137">
        <v>0</v>
      </c>
      <c r="IA22" s="122">
        <v>0</v>
      </c>
      <c r="IB22" s="137">
        <v>0</v>
      </c>
      <c r="IC22" s="121">
        <v>0</v>
      </c>
      <c r="ID22" s="122">
        <v>1144179</v>
      </c>
      <c r="IE22" s="123">
        <v>1759444</v>
      </c>
      <c r="IF22" s="124">
        <v>1275243</v>
      </c>
      <c r="IG22" s="122">
        <v>1573556</v>
      </c>
      <c r="IH22" s="124">
        <v>1788520</v>
      </c>
      <c r="II22" s="125">
        <v>7540942</v>
      </c>
      <c r="IJ22" s="137">
        <v>7540942</v>
      </c>
      <c r="IK22" s="219">
        <v>0</v>
      </c>
      <c r="IL22" s="223">
        <v>0</v>
      </c>
      <c r="IM22" s="224">
        <v>0</v>
      </c>
      <c r="IN22" s="127">
        <v>0</v>
      </c>
      <c r="IO22" s="109">
        <v>47735</v>
      </c>
      <c r="IP22" s="109">
        <v>0</v>
      </c>
      <c r="IQ22" s="109">
        <v>0</v>
      </c>
      <c r="IR22" s="109">
        <v>0</v>
      </c>
      <c r="IS22" s="109">
        <v>0</v>
      </c>
      <c r="IT22" s="128">
        <v>47735</v>
      </c>
      <c r="IU22" s="296">
        <v>47735</v>
      </c>
      <c r="IV22" s="129">
        <v>0</v>
      </c>
      <c r="IW22" s="109">
        <v>0</v>
      </c>
      <c r="IX22" s="110">
        <v>0</v>
      </c>
      <c r="IY22" s="502">
        <v>0</v>
      </c>
      <c r="IZ22" s="109">
        <v>0</v>
      </c>
      <c r="JA22" s="109">
        <v>0</v>
      </c>
      <c r="JB22" s="109">
        <v>0</v>
      </c>
      <c r="JC22" s="109">
        <v>0</v>
      </c>
      <c r="JD22" s="109">
        <v>0</v>
      </c>
      <c r="JE22" s="110">
        <v>0</v>
      </c>
      <c r="JF22" s="111">
        <v>0</v>
      </c>
      <c r="JG22" s="129">
        <v>0</v>
      </c>
      <c r="JH22" s="109">
        <v>0</v>
      </c>
      <c r="JI22" s="128">
        <v>0</v>
      </c>
      <c r="JJ22" s="108">
        <v>0</v>
      </c>
      <c r="JK22" s="109">
        <v>893535</v>
      </c>
      <c r="JL22" s="109">
        <v>611347</v>
      </c>
      <c r="JM22" s="109">
        <v>418385</v>
      </c>
      <c r="JN22" s="109">
        <v>200353</v>
      </c>
      <c r="JO22" s="109">
        <v>115774</v>
      </c>
      <c r="JP22" s="110">
        <v>2239394</v>
      </c>
      <c r="JQ22" s="296">
        <v>2239394</v>
      </c>
      <c r="JR22" s="129">
        <v>0</v>
      </c>
      <c r="JS22" s="109">
        <v>0</v>
      </c>
      <c r="JT22" s="128">
        <v>0</v>
      </c>
      <c r="JU22" s="108">
        <v>0</v>
      </c>
      <c r="JV22" s="109">
        <v>0</v>
      </c>
      <c r="JW22" s="109">
        <v>0</v>
      </c>
      <c r="JX22" s="109">
        <v>0</v>
      </c>
      <c r="JY22" s="109">
        <v>0</v>
      </c>
      <c r="JZ22" s="109">
        <v>0</v>
      </c>
      <c r="KA22" s="110">
        <v>0</v>
      </c>
      <c r="KB22" s="296">
        <v>0</v>
      </c>
      <c r="KC22" s="221">
        <v>0</v>
      </c>
      <c r="KD22" s="217">
        <v>0</v>
      </c>
      <c r="KE22" s="110">
        <v>0</v>
      </c>
      <c r="KF22" s="108">
        <v>0</v>
      </c>
      <c r="KG22" s="109">
        <v>0</v>
      </c>
      <c r="KH22" s="109">
        <v>162111</v>
      </c>
      <c r="KI22" s="109">
        <v>209831</v>
      </c>
      <c r="KJ22" s="109">
        <v>229329</v>
      </c>
      <c r="KK22" s="109">
        <v>260416</v>
      </c>
      <c r="KL22" s="110">
        <v>861687</v>
      </c>
      <c r="KM22" s="130">
        <v>861687</v>
      </c>
      <c r="KN22" s="219">
        <v>0</v>
      </c>
      <c r="KO22" s="223">
        <v>0</v>
      </c>
      <c r="KP22" s="224">
        <v>0</v>
      </c>
      <c r="KQ22" s="506">
        <v>0</v>
      </c>
      <c r="KR22" s="109">
        <v>202909</v>
      </c>
      <c r="KS22" s="109">
        <v>985986</v>
      </c>
      <c r="KT22" s="109">
        <v>438252</v>
      </c>
      <c r="KU22" s="109">
        <v>659326</v>
      </c>
      <c r="KV22" s="109">
        <v>574544</v>
      </c>
      <c r="KW22" s="110">
        <v>2861017</v>
      </c>
      <c r="KX22" s="296">
        <v>2861017</v>
      </c>
      <c r="KY22" s="129">
        <v>0</v>
      </c>
      <c r="KZ22" s="109">
        <v>0</v>
      </c>
      <c r="LA22" s="110">
        <v>0</v>
      </c>
      <c r="LB22" s="510">
        <v>0</v>
      </c>
      <c r="LC22" s="109">
        <v>0</v>
      </c>
      <c r="LD22" s="109">
        <v>0</v>
      </c>
      <c r="LE22" s="109">
        <v>0</v>
      </c>
      <c r="LF22" s="109">
        <v>0</v>
      </c>
      <c r="LG22" s="109">
        <v>0</v>
      </c>
      <c r="LH22" s="110">
        <v>0</v>
      </c>
      <c r="LI22" s="111">
        <v>0</v>
      </c>
      <c r="LJ22" s="129">
        <v>0</v>
      </c>
      <c r="LK22" s="109">
        <v>0</v>
      </c>
      <c r="LL22" s="110">
        <v>0</v>
      </c>
      <c r="LM22" s="510">
        <v>0</v>
      </c>
      <c r="LN22" s="109">
        <v>0</v>
      </c>
      <c r="LO22" s="109">
        <v>0</v>
      </c>
      <c r="LP22" s="109">
        <v>208775</v>
      </c>
      <c r="LQ22" s="109">
        <v>484548</v>
      </c>
      <c r="LR22" s="109">
        <v>486312</v>
      </c>
      <c r="LS22" s="110">
        <v>1179635</v>
      </c>
      <c r="LT22" s="296">
        <v>1179635</v>
      </c>
      <c r="LU22" s="129">
        <v>0</v>
      </c>
      <c r="LV22" s="109">
        <v>0</v>
      </c>
      <c r="LW22" s="110">
        <v>0</v>
      </c>
      <c r="LX22" s="510">
        <v>0</v>
      </c>
      <c r="LY22" s="109">
        <v>0</v>
      </c>
      <c r="LZ22" s="109">
        <v>0</v>
      </c>
      <c r="MA22" s="109">
        <v>0</v>
      </c>
      <c r="MB22" s="109">
        <v>0</v>
      </c>
      <c r="MC22" s="109">
        <v>351474</v>
      </c>
      <c r="MD22" s="110">
        <v>351474</v>
      </c>
      <c r="ME22" s="111">
        <v>351474</v>
      </c>
      <c r="MF22" s="129">
        <v>0</v>
      </c>
      <c r="MG22" s="109">
        <v>0</v>
      </c>
      <c r="MH22" s="110">
        <v>0</v>
      </c>
      <c r="MI22" s="510">
        <v>0</v>
      </c>
      <c r="MJ22" s="109">
        <v>759422</v>
      </c>
      <c r="MK22" s="109">
        <v>1268732</v>
      </c>
      <c r="ML22" s="109">
        <v>3812066</v>
      </c>
      <c r="MM22" s="109">
        <v>2113279</v>
      </c>
      <c r="MN22" s="109">
        <v>1848771</v>
      </c>
      <c r="MO22" s="110">
        <v>9802270</v>
      </c>
      <c r="MP22" s="130">
        <v>9802270</v>
      </c>
      <c r="MQ22" s="129">
        <v>0</v>
      </c>
      <c r="MR22" s="109">
        <v>0</v>
      </c>
      <c r="MS22" s="110">
        <v>0</v>
      </c>
      <c r="MT22" s="510">
        <v>0</v>
      </c>
      <c r="MU22" s="109">
        <v>0</v>
      </c>
      <c r="MV22" s="109">
        <v>205624</v>
      </c>
      <c r="MW22" s="109">
        <v>1229008</v>
      </c>
      <c r="MX22" s="109">
        <v>715863</v>
      </c>
      <c r="MY22" s="109">
        <v>1153998</v>
      </c>
      <c r="MZ22" s="110">
        <v>3304493</v>
      </c>
      <c r="NA22" s="130">
        <v>3304493</v>
      </c>
      <c r="NB22" s="129">
        <v>0</v>
      </c>
      <c r="NC22" s="109">
        <v>0</v>
      </c>
      <c r="ND22" s="110">
        <v>0</v>
      </c>
      <c r="NE22" s="510">
        <v>0</v>
      </c>
      <c r="NF22" s="109">
        <v>759422</v>
      </c>
      <c r="NG22" s="109">
        <v>1063108</v>
      </c>
      <c r="NH22" s="109">
        <v>2583058</v>
      </c>
      <c r="NI22" s="109">
        <v>1397416</v>
      </c>
      <c r="NJ22" s="109">
        <v>516119</v>
      </c>
      <c r="NK22" s="110">
        <v>6319123</v>
      </c>
      <c r="NL22" s="296">
        <v>6319123</v>
      </c>
      <c r="NM22" s="129">
        <v>0</v>
      </c>
      <c r="NN22" s="109">
        <v>0</v>
      </c>
      <c r="NO22" s="110">
        <v>0</v>
      </c>
      <c r="NP22" s="510">
        <v>0</v>
      </c>
      <c r="NQ22" s="109">
        <v>0</v>
      </c>
      <c r="NR22" s="109">
        <v>0</v>
      </c>
      <c r="NS22" s="109">
        <v>0</v>
      </c>
      <c r="NT22" s="109">
        <v>0</v>
      </c>
      <c r="NU22" s="109">
        <v>0</v>
      </c>
      <c r="NV22" s="110">
        <v>0</v>
      </c>
      <c r="NW22" s="111">
        <v>0</v>
      </c>
      <c r="NX22" s="129">
        <v>0</v>
      </c>
      <c r="NY22" s="109">
        <v>0</v>
      </c>
      <c r="NZ22" s="110">
        <v>0</v>
      </c>
      <c r="OA22" s="510">
        <v>0</v>
      </c>
      <c r="OB22" s="109">
        <v>0</v>
      </c>
      <c r="OC22" s="109">
        <v>0</v>
      </c>
      <c r="OD22" s="109">
        <v>0</v>
      </c>
      <c r="OE22" s="109">
        <v>0</v>
      </c>
      <c r="OF22" s="109">
        <v>178654</v>
      </c>
      <c r="OG22" s="110">
        <v>178654</v>
      </c>
      <c r="OH22" s="111">
        <v>178654</v>
      </c>
      <c r="OI22" s="129">
        <v>666797</v>
      </c>
      <c r="OJ22" s="109">
        <v>695148</v>
      </c>
      <c r="OK22" s="128">
        <v>1361945</v>
      </c>
      <c r="OL22" s="108">
        <v>0</v>
      </c>
      <c r="OM22" s="109">
        <v>4979807</v>
      </c>
      <c r="ON22" s="109">
        <v>9647999</v>
      </c>
      <c r="OO22" s="109">
        <v>12449970</v>
      </c>
      <c r="OP22" s="109">
        <v>10095621</v>
      </c>
      <c r="OQ22" s="109">
        <v>8050835</v>
      </c>
      <c r="OR22" s="110">
        <v>45224232</v>
      </c>
      <c r="OS22" s="130">
        <v>46586177</v>
      </c>
    </row>
    <row r="23" spans="2:409" ht="21" customHeight="1" x14ac:dyDescent="0.2">
      <c r="B23" s="468" t="s">
        <v>18</v>
      </c>
      <c r="C23" s="100">
        <v>362633</v>
      </c>
      <c r="D23" s="104">
        <v>820483</v>
      </c>
      <c r="E23" s="103">
        <v>1183116</v>
      </c>
      <c r="F23" s="99">
        <v>0</v>
      </c>
      <c r="G23" s="104">
        <v>5842860</v>
      </c>
      <c r="H23" s="104">
        <v>8482017</v>
      </c>
      <c r="I23" s="104">
        <v>7224258</v>
      </c>
      <c r="J23" s="104">
        <v>8607010</v>
      </c>
      <c r="K23" s="104">
        <v>6549859</v>
      </c>
      <c r="L23" s="99">
        <v>36706004</v>
      </c>
      <c r="M23" s="106">
        <v>37889120</v>
      </c>
      <c r="N23" s="100">
        <v>126454</v>
      </c>
      <c r="O23" s="104">
        <v>162349</v>
      </c>
      <c r="P23" s="103">
        <v>288803</v>
      </c>
      <c r="Q23" s="100">
        <v>0</v>
      </c>
      <c r="R23" s="104">
        <v>1701449</v>
      </c>
      <c r="S23" s="104">
        <v>2656244</v>
      </c>
      <c r="T23" s="104">
        <v>3302443</v>
      </c>
      <c r="U23" s="104">
        <v>3411383</v>
      </c>
      <c r="V23" s="104">
        <v>2135084</v>
      </c>
      <c r="W23" s="103">
        <v>13206603</v>
      </c>
      <c r="X23" s="106">
        <v>13495406</v>
      </c>
      <c r="Y23" s="100">
        <v>0</v>
      </c>
      <c r="Z23" s="104">
        <v>0</v>
      </c>
      <c r="AA23" s="103">
        <v>0</v>
      </c>
      <c r="AB23" s="100">
        <v>0</v>
      </c>
      <c r="AC23" s="104">
        <v>640269</v>
      </c>
      <c r="AD23" s="104">
        <v>1189676</v>
      </c>
      <c r="AE23" s="104">
        <v>1794376</v>
      </c>
      <c r="AF23" s="104">
        <v>2201640</v>
      </c>
      <c r="AG23" s="104">
        <v>1292454</v>
      </c>
      <c r="AH23" s="103">
        <v>7118415</v>
      </c>
      <c r="AI23" s="106">
        <v>7118415</v>
      </c>
      <c r="AJ23" s="100">
        <v>0</v>
      </c>
      <c r="AK23" s="104">
        <v>0</v>
      </c>
      <c r="AL23" s="103">
        <v>0</v>
      </c>
      <c r="AM23" s="100">
        <v>0</v>
      </c>
      <c r="AN23" s="104">
        <v>0</v>
      </c>
      <c r="AO23" s="104">
        <v>0</v>
      </c>
      <c r="AP23" s="104">
        <v>40348</v>
      </c>
      <c r="AQ23" s="104">
        <v>168348</v>
      </c>
      <c r="AR23" s="104">
        <v>91354</v>
      </c>
      <c r="AS23" s="103">
        <v>300050</v>
      </c>
      <c r="AT23" s="106">
        <v>300050</v>
      </c>
      <c r="AU23" s="100">
        <v>76126</v>
      </c>
      <c r="AV23" s="104">
        <v>103206</v>
      </c>
      <c r="AW23" s="103">
        <v>179332</v>
      </c>
      <c r="AX23" s="100">
        <v>0</v>
      </c>
      <c r="AY23" s="104">
        <v>644775</v>
      </c>
      <c r="AZ23" s="104">
        <v>997164</v>
      </c>
      <c r="BA23" s="104">
        <v>979315</v>
      </c>
      <c r="BB23" s="104">
        <v>531866</v>
      </c>
      <c r="BC23" s="104">
        <v>312093</v>
      </c>
      <c r="BD23" s="103">
        <v>3465213</v>
      </c>
      <c r="BE23" s="106">
        <v>3644545</v>
      </c>
      <c r="BF23" s="100">
        <v>28180</v>
      </c>
      <c r="BG23" s="104">
        <v>0</v>
      </c>
      <c r="BH23" s="102">
        <v>28180</v>
      </c>
      <c r="BI23" s="101">
        <v>0</v>
      </c>
      <c r="BJ23" s="104">
        <v>134788</v>
      </c>
      <c r="BK23" s="104">
        <v>89297</v>
      </c>
      <c r="BL23" s="104">
        <v>60424</v>
      </c>
      <c r="BM23" s="104">
        <v>84440</v>
      </c>
      <c r="BN23" s="104">
        <v>43179</v>
      </c>
      <c r="BO23" s="103">
        <v>412128</v>
      </c>
      <c r="BP23" s="106">
        <v>440308</v>
      </c>
      <c r="BQ23" s="100">
        <v>22148</v>
      </c>
      <c r="BR23" s="104">
        <v>59143</v>
      </c>
      <c r="BS23" s="103">
        <v>81291</v>
      </c>
      <c r="BT23" s="100">
        <v>0</v>
      </c>
      <c r="BU23" s="104">
        <v>281617</v>
      </c>
      <c r="BV23" s="104">
        <v>380107</v>
      </c>
      <c r="BW23" s="104">
        <v>427980</v>
      </c>
      <c r="BX23" s="104">
        <v>425089</v>
      </c>
      <c r="BY23" s="104">
        <v>396004</v>
      </c>
      <c r="BZ23" s="103">
        <v>1910797</v>
      </c>
      <c r="CA23" s="106">
        <v>1992088</v>
      </c>
      <c r="CB23" s="100">
        <v>112385</v>
      </c>
      <c r="CC23" s="104">
        <v>236482</v>
      </c>
      <c r="CD23" s="103">
        <v>348867</v>
      </c>
      <c r="CE23" s="100">
        <v>0</v>
      </c>
      <c r="CF23" s="104">
        <v>2339233</v>
      </c>
      <c r="CG23" s="104">
        <v>3177208</v>
      </c>
      <c r="CH23" s="104">
        <v>1195133</v>
      </c>
      <c r="CI23" s="104">
        <v>1638904</v>
      </c>
      <c r="CJ23" s="104">
        <v>795220</v>
      </c>
      <c r="CK23" s="103">
        <v>9145698</v>
      </c>
      <c r="CL23" s="106">
        <v>9494565</v>
      </c>
      <c r="CM23" s="100">
        <v>0</v>
      </c>
      <c r="CN23" s="104">
        <v>0</v>
      </c>
      <c r="CO23" s="103">
        <v>0</v>
      </c>
      <c r="CP23" s="101">
        <v>0</v>
      </c>
      <c r="CQ23" s="104">
        <v>1761301</v>
      </c>
      <c r="CR23" s="104">
        <v>2388311</v>
      </c>
      <c r="CS23" s="104">
        <v>852875</v>
      </c>
      <c r="CT23" s="104">
        <v>1214325</v>
      </c>
      <c r="CU23" s="104">
        <v>719562</v>
      </c>
      <c r="CV23" s="103">
        <v>6936374</v>
      </c>
      <c r="CW23" s="106">
        <v>6936374</v>
      </c>
      <c r="CX23" s="100">
        <v>112385</v>
      </c>
      <c r="CY23" s="104">
        <v>236482</v>
      </c>
      <c r="CZ23" s="103">
        <v>348867</v>
      </c>
      <c r="DA23" s="100">
        <v>0</v>
      </c>
      <c r="DB23" s="104">
        <v>577932</v>
      </c>
      <c r="DC23" s="104">
        <v>788897</v>
      </c>
      <c r="DD23" s="104">
        <v>342258</v>
      </c>
      <c r="DE23" s="104">
        <v>424579</v>
      </c>
      <c r="DF23" s="104">
        <v>75658</v>
      </c>
      <c r="DG23" s="103">
        <v>2209324</v>
      </c>
      <c r="DH23" s="106">
        <v>2558191</v>
      </c>
      <c r="DI23" s="100">
        <v>30942</v>
      </c>
      <c r="DJ23" s="104">
        <v>0</v>
      </c>
      <c r="DK23" s="102">
        <v>30942</v>
      </c>
      <c r="DL23" s="101">
        <v>0</v>
      </c>
      <c r="DM23" s="104">
        <v>105781</v>
      </c>
      <c r="DN23" s="104">
        <v>395123</v>
      </c>
      <c r="DO23" s="104">
        <v>437490</v>
      </c>
      <c r="DP23" s="104">
        <v>674232</v>
      </c>
      <c r="DQ23" s="104">
        <v>636556</v>
      </c>
      <c r="DR23" s="103">
        <v>2249182</v>
      </c>
      <c r="DS23" s="106">
        <v>2280124</v>
      </c>
      <c r="DT23" s="100">
        <v>30942</v>
      </c>
      <c r="DU23" s="104">
        <v>0</v>
      </c>
      <c r="DV23" s="103">
        <v>30942</v>
      </c>
      <c r="DW23" s="100">
        <v>0</v>
      </c>
      <c r="DX23" s="104">
        <v>88299</v>
      </c>
      <c r="DY23" s="104">
        <v>376873</v>
      </c>
      <c r="DZ23" s="104">
        <v>437490</v>
      </c>
      <c r="EA23" s="104">
        <v>674232</v>
      </c>
      <c r="EB23" s="104">
        <v>592769</v>
      </c>
      <c r="EC23" s="103">
        <v>2169663</v>
      </c>
      <c r="ED23" s="106">
        <v>2200605</v>
      </c>
      <c r="EE23" s="100">
        <v>0</v>
      </c>
      <c r="EF23" s="102">
        <v>0</v>
      </c>
      <c r="EG23" s="103">
        <v>0</v>
      </c>
      <c r="EH23" s="100">
        <v>0</v>
      </c>
      <c r="EI23" s="104">
        <v>17482</v>
      </c>
      <c r="EJ23" s="104">
        <v>18250</v>
      </c>
      <c r="EK23" s="104">
        <v>0</v>
      </c>
      <c r="EL23" s="104">
        <v>0</v>
      </c>
      <c r="EM23" s="104">
        <v>43787</v>
      </c>
      <c r="EN23" s="102">
        <v>79519</v>
      </c>
      <c r="EO23" s="106">
        <v>79519</v>
      </c>
      <c r="EP23" s="100">
        <v>0</v>
      </c>
      <c r="EQ23" s="104">
        <v>0</v>
      </c>
      <c r="ER23" s="102">
        <v>0</v>
      </c>
      <c r="ES23" s="101">
        <v>0</v>
      </c>
      <c r="ET23" s="104">
        <v>0</v>
      </c>
      <c r="EU23" s="104">
        <v>0</v>
      </c>
      <c r="EV23" s="104">
        <v>0</v>
      </c>
      <c r="EW23" s="104">
        <v>0</v>
      </c>
      <c r="EX23" s="104">
        <v>0</v>
      </c>
      <c r="EY23" s="103">
        <v>0</v>
      </c>
      <c r="EZ23" s="106">
        <v>0</v>
      </c>
      <c r="FA23" s="100">
        <v>0</v>
      </c>
      <c r="FB23" s="104">
        <v>0</v>
      </c>
      <c r="FC23" s="102">
        <v>0</v>
      </c>
      <c r="FD23" s="498">
        <v>0</v>
      </c>
      <c r="FE23" s="104">
        <v>0</v>
      </c>
      <c r="FF23" s="104">
        <v>0</v>
      </c>
      <c r="FG23" s="104">
        <v>0</v>
      </c>
      <c r="FH23" s="104">
        <v>0</v>
      </c>
      <c r="FI23" s="104">
        <v>0</v>
      </c>
      <c r="FJ23" s="103">
        <v>0</v>
      </c>
      <c r="FK23" s="106">
        <v>0</v>
      </c>
      <c r="FL23" s="100">
        <v>55034</v>
      </c>
      <c r="FM23" s="104">
        <v>185605</v>
      </c>
      <c r="FN23" s="103">
        <v>240639</v>
      </c>
      <c r="FO23" s="100">
        <v>0</v>
      </c>
      <c r="FP23" s="104">
        <v>308994</v>
      </c>
      <c r="FQ23" s="104">
        <v>754285</v>
      </c>
      <c r="FR23" s="104">
        <v>1098300</v>
      </c>
      <c r="FS23" s="104">
        <v>587076</v>
      </c>
      <c r="FT23" s="104">
        <v>232680</v>
      </c>
      <c r="FU23" s="103">
        <v>2981335</v>
      </c>
      <c r="FV23" s="106">
        <v>3221974</v>
      </c>
      <c r="FW23" s="105">
        <v>24234</v>
      </c>
      <c r="FX23" s="104">
        <v>117117</v>
      </c>
      <c r="FY23" s="102">
        <v>141351</v>
      </c>
      <c r="FZ23" s="101">
        <v>0</v>
      </c>
      <c r="GA23" s="104">
        <v>290514</v>
      </c>
      <c r="GB23" s="104">
        <v>697074</v>
      </c>
      <c r="GC23" s="104">
        <v>1085210</v>
      </c>
      <c r="GD23" s="104">
        <v>551964</v>
      </c>
      <c r="GE23" s="104">
        <v>232680</v>
      </c>
      <c r="GF23" s="103">
        <v>2857442</v>
      </c>
      <c r="GG23" s="294">
        <v>2998793</v>
      </c>
      <c r="GH23" s="105">
        <v>0</v>
      </c>
      <c r="GI23" s="104">
        <v>31388</v>
      </c>
      <c r="GJ23" s="102">
        <v>31388</v>
      </c>
      <c r="GK23" s="101">
        <v>0</v>
      </c>
      <c r="GL23" s="104">
        <v>18480</v>
      </c>
      <c r="GM23" s="104">
        <v>18711</v>
      </c>
      <c r="GN23" s="104">
        <v>13090</v>
      </c>
      <c r="GO23" s="104">
        <v>35112</v>
      </c>
      <c r="GP23" s="104">
        <v>0</v>
      </c>
      <c r="GQ23" s="103">
        <v>85393</v>
      </c>
      <c r="GR23" s="106">
        <v>116781</v>
      </c>
      <c r="GS23" s="100">
        <v>30800</v>
      </c>
      <c r="GT23" s="104">
        <v>37100</v>
      </c>
      <c r="GU23" s="103">
        <v>67900</v>
      </c>
      <c r="GV23" s="100">
        <v>0</v>
      </c>
      <c r="GW23" s="104">
        <v>0</v>
      </c>
      <c r="GX23" s="104">
        <v>38500</v>
      </c>
      <c r="GY23" s="104">
        <v>0</v>
      </c>
      <c r="GZ23" s="104">
        <v>0</v>
      </c>
      <c r="HA23" s="104">
        <v>0</v>
      </c>
      <c r="HB23" s="102">
        <v>38500</v>
      </c>
      <c r="HC23" s="106">
        <v>106400</v>
      </c>
      <c r="HD23" s="100">
        <v>37818</v>
      </c>
      <c r="HE23" s="104">
        <v>236047</v>
      </c>
      <c r="HF23" s="102">
        <v>273865</v>
      </c>
      <c r="HG23" s="101">
        <v>0</v>
      </c>
      <c r="HH23" s="104">
        <v>1387403</v>
      </c>
      <c r="HI23" s="104">
        <v>1499157</v>
      </c>
      <c r="HJ23" s="104">
        <v>1190892</v>
      </c>
      <c r="HK23" s="104">
        <v>2295415</v>
      </c>
      <c r="HL23" s="104">
        <v>2750319</v>
      </c>
      <c r="HM23" s="103">
        <v>9123186</v>
      </c>
      <c r="HN23" s="99">
        <v>9397051</v>
      </c>
      <c r="HO23" s="484">
        <v>0</v>
      </c>
      <c r="HP23" s="485">
        <v>0</v>
      </c>
      <c r="HQ23" s="486">
        <v>0</v>
      </c>
      <c r="HR23" s="487">
        <v>0</v>
      </c>
      <c r="HS23" s="485">
        <v>0</v>
      </c>
      <c r="HT23" s="485">
        <v>0</v>
      </c>
      <c r="HU23" s="485">
        <v>0</v>
      </c>
      <c r="HV23" s="485">
        <v>0</v>
      </c>
      <c r="HW23" s="485">
        <v>0</v>
      </c>
      <c r="HX23" s="488">
        <v>0</v>
      </c>
      <c r="HY23" s="489">
        <v>0</v>
      </c>
      <c r="HZ23" s="118">
        <v>0</v>
      </c>
      <c r="IA23" s="119">
        <v>69640</v>
      </c>
      <c r="IB23" s="120">
        <v>69640</v>
      </c>
      <c r="IC23" s="133">
        <v>0</v>
      </c>
      <c r="ID23" s="119">
        <v>1197143</v>
      </c>
      <c r="IE23" s="134">
        <v>1192999</v>
      </c>
      <c r="IF23" s="120">
        <v>2348111</v>
      </c>
      <c r="IG23" s="119">
        <v>1143634</v>
      </c>
      <c r="IH23" s="120">
        <v>1057773</v>
      </c>
      <c r="II23" s="135">
        <v>6939660</v>
      </c>
      <c r="IJ23" s="126">
        <v>7009300</v>
      </c>
      <c r="IK23" s="219">
        <v>0</v>
      </c>
      <c r="IL23" s="223">
        <v>0</v>
      </c>
      <c r="IM23" s="224">
        <v>0</v>
      </c>
      <c r="IN23" s="127">
        <v>0</v>
      </c>
      <c r="IO23" s="109">
        <v>0</v>
      </c>
      <c r="IP23" s="109">
        <v>0</v>
      </c>
      <c r="IQ23" s="109">
        <v>0</v>
      </c>
      <c r="IR23" s="109">
        <v>0</v>
      </c>
      <c r="IS23" s="109">
        <v>0</v>
      </c>
      <c r="IT23" s="128">
        <v>0</v>
      </c>
      <c r="IU23" s="296">
        <v>0</v>
      </c>
      <c r="IV23" s="129">
        <v>0</v>
      </c>
      <c r="IW23" s="109">
        <v>0</v>
      </c>
      <c r="IX23" s="110">
        <v>0</v>
      </c>
      <c r="IY23" s="502">
        <v>0</v>
      </c>
      <c r="IZ23" s="109">
        <v>0</v>
      </c>
      <c r="JA23" s="109">
        <v>0</v>
      </c>
      <c r="JB23" s="109">
        <v>0</v>
      </c>
      <c r="JC23" s="109">
        <v>0</v>
      </c>
      <c r="JD23" s="109">
        <v>0</v>
      </c>
      <c r="JE23" s="110">
        <v>0</v>
      </c>
      <c r="JF23" s="111">
        <v>0</v>
      </c>
      <c r="JG23" s="129">
        <v>0</v>
      </c>
      <c r="JH23" s="109">
        <v>0</v>
      </c>
      <c r="JI23" s="128">
        <v>0</v>
      </c>
      <c r="JJ23" s="108">
        <v>0</v>
      </c>
      <c r="JK23" s="109">
        <v>566126</v>
      </c>
      <c r="JL23" s="109">
        <v>368397</v>
      </c>
      <c r="JM23" s="109">
        <v>463921</v>
      </c>
      <c r="JN23" s="109">
        <v>204562</v>
      </c>
      <c r="JO23" s="109">
        <v>0</v>
      </c>
      <c r="JP23" s="110">
        <v>1603006</v>
      </c>
      <c r="JQ23" s="296">
        <v>1603006</v>
      </c>
      <c r="JR23" s="129">
        <v>0</v>
      </c>
      <c r="JS23" s="109">
        <v>0</v>
      </c>
      <c r="JT23" s="128">
        <v>0</v>
      </c>
      <c r="JU23" s="108">
        <v>0</v>
      </c>
      <c r="JV23" s="109">
        <v>100177</v>
      </c>
      <c r="JW23" s="109">
        <v>0</v>
      </c>
      <c r="JX23" s="109">
        <v>215611</v>
      </c>
      <c r="JY23" s="109">
        <v>180710</v>
      </c>
      <c r="JZ23" s="109">
        <v>0</v>
      </c>
      <c r="KA23" s="110">
        <v>496498</v>
      </c>
      <c r="KB23" s="296">
        <v>496498</v>
      </c>
      <c r="KC23" s="221">
        <v>0</v>
      </c>
      <c r="KD23" s="217">
        <v>69640</v>
      </c>
      <c r="KE23" s="110">
        <v>69640</v>
      </c>
      <c r="KF23" s="108">
        <v>0</v>
      </c>
      <c r="KG23" s="109">
        <v>121216</v>
      </c>
      <c r="KH23" s="109">
        <v>0</v>
      </c>
      <c r="KI23" s="109">
        <v>331806</v>
      </c>
      <c r="KJ23" s="109">
        <v>83619</v>
      </c>
      <c r="KK23" s="109">
        <v>0</v>
      </c>
      <c r="KL23" s="110">
        <v>536641</v>
      </c>
      <c r="KM23" s="130">
        <v>606281</v>
      </c>
      <c r="KN23" s="219">
        <v>0</v>
      </c>
      <c r="KO23" s="223">
        <v>0</v>
      </c>
      <c r="KP23" s="224">
        <v>0</v>
      </c>
      <c r="KQ23" s="506">
        <v>0</v>
      </c>
      <c r="KR23" s="109">
        <v>409624</v>
      </c>
      <c r="KS23" s="109">
        <v>824602</v>
      </c>
      <c r="KT23" s="109">
        <v>1083040</v>
      </c>
      <c r="KU23" s="109">
        <v>151661</v>
      </c>
      <c r="KV23" s="109">
        <v>224789</v>
      </c>
      <c r="KW23" s="110">
        <v>2693716</v>
      </c>
      <c r="KX23" s="296">
        <v>2693716</v>
      </c>
      <c r="KY23" s="129">
        <v>0</v>
      </c>
      <c r="KZ23" s="109">
        <v>0</v>
      </c>
      <c r="LA23" s="110">
        <v>0</v>
      </c>
      <c r="LB23" s="510">
        <v>0</v>
      </c>
      <c r="LC23" s="109">
        <v>0</v>
      </c>
      <c r="LD23" s="109">
        <v>0</v>
      </c>
      <c r="LE23" s="109">
        <v>0</v>
      </c>
      <c r="LF23" s="109">
        <v>0</v>
      </c>
      <c r="LG23" s="109">
        <v>0</v>
      </c>
      <c r="LH23" s="110">
        <v>0</v>
      </c>
      <c r="LI23" s="111">
        <v>0</v>
      </c>
      <c r="LJ23" s="129">
        <v>0</v>
      </c>
      <c r="LK23" s="109">
        <v>0</v>
      </c>
      <c r="LL23" s="110">
        <v>0</v>
      </c>
      <c r="LM23" s="510">
        <v>0</v>
      </c>
      <c r="LN23" s="109">
        <v>0</v>
      </c>
      <c r="LO23" s="109">
        <v>0</v>
      </c>
      <c r="LP23" s="109">
        <v>0</v>
      </c>
      <c r="LQ23" s="109">
        <v>241936</v>
      </c>
      <c r="LR23" s="109">
        <v>184820</v>
      </c>
      <c r="LS23" s="110">
        <v>426756</v>
      </c>
      <c r="LT23" s="296">
        <v>426756</v>
      </c>
      <c r="LU23" s="129">
        <v>0</v>
      </c>
      <c r="LV23" s="109">
        <v>0</v>
      </c>
      <c r="LW23" s="110">
        <v>0</v>
      </c>
      <c r="LX23" s="510">
        <v>0</v>
      </c>
      <c r="LY23" s="109">
        <v>0</v>
      </c>
      <c r="LZ23" s="109">
        <v>0</v>
      </c>
      <c r="MA23" s="109">
        <v>253733</v>
      </c>
      <c r="MB23" s="109">
        <v>281146</v>
      </c>
      <c r="MC23" s="109">
        <v>648164</v>
      </c>
      <c r="MD23" s="110">
        <v>1183043</v>
      </c>
      <c r="ME23" s="111">
        <v>1183043</v>
      </c>
      <c r="MF23" s="129">
        <v>0</v>
      </c>
      <c r="MG23" s="109">
        <v>0</v>
      </c>
      <c r="MH23" s="110">
        <v>0</v>
      </c>
      <c r="MI23" s="510">
        <v>0</v>
      </c>
      <c r="MJ23" s="109">
        <v>514788</v>
      </c>
      <c r="MK23" s="109">
        <v>191711</v>
      </c>
      <c r="ML23" s="109">
        <v>2248006</v>
      </c>
      <c r="MM23" s="109">
        <v>4256452</v>
      </c>
      <c r="MN23" s="109">
        <v>2780486</v>
      </c>
      <c r="MO23" s="110">
        <v>9991443</v>
      </c>
      <c r="MP23" s="130">
        <v>9991443</v>
      </c>
      <c r="MQ23" s="129">
        <v>0</v>
      </c>
      <c r="MR23" s="109">
        <v>0</v>
      </c>
      <c r="MS23" s="110">
        <v>0</v>
      </c>
      <c r="MT23" s="510">
        <v>0</v>
      </c>
      <c r="MU23" s="109">
        <v>134366</v>
      </c>
      <c r="MV23" s="109">
        <v>191711</v>
      </c>
      <c r="MW23" s="109">
        <v>1238662</v>
      </c>
      <c r="MX23" s="109">
        <v>2537359</v>
      </c>
      <c r="MY23" s="109">
        <v>1469599</v>
      </c>
      <c r="MZ23" s="110">
        <v>5571697</v>
      </c>
      <c r="NA23" s="130">
        <v>5571697</v>
      </c>
      <c r="NB23" s="129">
        <v>0</v>
      </c>
      <c r="NC23" s="109">
        <v>0</v>
      </c>
      <c r="ND23" s="110">
        <v>0</v>
      </c>
      <c r="NE23" s="510">
        <v>0</v>
      </c>
      <c r="NF23" s="109">
        <v>380422</v>
      </c>
      <c r="NG23" s="109">
        <v>0</v>
      </c>
      <c r="NH23" s="109">
        <v>1009344</v>
      </c>
      <c r="NI23" s="109">
        <v>1719093</v>
      </c>
      <c r="NJ23" s="109">
        <v>771443</v>
      </c>
      <c r="NK23" s="110">
        <v>3880302</v>
      </c>
      <c r="NL23" s="296">
        <v>3880302</v>
      </c>
      <c r="NM23" s="129">
        <v>0</v>
      </c>
      <c r="NN23" s="109">
        <v>0</v>
      </c>
      <c r="NO23" s="110">
        <v>0</v>
      </c>
      <c r="NP23" s="510">
        <v>0</v>
      </c>
      <c r="NQ23" s="109">
        <v>0</v>
      </c>
      <c r="NR23" s="109">
        <v>0</v>
      </c>
      <c r="NS23" s="109">
        <v>0</v>
      </c>
      <c r="NT23" s="109">
        <v>0</v>
      </c>
      <c r="NU23" s="109">
        <v>202001</v>
      </c>
      <c r="NV23" s="110">
        <v>202001</v>
      </c>
      <c r="NW23" s="111">
        <v>202001</v>
      </c>
      <c r="NX23" s="129">
        <v>0</v>
      </c>
      <c r="NY23" s="109">
        <v>0</v>
      </c>
      <c r="NZ23" s="110">
        <v>0</v>
      </c>
      <c r="OA23" s="510">
        <v>0</v>
      </c>
      <c r="OB23" s="109">
        <v>0</v>
      </c>
      <c r="OC23" s="109">
        <v>0</v>
      </c>
      <c r="OD23" s="109">
        <v>0</v>
      </c>
      <c r="OE23" s="109">
        <v>0</v>
      </c>
      <c r="OF23" s="109">
        <v>337443</v>
      </c>
      <c r="OG23" s="110">
        <v>337443</v>
      </c>
      <c r="OH23" s="111">
        <v>337443</v>
      </c>
      <c r="OI23" s="129">
        <v>362633</v>
      </c>
      <c r="OJ23" s="109">
        <v>890123</v>
      </c>
      <c r="OK23" s="128">
        <v>1252756</v>
      </c>
      <c r="OL23" s="108">
        <v>0</v>
      </c>
      <c r="OM23" s="109">
        <v>7554791</v>
      </c>
      <c r="ON23" s="109">
        <v>9866727</v>
      </c>
      <c r="OO23" s="109">
        <v>11820375</v>
      </c>
      <c r="OP23" s="109">
        <v>14007096</v>
      </c>
      <c r="OQ23" s="109">
        <v>10388118</v>
      </c>
      <c r="OR23" s="110">
        <v>53637107</v>
      </c>
      <c r="OS23" s="130">
        <v>54889863</v>
      </c>
    </row>
    <row r="24" spans="2:409" ht="21" customHeight="1" x14ac:dyDescent="0.2">
      <c r="B24" s="468" t="s">
        <v>19</v>
      </c>
      <c r="C24" s="100">
        <v>211253</v>
      </c>
      <c r="D24" s="104">
        <v>360935</v>
      </c>
      <c r="E24" s="103">
        <v>572188</v>
      </c>
      <c r="F24" s="99">
        <v>0</v>
      </c>
      <c r="G24" s="104">
        <v>3086752</v>
      </c>
      <c r="H24" s="104">
        <v>3130721</v>
      </c>
      <c r="I24" s="104">
        <v>3195617</v>
      </c>
      <c r="J24" s="104">
        <v>1575450</v>
      </c>
      <c r="K24" s="104">
        <v>1178366</v>
      </c>
      <c r="L24" s="99">
        <v>12166906</v>
      </c>
      <c r="M24" s="106">
        <v>12739094</v>
      </c>
      <c r="N24" s="100">
        <v>98099</v>
      </c>
      <c r="O24" s="104">
        <v>102880</v>
      </c>
      <c r="P24" s="103">
        <v>200979</v>
      </c>
      <c r="Q24" s="100">
        <v>0</v>
      </c>
      <c r="R24" s="104">
        <v>1045466</v>
      </c>
      <c r="S24" s="104">
        <v>848517</v>
      </c>
      <c r="T24" s="104">
        <v>943476</v>
      </c>
      <c r="U24" s="104">
        <v>381702</v>
      </c>
      <c r="V24" s="104">
        <v>161225</v>
      </c>
      <c r="W24" s="103">
        <v>3380386</v>
      </c>
      <c r="X24" s="106">
        <v>3581365</v>
      </c>
      <c r="Y24" s="100">
        <v>0</v>
      </c>
      <c r="Z24" s="104">
        <v>0</v>
      </c>
      <c r="AA24" s="103">
        <v>0</v>
      </c>
      <c r="AB24" s="100">
        <v>0</v>
      </c>
      <c r="AC24" s="104">
        <v>229959</v>
      </c>
      <c r="AD24" s="104">
        <v>309306</v>
      </c>
      <c r="AE24" s="104">
        <v>519756</v>
      </c>
      <c r="AF24" s="104">
        <v>46877</v>
      </c>
      <c r="AG24" s="104">
        <v>10714</v>
      </c>
      <c r="AH24" s="103">
        <v>1116612</v>
      </c>
      <c r="AI24" s="106">
        <v>1116612</v>
      </c>
      <c r="AJ24" s="100">
        <v>0</v>
      </c>
      <c r="AK24" s="104">
        <v>0</v>
      </c>
      <c r="AL24" s="103">
        <v>0</v>
      </c>
      <c r="AM24" s="100">
        <v>0</v>
      </c>
      <c r="AN24" s="104">
        <v>0</v>
      </c>
      <c r="AO24" s="104">
        <v>0</v>
      </c>
      <c r="AP24" s="104">
        <v>41452</v>
      </c>
      <c r="AQ24" s="104">
        <v>19926</v>
      </c>
      <c r="AR24" s="104">
        <v>52094</v>
      </c>
      <c r="AS24" s="103">
        <v>113472</v>
      </c>
      <c r="AT24" s="106">
        <v>113472</v>
      </c>
      <c r="AU24" s="100">
        <v>62301</v>
      </c>
      <c r="AV24" s="104">
        <v>92695</v>
      </c>
      <c r="AW24" s="103">
        <v>154996</v>
      </c>
      <c r="AX24" s="100">
        <v>0</v>
      </c>
      <c r="AY24" s="104">
        <v>615512</v>
      </c>
      <c r="AZ24" s="104">
        <v>370273</v>
      </c>
      <c r="BA24" s="104">
        <v>236220</v>
      </c>
      <c r="BB24" s="104">
        <v>145851</v>
      </c>
      <c r="BC24" s="104">
        <v>37853</v>
      </c>
      <c r="BD24" s="103">
        <v>1405709</v>
      </c>
      <c r="BE24" s="106">
        <v>1560705</v>
      </c>
      <c r="BF24" s="100">
        <v>0</v>
      </c>
      <c r="BG24" s="104">
        <v>0</v>
      </c>
      <c r="BH24" s="102">
        <v>0</v>
      </c>
      <c r="BI24" s="101">
        <v>0</v>
      </c>
      <c r="BJ24" s="104">
        <v>82829</v>
      </c>
      <c r="BK24" s="104">
        <v>0</v>
      </c>
      <c r="BL24" s="104">
        <v>0</v>
      </c>
      <c r="BM24" s="104">
        <v>48389</v>
      </c>
      <c r="BN24" s="104">
        <v>0</v>
      </c>
      <c r="BO24" s="103">
        <v>131218</v>
      </c>
      <c r="BP24" s="106">
        <v>131218</v>
      </c>
      <c r="BQ24" s="100">
        <v>35798</v>
      </c>
      <c r="BR24" s="104">
        <v>10185</v>
      </c>
      <c r="BS24" s="103">
        <v>45983</v>
      </c>
      <c r="BT24" s="100">
        <v>0</v>
      </c>
      <c r="BU24" s="104">
        <v>117166</v>
      </c>
      <c r="BV24" s="104">
        <v>168938</v>
      </c>
      <c r="BW24" s="104">
        <v>146048</v>
      </c>
      <c r="BX24" s="104">
        <v>120659</v>
      </c>
      <c r="BY24" s="104">
        <v>60564</v>
      </c>
      <c r="BZ24" s="103">
        <v>613375</v>
      </c>
      <c r="CA24" s="106">
        <v>659358</v>
      </c>
      <c r="CB24" s="100">
        <v>18816</v>
      </c>
      <c r="CC24" s="104">
        <v>70710</v>
      </c>
      <c r="CD24" s="103">
        <v>89526</v>
      </c>
      <c r="CE24" s="100">
        <v>0</v>
      </c>
      <c r="CF24" s="104">
        <v>1148383</v>
      </c>
      <c r="CG24" s="104">
        <v>954684</v>
      </c>
      <c r="CH24" s="104">
        <v>666352</v>
      </c>
      <c r="CI24" s="104">
        <v>211307</v>
      </c>
      <c r="CJ24" s="104">
        <v>407799</v>
      </c>
      <c r="CK24" s="103">
        <v>3388525</v>
      </c>
      <c r="CL24" s="106">
        <v>3478051</v>
      </c>
      <c r="CM24" s="100">
        <v>0</v>
      </c>
      <c r="CN24" s="104">
        <v>0</v>
      </c>
      <c r="CO24" s="103">
        <v>0</v>
      </c>
      <c r="CP24" s="101">
        <v>0</v>
      </c>
      <c r="CQ24" s="104">
        <v>641967</v>
      </c>
      <c r="CR24" s="104">
        <v>711241</v>
      </c>
      <c r="CS24" s="104">
        <v>378260</v>
      </c>
      <c r="CT24" s="104">
        <v>27613</v>
      </c>
      <c r="CU24" s="104">
        <v>306780</v>
      </c>
      <c r="CV24" s="103">
        <v>2065861</v>
      </c>
      <c r="CW24" s="106">
        <v>2065861</v>
      </c>
      <c r="CX24" s="100">
        <v>18816</v>
      </c>
      <c r="CY24" s="104">
        <v>70710</v>
      </c>
      <c r="CZ24" s="103">
        <v>89526</v>
      </c>
      <c r="DA24" s="100">
        <v>0</v>
      </c>
      <c r="DB24" s="104">
        <v>506416</v>
      </c>
      <c r="DC24" s="104">
        <v>243443</v>
      </c>
      <c r="DD24" s="104">
        <v>288092</v>
      </c>
      <c r="DE24" s="104">
        <v>183694</v>
      </c>
      <c r="DF24" s="104">
        <v>101019</v>
      </c>
      <c r="DG24" s="103">
        <v>1322664</v>
      </c>
      <c r="DH24" s="106">
        <v>1412190</v>
      </c>
      <c r="DI24" s="100">
        <v>0</v>
      </c>
      <c r="DJ24" s="104">
        <v>16262</v>
      </c>
      <c r="DK24" s="102">
        <v>16262</v>
      </c>
      <c r="DL24" s="101">
        <v>0</v>
      </c>
      <c r="DM24" s="104">
        <v>69455</v>
      </c>
      <c r="DN24" s="104">
        <v>20500</v>
      </c>
      <c r="DO24" s="104">
        <v>351465</v>
      </c>
      <c r="DP24" s="104">
        <v>98408</v>
      </c>
      <c r="DQ24" s="104">
        <v>69894</v>
      </c>
      <c r="DR24" s="103">
        <v>609722</v>
      </c>
      <c r="DS24" s="106">
        <v>625984</v>
      </c>
      <c r="DT24" s="100">
        <v>0</v>
      </c>
      <c r="DU24" s="104">
        <v>16262</v>
      </c>
      <c r="DV24" s="103">
        <v>16262</v>
      </c>
      <c r="DW24" s="100">
        <v>0</v>
      </c>
      <c r="DX24" s="104">
        <v>69455</v>
      </c>
      <c r="DY24" s="104">
        <v>20500</v>
      </c>
      <c r="DZ24" s="104">
        <v>267423</v>
      </c>
      <c r="EA24" s="104">
        <v>0</v>
      </c>
      <c r="EB24" s="104">
        <v>0</v>
      </c>
      <c r="EC24" s="103">
        <v>357378</v>
      </c>
      <c r="ED24" s="106">
        <v>373640</v>
      </c>
      <c r="EE24" s="100">
        <v>0</v>
      </c>
      <c r="EF24" s="102">
        <v>0</v>
      </c>
      <c r="EG24" s="103">
        <v>0</v>
      </c>
      <c r="EH24" s="100">
        <v>0</v>
      </c>
      <c r="EI24" s="104">
        <v>0</v>
      </c>
      <c r="EJ24" s="104">
        <v>0</v>
      </c>
      <c r="EK24" s="104">
        <v>84042</v>
      </c>
      <c r="EL24" s="104">
        <v>98408</v>
      </c>
      <c r="EM24" s="104">
        <v>69894</v>
      </c>
      <c r="EN24" s="102">
        <v>252344</v>
      </c>
      <c r="EO24" s="106">
        <v>252344</v>
      </c>
      <c r="EP24" s="100">
        <v>0</v>
      </c>
      <c r="EQ24" s="104">
        <v>0</v>
      </c>
      <c r="ER24" s="102">
        <v>0</v>
      </c>
      <c r="ES24" s="101">
        <v>0</v>
      </c>
      <c r="ET24" s="104">
        <v>0</v>
      </c>
      <c r="EU24" s="104">
        <v>0</v>
      </c>
      <c r="EV24" s="104">
        <v>0</v>
      </c>
      <c r="EW24" s="104">
        <v>0</v>
      </c>
      <c r="EX24" s="104">
        <v>0</v>
      </c>
      <c r="EY24" s="103">
        <v>0</v>
      </c>
      <c r="EZ24" s="106">
        <v>0</v>
      </c>
      <c r="FA24" s="100">
        <v>0</v>
      </c>
      <c r="FB24" s="104">
        <v>0</v>
      </c>
      <c r="FC24" s="102">
        <v>0</v>
      </c>
      <c r="FD24" s="498">
        <v>0</v>
      </c>
      <c r="FE24" s="104">
        <v>0</v>
      </c>
      <c r="FF24" s="104">
        <v>0</v>
      </c>
      <c r="FG24" s="104">
        <v>0</v>
      </c>
      <c r="FH24" s="104">
        <v>0</v>
      </c>
      <c r="FI24" s="104">
        <v>0</v>
      </c>
      <c r="FJ24" s="103">
        <v>0</v>
      </c>
      <c r="FK24" s="106">
        <v>0</v>
      </c>
      <c r="FL24" s="100">
        <v>48440</v>
      </c>
      <c r="FM24" s="104">
        <v>90370</v>
      </c>
      <c r="FN24" s="103">
        <v>138810</v>
      </c>
      <c r="FO24" s="100">
        <v>0</v>
      </c>
      <c r="FP24" s="104">
        <v>139783</v>
      </c>
      <c r="FQ24" s="104">
        <v>241122</v>
      </c>
      <c r="FR24" s="104">
        <v>384195</v>
      </c>
      <c r="FS24" s="104">
        <v>139370</v>
      </c>
      <c r="FT24" s="104">
        <v>136906</v>
      </c>
      <c r="FU24" s="103">
        <v>1041376</v>
      </c>
      <c r="FV24" s="106">
        <v>1180186</v>
      </c>
      <c r="FW24" s="105">
        <v>32270</v>
      </c>
      <c r="FX24" s="104">
        <v>65730</v>
      </c>
      <c r="FY24" s="102">
        <v>98000</v>
      </c>
      <c r="FZ24" s="101">
        <v>0</v>
      </c>
      <c r="GA24" s="104">
        <v>139783</v>
      </c>
      <c r="GB24" s="104">
        <v>241122</v>
      </c>
      <c r="GC24" s="104">
        <v>244195</v>
      </c>
      <c r="GD24" s="104">
        <v>139370</v>
      </c>
      <c r="GE24" s="104">
        <v>101486</v>
      </c>
      <c r="GF24" s="103">
        <v>865956</v>
      </c>
      <c r="GG24" s="294">
        <v>963956</v>
      </c>
      <c r="GH24" s="105">
        <v>16170</v>
      </c>
      <c r="GI24" s="104">
        <v>24640</v>
      </c>
      <c r="GJ24" s="102">
        <v>40810</v>
      </c>
      <c r="GK24" s="101">
        <v>0</v>
      </c>
      <c r="GL24" s="104">
        <v>0</v>
      </c>
      <c r="GM24" s="104">
        <v>0</v>
      </c>
      <c r="GN24" s="104">
        <v>0</v>
      </c>
      <c r="GO24" s="104">
        <v>0</v>
      </c>
      <c r="GP24" s="104">
        <v>0</v>
      </c>
      <c r="GQ24" s="103">
        <v>0</v>
      </c>
      <c r="GR24" s="106">
        <v>40810</v>
      </c>
      <c r="GS24" s="100">
        <v>0</v>
      </c>
      <c r="GT24" s="104">
        <v>0</v>
      </c>
      <c r="GU24" s="103">
        <v>0</v>
      </c>
      <c r="GV24" s="100">
        <v>0</v>
      </c>
      <c r="GW24" s="104">
        <v>0</v>
      </c>
      <c r="GX24" s="104">
        <v>0</v>
      </c>
      <c r="GY24" s="104">
        <v>140000</v>
      </c>
      <c r="GZ24" s="104">
        <v>0</v>
      </c>
      <c r="HA24" s="104">
        <v>35420</v>
      </c>
      <c r="HB24" s="102">
        <v>175420</v>
      </c>
      <c r="HC24" s="106">
        <v>175420</v>
      </c>
      <c r="HD24" s="100">
        <v>45898</v>
      </c>
      <c r="HE24" s="104">
        <v>80713</v>
      </c>
      <c r="HF24" s="102">
        <v>126611</v>
      </c>
      <c r="HG24" s="101">
        <v>0</v>
      </c>
      <c r="HH24" s="104">
        <v>683665</v>
      </c>
      <c r="HI24" s="104">
        <v>1065898</v>
      </c>
      <c r="HJ24" s="104">
        <v>850129</v>
      </c>
      <c r="HK24" s="104">
        <v>744663</v>
      </c>
      <c r="HL24" s="104">
        <v>402542</v>
      </c>
      <c r="HM24" s="103">
        <v>3746897</v>
      </c>
      <c r="HN24" s="99">
        <v>3873508</v>
      </c>
      <c r="HO24" s="484">
        <v>0</v>
      </c>
      <c r="HP24" s="485">
        <v>0</v>
      </c>
      <c r="HQ24" s="486">
        <v>0</v>
      </c>
      <c r="HR24" s="487">
        <v>0</v>
      </c>
      <c r="HS24" s="485">
        <v>0</v>
      </c>
      <c r="HT24" s="485">
        <v>0</v>
      </c>
      <c r="HU24" s="485">
        <v>0</v>
      </c>
      <c r="HV24" s="485">
        <v>0</v>
      </c>
      <c r="HW24" s="485">
        <v>0</v>
      </c>
      <c r="HX24" s="488">
        <v>0</v>
      </c>
      <c r="HY24" s="489">
        <v>0</v>
      </c>
      <c r="HZ24" s="137">
        <v>0</v>
      </c>
      <c r="IA24" s="122">
        <v>0</v>
      </c>
      <c r="IB24" s="137">
        <v>0</v>
      </c>
      <c r="IC24" s="121">
        <v>0</v>
      </c>
      <c r="ID24" s="122">
        <v>480910</v>
      </c>
      <c r="IE24" s="123">
        <v>660173</v>
      </c>
      <c r="IF24" s="124">
        <v>483084</v>
      </c>
      <c r="IG24" s="122">
        <v>316240</v>
      </c>
      <c r="IH24" s="124">
        <v>749672</v>
      </c>
      <c r="II24" s="125">
        <v>2690079</v>
      </c>
      <c r="IJ24" s="137">
        <v>2690079</v>
      </c>
      <c r="IK24" s="219">
        <v>0</v>
      </c>
      <c r="IL24" s="223">
        <v>0</v>
      </c>
      <c r="IM24" s="224">
        <v>0</v>
      </c>
      <c r="IN24" s="127">
        <v>0</v>
      </c>
      <c r="IO24" s="109">
        <v>0</v>
      </c>
      <c r="IP24" s="109">
        <v>182732</v>
      </c>
      <c r="IQ24" s="109">
        <v>0</v>
      </c>
      <c r="IR24" s="109">
        <v>178209</v>
      </c>
      <c r="IS24" s="109">
        <v>206993</v>
      </c>
      <c r="IT24" s="128">
        <v>567934</v>
      </c>
      <c r="IU24" s="296">
        <v>567934</v>
      </c>
      <c r="IV24" s="129">
        <v>0</v>
      </c>
      <c r="IW24" s="109">
        <v>0</v>
      </c>
      <c r="IX24" s="110">
        <v>0</v>
      </c>
      <c r="IY24" s="502">
        <v>0</v>
      </c>
      <c r="IZ24" s="109">
        <v>0</v>
      </c>
      <c r="JA24" s="109">
        <v>0</v>
      </c>
      <c r="JB24" s="109">
        <v>0</v>
      </c>
      <c r="JC24" s="109">
        <v>14028</v>
      </c>
      <c r="JD24" s="109">
        <v>0</v>
      </c>
      <c r="JE24" s="110">
        <v>14028</v>
      </c>
      <c r="JF24" s="111">
        <v>14028</v>
      </c>
      <c r="JG24" s="129">
        <v>0</v>
      </c>
      <c r="JH24" s="109">
        <v>0</v>
      </c>
      <c r="JI24" s="128">
        <v>0</v>
      </c>
      <c r="JJ24" s="108">
        <v>0</v>
      </c>
      <c r="JK24" s="109">
        <v>263898</v>
      </c>
      <c r="JL24" s="109">
        <v>364186</v>
      </c>
      <c r="JM24" s="109">
        <v>58101</v>
      </c>
      <c r="JN24" s="109">
        <v>124003</v>
      </c>
      <c r="JO24" s="109">
        <v>0</v>
      </c>
      <c r="JP24" s="110">
        <v>810188</v>
      </c>
      <c r="JQ24" s="296">
        <v>810188</v>
      </c>
      <c r="JR24" s="129">
        <v>0</v>
      </c>
      <c r="JS24" s="109">
        <v>0</v>
      </c>
      <c r="JT24" s="128">
        <v>0</v>
      </c>
      <c r="JU24" s="108">
        <v>0</v>
      </c>
      <c r="JV24" s="109">
        <v>53052</v>
      </c>
      <c r="JW24" s="109">
        <v>113255</v>
      </c>
      <c r="JX24" s="109">
        <v>0</v>
      </c>
      <c r="JY24" s="109">
        <v>0</v>
      </c>
      <c r="JZ24" s="109">
        <v>0</v>
      </c>
      <c r="KA24" s="110">
        <v>166307</v>
      </c>
      <c r="KB24" s="296">
        <v>166307</v>
      </c>
      <c r="KC24" s="221">
        <v>0</v>
      </c>
      <c r="KD24" s="217">
        <v>0</v>
      </c>
      <c r="KE24" s="110">
        <v>0</v>
      </c>
      <c r="KF24" s="108">
        <v>0</v>
      </c>
      <c r="KG24" s="109">
        <v>163960</v>
      </c>
      <c r="KH24" s="109">
        <v>0</v>
      </c>
      <c r="KI24" s="109">
        <v>424983</v>
      </c>
      <c r="KJ24" s="109">
        <v>0</v>
      </c>
      <c r="KK24" s="109">
        <v>0</v>
      </c>
      <c r="KL24" s="110">
        <v>588943</v>
      </c>
      <c r="KM24" s="130">
        <v>588943</v>
      </c>
      <c r="KN24" s="219">
        <v>0</v>
      </c>
      <c r="KO24" s="223">
        <v>0</v>
      </c>
      <c r="KP24" s="224">
        <v>0</v>
      </c>
      <c r="KQ24" s="506">
        <v>0</v>
      </c>
      <c r="KR24" s="109">
        <v>0</v>
      </c>
      <c r="KS24" s="109">
        <v>0</v>
      </c>
      <c r="KT24" s="109">
        <v>0</v>
      </c>
      <c r="KU24" s="109">
        <v>0</v>
      </c>
      <c r="KV24" s="109">
        <v>219734</v>
      </c>
      <c r="KW24" s="110">
        <v>219734</v>
      </c>
      <c r="KX24" s="296">
        <v>219734</v>
      </c>
      <c r="KY24" s="129">
        <v>0</v>
      </c>
      <c r="KZ24" s="109">
        <v>0</v>
      </c>
      <c r="LA24" s="110">
        <v>0</v>
      </c>
      <c r="LB24" s="510">
        <v>0</v>
      </c>
      <c r="LC24" s="109">
        <v>0</v>
      </c>
      <c r="LD24" s="109">
        <v>0</v>
      </c>
      <c r="LE24" s="109">
        <v>0</v>
      </c>
      <c r="LF24" s="109">
        <v>0</v>
      </c>
      <c r="LG24" s="109">
        <v>0</v>
      </c>
      <c r="LH24" s="110">
        <v>0</v>
      </c>
      <c r="LI24" s="111">
        <v>0</v>
      </c>
      <c r="LJ24" s="129">
        <v>0</v>
      </c>
      <c r="LK24" s="109">
        <v>0</v>
      </c>
      <c r="LL24" s="110">
        <v>0</v>
      </c>
      <c r="LM24" s="510">
        <v>0</v>
      </c>
      <c r="LN24" s="109">
        <v>0</v>
      </c>
      <c r="LO24" s="109">
        <v>0</v>
      </c>
      <c r="LP24" s="109">
        <v>0</v>
      </c>
      <c r="LQ24" s="109">
        <v>0</v>
      </c>
      <c r="LR24" s="109">
        <v>0</v>
      </c>
      <c r="LS24" s="110">
        <v>0</v>
      </c>
      <c r="LT24" s="296">
        <v>0</v>
      </c>
      <c r="LU24" s="129">
        <v>0</v>
      </c>
      <c r="LV24" s="109">
        <v>0</v>
      </c>
      <c r="LW24" s="110">
        <v>0</v>
      </c>
      <c r="LX24" s="510">
        <v>0</v>
      </c>
      <c r="LY24" s="109">
        <v>0</v>
      </c>
      <c r="LZ24" s="109">
        <v>0</v>
      </c>
      <c r="MA24" s="109">
        <v>0</v>
      </c>
      <c r="MB24" s="109">
        <v>0</v>
      </c>
      <c r="MC24" s="109">
        <v>322945</v>
      </c>
      <c r="MD24" s="110">
        <v>322945</v>
      </c>
      <c r="ME24" s="111">
        <v>322945</v>
      </c>
      <c r="MF24" s="129">
        <v>0</v>
      </c>
      <c r="MG24" s="109">
        <v>0</v>
      </c>
      <c r="MH24" s="110">
        <v>0</v>
      </c>
      <c r="MI24" s="510">
        <v>0</v>
      </c>
      <c r="MJ24" s="109">
        <v>0</v>
      </c>
      <c r="MK24" s="109">
        <v>807460</v>
      </c>
      <c r="ML24" s="109">
        <v>839241</v>
      </c>
      <c r="MM24" s="109">
        <v>757648</v>
      </c>
      <c r="MN24" s="109">
        <v>1066098</v>
      </c>
      <c r="MO24" s="110">
        <v>3470447</v>
      </c>
      <c r="MP24" s="130">
        <v>3470447</v>
      </c>
      <c r="MQ24" s="129">
        <v>0</v>
      </c>
      <c r="MR24" s="109">
        <v>0</v>
      </c>
      <c r="MS24" s="110">
        <v>0</v>
      </c>
      <c r="MT24" s="510">
        <v>0</v>
      </c>
      <c r="MU24" s="109">
        <v>0</v>
      </c>
      <c r="MV24" s="109">
        <v>0</v>
      </c>
      <c r="MW24" s="109">
        <v>395104</v>
      </c>
      <c r="MX24" s="109">
        <v>428731</v>
      </c>
      <c r="MY24" s="109">
        <v>723035</v>
      </c>
      <c r="MZ24" s="110">
        <v>1546870</v>
      </c>
      <c r="NA24" s="130">
        <v>1546870</v>
      </c>
      <c r="NB24" s="129">
        <v>0</v>
      </c>
      <c r="NC24" s="109">
        <v>0</v>
      </c>
      <c r="ND24" s="110">
        <v>0</v>
      </c>
      <c r="NE24" s="510">
        <v>0</v>
      </c>
      <c r="NF24" s="109">
        <v>0</v>
      </c>
      <c r="NG24" s="109">
        <v>807460</v>
      </c>
      <c r="NH24" s="109">
        <v>444137</v>
      </c>
      <c r="NI24" s="109">
        <v>328917</v>
      </c>
      <c r="NJ24" s="109">
        <v>0</v>
      </c>
      <c r="NK24" s="110">
        <v>1580514</v>
      </c>
      <c r="NL24" s="296">
        <v>1580514</v>
      </c>
      <c r="NM24" s="129">
        <v>0</v>
      </c>
      <c r="NN24" s="109">
        <v>0</v>
      </c>
      <c r="NO24" s="110">
        <v>0</v>
      </c>
      <c r="NP24" s="510">
        <v>0</v>
      </c>
      <c r="NQ24" s="109">
        <v>0</v>
      </c>
      <c r="NR24" s="109">
        <v>0</v>
      </c>
      <c r="NS24" s="109">
        <v>0</v>
      </c>
      <c r="NT24" s="109">
        <v>0</v>
      </c>
      <c r="NU24" s="109">
        <v>0</v>
      </c>
      <c r="NV24" s="110">
        <v>0</v>
      </c>
      <c r="NW24" s="111">
        <v>0</v>
      </c>
      <c r="NX24" s="129">
        <v>0</v>
      </c>
      <c r="NY24" s="109">
        <v>0</v>
      </c>
      <c r="NZ24" s="110">
        <v>0</v>
      </c>
      <c r="OA24" s="510">
        <v>0</v>
      </c>
      <c r="OB24" s="109">
        <v>0</v>
      </c>
      <c r="OC24" s="109">
        <v>0</v>
      </c>
      <c r="OD24" s="109">
        <v>0</v>
      </c>
      <c r="OE24" s="109">
        <v>0</v>
      </c>
      <c r="OF24" s="109">
        <v>343063</v>
      </c>
      <c r="OG24" s="110">
        <v>343063</v>
      </c>
      <c r="OH24" s="111">
        <v>343063</v>
      </c>
      <c r="OI24" s="129">
        <v>211253</v>
      </c>
      <c r="OJ24" s="109">
        <v>360935</v>
      </c>
      <c r="OK24" s="128">
        <v>572188</v>
      </c>
      <c r="OL24" s="108">
        <v>0</v>
      </c>
      <c r="OM24" s="109">
        <v>3567662</v>
      </c>
      <c r="ON24" s="109">
        <v>4598354</v>
      </c>
      <c r="OO24" s="109">
        <v>4517942</v>
      </c>
      <c r="OP24" s="109">
        <v>2649338</v>
      </c>
      <c r="OQ24" s="109">
        <v>2994136</v>
      </c>
      <c r="OR24" s="110">
        <v>18327432</v>
      </c>
      <c r="OS24" s="130">
        <v>18899620</v>
      </c>
    </row>
    <row r="25" spans="2:409" ht="21" customHeight="1" x14ac:dyDescent="0.2">
      <c r="B25" s="468" t="s">
        <v>20</v>
      </c>
      <c r="C25" s="100">
        <v>215688</v>
      </c>
      <c r="D25" s="104">
        <v>421831</v>
      </c>
      <c r="E25" s="103">
        <v>637519</v>
      </c>
      <c r="F25" s="100">
        <v>0</v>
      </c>
      <c r="G25" s="104">
        <v>3065021</v>
      </c>
      <c r="H25" s="104">
        <v>4225079</v>
      </c>
      <c r="I25" s="104">
        <v>3288584</v>
      </c>
      <c r="J25" s="104">
        <v>3140326</v>
      </c>
      <c r="K25" s="104">
        <v>2488894</v>
      </c>
      <c r="L25" s="160">
        <v>16207904</v>
      </c>
      <c r="M25" s="106">
        <v>16845423</v>
      </c>
      <c r="N25" s="100">
        <v>80311</v>
      </c>
      <c r="O25" s="104">
        <v>145110</v>
      </c>
      <c r="P25" s="103">
        <v>225421</v>
      </c>
      <c r="Q25" s="100">
        <v>0</v>
      </c>
      <c r="R25" s="104">
        <v>1282120</v>
      </c>
      <c r="S25" s="104">
        <v>1283226</v>
      </c>
      <c r="T25" s="104">
        <v>740503</v>
      </c>
      <c r="U25" s="104">
        <v>1265428</v>
      </c>
      <c r="V25" s="104">
        <v>1029155</v>
      </c>
      <c r="W25" s="103">
        <v>5600432</v>
      </c>
      <c r="X25" s="106">
        <v>5825853</v>
      </c>
      <c r="Y25" s="100">
        <v>0</v>
      </c>
      <c r="Z25" s="104">
        <v>0</v>
      </c>
      <c r="AA25" s="103">
        <v>0</v>
      </c>
      <c r="AB25" s="100">
        <v>0</v>
      </c>
      <c r="AC25" s="104">
        <v>314672</v>
      </c>
      <c r="AD25" s="104">
        <v>607654</v>
      </c>
      <c r="AE25" s="104">
        <v>276934</v>
      </c>
      <c r="AF25" s="104">
        <v>626131</v>
      </c>
      <c r="AG25" s="104">
        <v>661490</v>
      </c>
      <c r="AH25" s="103">
        <v>2486881</v>
      </c>
      <c r="AI25" s="106">
        <v>2486881</v>
      </c>
      <c r="AJ25" s="100">
        <v>0</v>
      </c>
      <c r="AK25" s="104">
        <v>0</v>
      </c>
      <c r="AL25" s="103">
        <v>0</v>
      </c>
      <c r="AM25" s="100">
        <v>0</v>
      </c>
      <c r="AN25" s="104">
        <v>82913</v>
      </c>
      <c r="AO25" s="104">
        <v>0</v>
      </c>
      <c r="AP25" s="104">
        <v>0</v>
      </c>
      <c r="AQ25" s="104">
        <v>134731</v>
      </c>
      <c r="AR25" s="104">
        <v>131149</v>
      </c>
      <c r="AS25" s="103">
        <v>348793</v>
      </c>
      <c r="AT25" s="106">
        <v>348793</v>
      </c>
      <c r="AU25" s="100">
        <v>42490</v>
      </c>
      <c r="AV25" s="104">
        <v>87645</v>
      </c>
      <c r="AW25" s="103">
        <v>130135</v>
      </c>
      <c r="AX25" s="100">
        <v>0</v>
      </c>
      <c r="AY25" s="104">
        <v>662351</v>
      </c>
      <c r="AZ25" s="104">
        <v>422073</v>
      </c>
      <c r="BA25" s="104">
        <v>177968</v>
      </c>
      <c r="BB25" s="104">
        <v>316558</v>
      </c>
      <c r="BC25" s="104">
        <v>87876</v>
      </c>
      <c r="BD25" s="103">
        <v>1666826</v>
      </c>
      <c r="BE25" s="106">
        <v>1796961</v>
      </c>
      <c r="BF25" s="100">
        <v>0</v>
      </c>
      <c r="BG25" s="104">
        <v>55379</v>
      </c>
      <c r="BH25" s="102">
        <v>55379</v>
      </c>
      <c r="BI25" s="101">
        <v>0</v>
      </c>
      <c r="BJ25" s="104">
        <v>109925</v>
      </c>
      <c r="BK25" s="104">
        <v>59739</v>
      </c>
      <c r="BL25" s="104">
        <v>152475</v>
      </c>
      <c r="BM25" s="104">
        <v>75371</v>
      </c>
      <c r="BN25" s="104">
        <v>16207</v>
      </c>
      <c r="BO25" s="103">
        <v>413717</v>
      </c>
      <c r="BP25" s="106">
        <v>469096</v>
      </c>
      <c r="BQ25" s="100">
        <v>37821</v>
      </c>
      <c r="BR25" s="104">
        <v>2086</v>
      </c>
      <c r="BS25" s="103">
        <v>39907</v>
      </c>
      <c r="BT25" s="100">
        <v>0</v>
      </c>
      <c r="BU25" s="104">
        <v>112259</v>
      </c>
      <c r="BV25" s="104">
        <v>193760</v>
      </c>
      <c r="BW25" s="104">
        <v>133126</v>
      </c>
      <c r="BX25" s="104">
        <v>112637</v>
      </c>
      <c r="BY25" s="104">
        <v>132433</v>
      </c>
      <c r="BZ25" s="103">
        <v>684215</v>
      </c>
      <c r="CA25" s="106">
        <v>724122</v>
      </c>
      <c r="CB25" s="100">
        <v>0</v>
      </c>
      <c r="CC25" s="104">
        <v>103800</v>
      </c>
      <c r="CD25" s="103">
        <v>103800</v>
      </c>
      <c r="CE25" s="100">
        <v>0</v>
      </c>
      <c r="CF25" s="104">
        <v>830909</v>
      </c>
      <c r="CG25" s="104">
        <v>1490867</v>
      </c>
      <c r="CH25" s="104">
        <v>1053430</v>
      </c>
      <c r="CI25" s="104">
        <v>748671</v>
      </c>
      <c r="CJ25" s="104">
        <v>442464</v>
      </c>
      <c r="CK25" s="103">
        <v>4566341</v>
      </c>
      <c r="CL25" s="106">
        <v>4670141</v>
      </c>
      <c r="CM25" s="100">
        <v>0</v>
      </c>
      <c r="CN25" s="104">
        <v>0</v>
      </c>
      <c r="CO25" s="103">
        <v>0</v>
      </c>
      <c r="CP25" s="101">
        <v>0</v>
      </c>
      <c r="CQ25" s="104">
        <v>744565</v>
      </c>
      <c r="CR25" s="104">
        <v>863183</v>
      </c>
      <c r="CS25" s="104">
        <v>864278</v>
      </c>
      <c r="CT25" s="104">
        <v>639271</v>
      </c>
      <c r="CU25" s="104">
        <v>282458</v>
      </c>
      <c r="CV25" s="103">
        <v>3393755</v>
      </c>
      <c r="CW25" s="106">
        <v>3393755</v>
      </c>
      <c r="CX25" s="100">
        <v>0</v>
      </c>
      <c r="CY25" s="104">
        <v>103800</v>
      </c>
      <c r="CZ25" s="103">
        <v>103800</v>
      </c>
      <c r="DA25" s="100">
        <v>0</v>
      </c>
      <c r="DB25" s="104">
        <v>86344</v>
      </c>
      <c r="DC25" s="104">
        <v>627684</v>
      </c>
      <c r="DD25" s="104">
        <v>189152</v>
      </c>
      <c r="DE25" s="104">
        <v>109400</v>
      </c>
      <c r="DF25" s="104">
        <v>160006</v>
      </c>
      <c r="DG25" s="103">
        <v>1172586</v>
      </c>
      <c r="DH25" s="106">
        <v>1276386</v>
      </c>
      <c r="DI25" s="100">
        <v>0</v>
      </c>
      <c r="DJ25" s="104">
        <v>0</v>
      </c>
      <c r="DK25" s="102">
        <v>0</v>
      </c>
      <c r="DL25" s="101">
        <v>0</v>
      </c>
      <c r="DM25" s="104">
        <v>226720</v>
      </c>
      <c r="DN25" s="104">
        <v>223311</v>
      </c>
      <c r="DO25" s="104">
        <v>725282</v>
      </c>
      <c r="DP25" s="104">
        <v>135194</v>
      </c>
      <c r="DQ25" s="104">
        <v>53435</v>
      </c>
      <c r="DR25" s="103">
        <v>1363942</v>
      </c>
      <c r="DS25" s="106">
        <v>1363942</v>
      </c>
      <c r="DT25" s="100">
        <v>0</v>
      </c>
      <c r="DU25" s="104">
        <v>0</v>
      </c>
      <c r="DV25" s="103">
        <v>0</v>
      </c>
      <c r="DW25" s="100">
        <v>0</v>
      </c>
      <c r="DX25" s="104">
        <v>219468</v>
      </c>
      <c r="DY25" s="104">
        <v>223311</v>
      </c>
      <c r="DZ25" s="104">
        <v>725282</v>
      </c>
      <c r="EA25" s="104">
        <v>135194</v>
      </c>
      <c r="EB25" s="104">
        <v>53435</v>
      </c>
      <c r="EC25" s="103">
        <v>1356690</v>
      </c>
      <c r="ED25" s="106">
        <v>1356690</v>
      </c>
      <c r="EE25" s="100">
        <v>0</v>
      </c>
      <c r="EF25" s="102">
        <v>0</v>
      </c>
      <c r="EG25" s="103">
        <v>0</v>
      </c>
      <c r="EH25" s="100">
        <v>0</v>
      </c>
      <c r="EI25" s="104">
        <v>7252</v>
      </c>
      <c r="EJ25" s="104">
        <v>0</v>
      </c>
      <c r="EK25" s="104">
        <v>0</v>
      </c>
      <c r="EL25" s="104">
        <v>0</v>
      </c>
      <c r="EM25" s="104">
        <v>0</v>
      </c>
      <c r="EN25" s="102">
        <v>7252</v>
      </c>
      <c r="EO25" s="106">
        <v>7252</v>
      </c>
      <c r="EP25" s="100">
        <v>0</v>
      </c>
      <c r="EQ25" s="104">
        <v>0</v>
      </c>
      <c r="ER25" s="102">
        <v>0</v>
      </c>
      <c r="ES25" s="101">
        <v>0</v>
      </c>
      <c r="ET25" s="104">
        <v>0</v>
      </c>
      <c r="EU25" s="104">
        <v>0</v>
      </c>
      <c r="EV25" s="104">
        <v>0</v>
      </c>
      <c r="EW25" s="104">
        <v>0</v>
      </c>
      <c r="EX25" s="104">
        <v>0</v>
      </c>
      <c r="EY25" s="103">
        <v>0</v>
      </c>
      <c r="EZ25" s="106">
        <v>0</v>
      </c>
      <c r="FA25" s="100">
        <v>0</v>
      </c>
      <c r="FB25" s="104">
        <v>0</v>
      </c>
      <c r="FC25" s="102">
        <v>0</v>
      </c>
      <c r="FD25" s="498">
        <v>0</v>
      </c>
      <c r="FE25" s="104">
        <v>0</v>
      </c>
      <c r="FF25" s="104">
        <v>0</v>
      </c>
      <c r="FG25" s="104">
        <v>0</v>
      </c>
      <c r="FH25" s="104">
        <v>0</v>
      </c>
      <c r="FI25" s="104">
        <v>0</v>
      </c>
      <c r="FJ25" s="103">
        <v>0</v>
      </c>
      <c r="FK25" s="106">
        <v>0</v>
      </c>
      <c r="FL25" s="100">
        <v>36197</v>
      </c>
      <c r="FM25" s="104">
        <v>96467</v>
      </c>
      <c r="FN25" s="103">
        <v>132664</v>
      </c>
      <c r="FO25" s="100">
        <v>0</v>
      </c>
      <c r="FP25" s="104">
        <v>179046</v>
      </c>
      <c r="FQ25" s="104">
        <v>410200</v>
      </c>
      <c r="FR25" s="104">
        <v>259091</v>
      </c>
      <c r="FS25" s="104">
        <v>236628</v>
      </c>
      <c r="FT25" s="104">
        <v>189252</v>
      </c>
      <c r="FU25" s="103">
        <v>1274217</v>
      </c>
      <c r="FV25" s="106">
        <v>1406881</v>
      </c>
      <c r="FW25" s="105">
        <v>36197</v>
      </c>
      <c r="FX25" s="104">
        <v>96467</v>
      </c>
      <c r="FY25" s="102">
        <v>132664</v>
      </c>
      <c r="FZ25" s="101">
        <v>0</v>
      </c>
      <c r="GA25" s="104">
        <v>179046</v>
      </c>
      <c r="GB25" s="104">
        <v>353885</v>
      </c>
      <c r="GC25" s="104">
        <v>259091</v>
      </c>
      <c r="GD25" s="104">
        <v>221228</v>
      </c>
      <c r="GE25" s="104">
        <v>189252</v>
      </c>
      <c r="GF25" s="103">
        <v>1202502</v>
      </c>
      <c r="GG25" s="294">
        <v>1335166</v>
      </c>
      <c r="GH25" s="105">
        <v>0</v>
      </c>
      <c r="GI25" s="104">
        <v>0</v>
      </c>
      <c r="GJ25" s="102">
        <v>0</v>
      </c>
      <c r="GK25" s="101">
        <v>0</v>
      </c>
      <c r="GL25" s="104">
        <v>0</v>
      </c>
      <c r="GM25" s="104">
        <v>56315</v>
      </c>
      <c r="GN25" s="104">
        <v>0</v>
      </c>
      <c r="GO25" s="104">
        <v>15400</v>
      </c>
      <c r="GP25" s="104">
        <v>0</v>
      </c>
      <c r="GQ25" s="103">
        <v>71715</v>
      </c>
      <c r="GR25" s="106">
        <v>71715</v>
      </c>
      <c r="GS25" s="100">
        <v>0</v>
      </c>
      <c r="GT25" s="104">
        <v>0</v>
      </c>
      <c r="GU25" s="103">
        <v>0</v>
      </c>
      <c r="GV25" s="100">
        <v>0</v>
      </c>
      <c r="GW25" s="104">
        <v>0</v>
      </c>
      <c r="GX25" s="104">
        <v>0</v>
      </c>
      <c r="GY25" s="104">
        <v>0</v>
      </c>
      <c r="GZ25" s="104">
        <v>0</v>
      </c>
      <c r="HA25" s="104">
        <v>0</v>
      </c>
      <c r="HB25" s="102">
        <v>0</v>
      </c>
      <c r="HC25" s="106">
        <v>0</v>
      </c>
      <c r="HD25" s="100">
        <v>99180</v>
      </c>
      <c r="HE25" s="104">
        <v>76454</v>
      </c>
      <c r="HF25" s="102">
        <v>175634</v>
      </c>
      <c r="HG25" s="101">
        <v>0</v>
      </c>
      <c r="HH25" s="104">
        <v>546226</v>
      </c>
      <c r="HI25" s="104">
        <v>817475</v>
      </c>
      <c r="HJ25" s="104">
        <v>510278</v>
      </c>
      <c r="HK25" s="104">
        <v>754405</v>
      </c>
      <c r="HL25" s="104">
        <v>774588</v>
      </c>
      <c r="HM25" s="103">
        <v>3402972</v>
      </c>
      <c r="HN25" s="99">
        <v>3578606</v>
      </c>
      <c r="HO25" s="484">
        <v>0</v>
      </c>
      <c r="HP25" s="485">
        <v>0</v>
      </c>
      <c r="HQ25" s="486">
        <v>0</v>
      </c>
      <c r="HR25" s="487">
        <v>0</v>
      </c>
      <c r="HS25" s="485">
        <v>0</v>
      </c>
      <c r="HT25" s="485">
        <v>0</v>
      </c>
      <c r="HU25" s="485">
        <v>0</v>
      </c>
      <c r="HV25" s="485">
        <v>0</v>
      </c>
      <c r="HW25" s="485">
        <v>0</v>
      </c>
      <c r="HX25" s="488">
        <v>0</v>
      </c>
      <c r="HY25" s="489">
        <v>0</v>
      </c>
      <c r="HZ25" s="118">
        <v>0</v>
      </c>
      <c r="IA25" s="119">
        <v>65135</v>
      </c>
      <c r="IB25" s="120">
        <v>65135</v>
      </c>
      <c r="IC25" s="133">
        <v>0</v>
      </c>
      <c r="ID25" s="119">
        <v>482327</v>
      </c>
      <c r="IE25" s="134">
        <v>959381</v>
      </c>
      <c r="IF25" s="120">
        <v>1147242</v>
      </c>
      <c r="IG25" s="119">
        <v>0</v>
      </c>
      <c r="IH25" s="120">
        <v>234738</v>
      </c>
      <c r="II25" s="135">
        <v>2823688</v>
      </c>
      <c r="IJ25" s="126">
        <v>2888823</v>
      </c>
      <c r="IK25" s="219">
        <v>0</v>
      </c>
      <c r="IL25" s="223">
        <v>0</v>
      </c>
      <c r="IM25" s="224">
        <v>0</v>
      </c>
      <c r="IN25" s="127">
        <v>0</v>
      </c>
      <c r="IO25" s="109">
        <v>0</v>
      </c>
      <c r="IP25" s="109">
        <v>84598</v>
      </c>
      <c r="IQ25" s="109">
        <v>0</v>
      </c>
      <c r="IR25" s="109">
        <v>0</v>
      </c>
      <c r="IS25" s="109">
        <v>0</v>
      </c>
      <c r="IT25" s="128">
        <v>84598</v>
      </c>
      <c r="IU25" s="296">
        <v>84598</v>
      </c>
      <c r="IV25" s="129">
        <v>0</v>
      </c>
      <c r="IW25" s="109">
        <v>0</v>
      </c>
      <c r="IX25" s="110">
        <v>0</v>
      </c>
      <c r="IY25" s="502">
        <v>0</v>
      </c>
      <c r="IZ25" s="109">
        <v>0</v>
      </c>
      <c r="JA25" s="109">
        <v>0</v>
      </c>
      <c r="JB25" s="109">
        <v>0</v>
      </c>
      <c r="JC25" s="109">
        <v>0</v>
      </c>
      <c r="JD25" s="109">
        <v>0</v>
      </c>
      <c r="JE25" s="110">
        <v>0</v>
      </c>
      <c r="JF25" s="111">
        <v>0</v>
      </c>
      <c r="JG25" s="129">
        <v>0</v>
      </c>
      <c r="JH25" s="109">
        <v>0</v>
      </c>
      <c r="JI25" s="128">
        <v>0</v>
      </c>
      <c r="JJ25" s="108">
        <v>0</v>
      </c>
      <c r="JK25" s="109">
        <v>178630</v>
      </c>
      <c r="JL25" s="109">
        <v>227588</v>
      </c>
      <c r="JM25" s="109">
        <v>77284</v>
      </c>
      <c r="JN25" s="109">
        <v>0</v>
      </c>
      <c r="JO25" s="109">
        <v>0</v>
      </c>
      <c r="JP25" s="110">
        <v>483502</v>
      </c>
      <c r="JQ25" s="296">
        <v>483502</v>
      </c>
      <c r="JR25" s="129">
        <v>0</v>
      </c>
      <c r="JS25" s="109">
        <v>0</v>
      </c>
      <c r="JT25" s="128">
        <v>0</v>
      </c>
      <c r="JU25" s="108">
        <v>0</v>
      </c>
      <c r="JV25" s="109">
        <v>0</v>
      </c>
      <c r="JW25" s="109">
        <v>0</v>
      </c>
      <c r="JX25" s="109">
        <v>0</v>
      </c>
      <c r="JY25" s="109">
        <v>0</v>
      </c>
      <c r="JZ25" s="109">
        <v>0</v>
      </c>
      <c r="KA25" s="110">
        <v>0</v>
      </c>
      <c r="KB25" s="296">
        <v>0</v>
      </c>
      <c r="KC25" s="221">
        <v>0</v>
      </c>
      <c r="KD25" s="217">
        <v>65135</v>
      </c>
      <c r="KE25" s="110">
        <v>65135</v>
      </c>
      <c r="KF25" s="108">
        <v>0</v>
      </c>
      <c r="KG25" s="109">
        <v>100788</v>
      </c>
      <c r="KH25" s="109">
        <v>0</v>
      </c>
      <c r="KI25" s="109">
        <v>200891</v>
      </c>
      <c r="KJ25" s="109">
        <v>0</v>
      </c>
      <c r="KK25" s="109">
        <v>0</v>
      </c>
      <c r="KL25" s="110">
        <v>301679</v>
      </c>
      <c r="KM25" s="130">
        <v>366814</v>
      </c>
      <c r="KN25" s="219">
        <v>0</v>
      </c>
      <c r="KO25" s="223">
        <v>0</v>
      </c>
      <c r="KP25" s="224">
        <v>0</v>
      </c>
      <c r="KQ25" s="506">
        <v>0</v>
      </c>
      <c r="KR25" s="109">
        <v>202909</v>
      </c>
      <c r="KS25" s="109">
        <v>647195</v>
      </c>
      <c r="KT25" s="109">
        <v>869067</v>
      </c>
      <c r="KU25" s="109">
        <v>0</v>
      </c>
      <c r="KV25" s="109">
        <v>234738</v>
      </c>
      <c r="KW25" s="110">
        <v>1953909</v>
      </c>
      <c r="KX25" s="296">
        <v>1953909</v>
      </c>
      <c r="KY25" s="129">
        <v>0</v>
      </c>
      <c r="KZ25" s="109">
        <v>0</v>
      </c>
      <c r="LA25" s="110">
        <v>0</v>
      </c>
      <c r="LB25" s="510">
        <v>0</v>
      </c>
      <c r="LC25" s="109">
        <v>0</v>
      </c>
      <c r="LD25" s="109">
        <v>0</v>
      </c>
      <c r="LE25" s="109">
        <v>0</v>
      </c>
      <c r="LF25" s="109">
        <v>0</v>
      </c>
      <c r="LG25" s="109">
        <v>0</v>
      </c>
      <c r="LH25" s="110">
        <v>0</v>
      </c>
      <c r="LI25" s="111">
        <v>0</v>
      </c>
      <c r="LJ25" s="129">
        <v>0</v>
      </c>
      <c r="LK25" s="109">
        <v>0</v>
      </c>
      <c r="LL25" s="110">
        <v>0</v>
      </c>
      <c r="LM25" s="510">
        <v>0</v>
      </c>
      <c r="LN25" s="109">
        <v>0</v>
      </c>
      <c r="LO25" s="109">
        <v>0</v>
      </c>
      <c r="LP25" s="109">
        <v>0</v>
      </c>
      <c r="LQ25" s="109">
        <v>0</v>
      </c>
      <c r="LR25" s="109">
        <v>0</v>
      </c>
      <c r="LS25" s="110">
        <v>0</v>
      </c>
      <c r="LT25" s="296">
        <v>0</v>
      </c>
      <c r="LU25" s="129">
        <v>0</v>
      </c>
      <c r="LV25" s="109">
        <v>0</v>
      </c>
      <c r="LW25" s="110">
        <v>0</v>
      </c>
      <c r="LX25" s="510">
        <v>0</v>
      </c>
      <c r="LY25" s="109">
        <v>0</v>
      </c>
      <c r="LZ25" s="109">
        <v>0</v>
      </c>
      <c r="MA25" s="109">
        <v>0</v>
      </c>
      <c r="MB25" s="109">
        <v>0</v>
      </c>
      <c r="MC25" s="109">
        <v>0</v>
      </c>
      <c r="MD25" s="110">
        <v>0</v>
      </c>
      <c r="ME25" s="111">
        <v>0</v>
      </c>
      <c r="MF25" s="129">
        <v>0</v>
      </c>
      <c r="MG25" s="109">
        <v>0</v>
      </c>
      <c r="MH25" s="110">
        <v>0</v>
      </c>
      <c r="MI25" s="510">
        <v>0</v>
      </c>
      <c r="MJ25" s="109">
        <v>386127</v>
      </c>
      <c r="MK25" s="109">
        <v>453554</v>
      </c>
      <c r="ML25" s="109">
        <v>779025</v>
      </c>
      <c r="MM25" s="109">
        <v>4215276</v>
      </c>
      <c r="MN25" s="109">
        <v>1765762</v>
      </c>
      <c r="MO25" s="110">
        <v>7599744</v>
      </c>
      <c r="MP25" s="130">
        <v>7599744</v>
      </c>
      <c r="MQ25" s="129">
        <v>0</v>
      </c>
      <c r="MR25" s="109">
        <v>0</v>
      </c>
      <c r="MS25" s="110">
        <v>0</v>
      </c>
      <c r="MT25" s="510">
        <v>0</v>
      </c>
      <c r="MU25" s="109">
        <v>0</v>
      </c>
      <c r="MV25" s="109">
        <v>212449</v>
      </c>
      <c r="MW25" s="109">
        <v>434009</v>
      </c>
      <c r="MX25" s="109">
        <v>2455395</v>
      </c>
      <c r="MY25" s="109">
        <v>1498067</v>
      </c>
      <c r="MZ25" s="110">
        <v>4599920</v>
      </c>
      <c r="NA25" s="130">
        <v>4599920</v>
      </c>
      <c r="NB25" s="129">
        <v>0</v>
      </c>
      <c r="NC25" s="109">
        <v>0</v>
      </c>
      <c r="ND25" s="110">
        <v>0</v>
      </c>
      <c r="NE25" s="510">
        <v>0</v>
      </c>
      <c r="NF25" s="109">
        <v>386127</v>
      </c>
      <c r="NG25" s="109">
        <v>241105</v>
      </c>
      <c r="NH25" s="109">
        <v>345016</v>
      </c>
      <c r="NI25" s="109">
        <v>1759881</v>
      </c>
      <c r="NJ25" s="109">
        <v>267695</v>
      </c>
      <c r="NK25" s="110">
        <v>2999824</v>
      </c>
      <c r="NL25" s="296">
        <v>2999824</v>
      </c>
      <c r="NM25" s="129">
        <v>0</v>
      </c>
      <c r="NN25" s="109">
        <v>0</v>
      </c>
      <c r="NO25" s="110">
        <v>0</v>
      </c>
      <c r="NP25" s="510">
        <v>0</v>
      </c>
      <c r="NQ25" s="109">
        <v>0</v>
      </c>
      <c r="NR25" s="109">
        <v>0</v>
      </c>
      <c r="NS25" s="109">
        <v>0</v>
      </c>
      <c r="NT25" s="109">
        <v>0</v>
      </c>
      <c r="NU25" s="109">
        <v>0</v>
      </c>
      <c r="NV25" s="110">
        <v>0</v>
      </c>
      <c r="NW25" s="111">
        <v>0</v>
      </c>
      <c r="NX25" s="129">
        <v>0</v>
      </c>
      <c r="NY25" s="109">
        <v>0</v>
      </c>
      <c r="NZ25" s="110">
        <v>0</v>
      </c>
      <c r="OA25" s="510">
        <v>0</v>
      </c>
      <c r="OB25" s="109">
        <v>0</v>
      </c>
      <c r="OC25" s="109">
        <v>0</v>
      </c>
      <c r="OD25" s="109">
        <v>0</v>
      </c>
      <c r="OE25" s="109">
        <v>0</v>
      </c>
      <c r="OF25" s="109">
        <v>0</v>
      </c>
      <c r="OG25" s="110">
        <v>0</v>
      </c>
      <c r="OH25" s="111">
        <v>0</v>
      </c>
      <c r="OI25" s="129">
        <v>215688</v>
      </c>
      <c r="OJ25" s="109">
        <v>486966</v>
      </c>
      <c r="OK25" s="128">
        <v>702654</v>
      </c>
      <c r="OL25" s="108">
        <v>0</v>
      </c>
      <c r="OM25" s="109">
        <v>3933475</v>
      </c>
      <c r="ON25" s="109">
        <v>5638014</v>
      </c>
      <c r="OO25" s="109">
        <v>5214851</v>
      </c>
      <c r="OP25" s="109">
        <v>7355602</v>
      </c>
      <c r="OQ25" s="109">
        <v>4489394</v>
      </c>
      <c r="OR25" s="110">
        <v>26631336</v>
      </c>
      <c r="OS25" s="130">
        <v>27333990</v>
      </c>
    </row>
    <row r="26" spans="2:409" ht="21" customHeight="1" x14ac:dyDescent="0.2">
      <c r="B26" s="468" t="s">
        <v>21</v>
      </c>
      <c r="C26" s="100">
        <v>182286</v>
      </c>
      <c r="D26" s="104">
        <v>471318</v>
      </c>
      <c r="E26" s="103">
        <v>653604</v>
      </c>
      <c r="F26" s="99">
        <v>0</v>
      </c>
      <c r="G26" s="104">
        <v>2422071</v>
      </c>
      <c r="H26" s="104">
        <v>2826169</v>
      </c>
      <c r="I26" s="104">
        <v>3049962</v>
      </c>
      <c r="J26" s="104">
        <v>2381791</v>
      </c>
      <c r="K26" s="104">
        <v>1873617</v>
      </c>
      <c r="L26" s="160">
        <v>12553610</v>
      </c>
      <c r="M26" s="106">
        <v>13207214</v>
      </c>
      <c r="N26" s="100">
        <v>47915</v>
      </c>
      <c r="O26" s="104">
        <v>189707</v>
      </c>
      <c r="P26" s="103">
        <v>237622</v>
      </c>
      <c r="Q26" s="100">
        <v>0</v>
      </c>
      <c r="R26" s="104">
        <v>1033475</v>
      </c>
      <c r="S26" s="104">
        <v>1121570</v>
      </c>
      <c r="T26" s="104">
        <v>1334093</v>
      </c>
      <c r="U26" s="104">
        <v>576857</v>
      </c>
      <c r="V26" s="104">
        <v>884356</v>
      </c>
      <c r="W26" s="103">
        <v>4950351</v>
      </c>
      <c r="X26" s="106">
        <v>5187973</v>
      </c>
      <c r="Y26" s="100">
        <v>0</v>
      </c>
      <c r="Z26" s="104">
        <v>0</v>
      </c>
      <c r="AA26" s="103">
        <v>0</v>
      </c>
      <c r="AB26" s="100">
        <v>0</v>
      </c>
      <c r="AC26" s="104">
        <v>472706</v>
      </c>
      <c r="AD26" s="104">
        <v>500499</v>
      </c>
      <c r="AE26" s="104">
        <v>786127</v>
      </c>
      <c r="AF26" s="104">
        <v>337968</v>
      </c>
      <c r="AG26" s="104">
        <v>285105</v>
      </c>
      <c r="AH26" s="103">
        <v>2382405</v>
      </c>
      <c r="AI26" s="106">
        <v>2382405</v>
      </c>
      <c r="AJ26" s="100">
        <v>0</v>
      </c>
      <c r="AK26" s="104">
        <v>0</v>
      </c>
      <c r="AL26" s="103">
        <v>0</v>
      </c>
      <c r="AM26" s="100">
        <v>0</v>
      </c>
      <c r="AN26" s="104">
        <v>0</v>
      </c>
      <c r="AO26" s="104">
        <v>0</v>
      </c>
      <c r="AP26" s="104">
        <v>0</v>
      </c>
      <c r="AQ26" s="104">
        <v>0</v>
      </c>
      <c r="AR26" s="104">
        <v>183552</v>
      </c>
      <c r="AS26" s="103">
        <v>183552</v>
      </c>
      <c r="AT26" s="106">
        <v>183552</v>
      </c>
      <c r="AU26" s="100">
        <v>0</v>
      </c>
      <c r="AV26" s="104">
        <v>87517</v>
      </c>
      <c r="AW26" s="103">
        <v>87517</v>
      </c>
      <c r="AX26" s="100">
        <v>0</v>
      </c>
      <c r="AY26" s="104">
        <v>420545</v>
      </c>
      <c r="AZ26" s="104">
        <v>344234</v>
      </c>
      <c r="BA26" s="104">
        <v>324482</v>
      </c>
      <c r="BB26" s="104">
        <v>40999</v>
      </c>
      <c r="BC26" s="104">
        <v>290275</v>
      </c>
      <c r="BD26" s="103">
        <v>1420535</v>
      </c>
      <c r="BE26" s="106">
        <v>1508052</v>
      </c>
      <c r="BF26" s="100">
        <v>0</v>
      </c>
      <c r="BG26" s="104">
        <v>56361</v>
      </c>
      <c r="BH26" s="102">
        <v>56361</v>
      </c>
      <c r="BI26" s="101">
        <v>0</v>
      </c>
      <c r="BJ26" s="104">
        <v>0</v>
      </c>
      <c r="BK26" s="104">
        <v>13868</v>
      </c>
      <c r="BL26" s="104">
        <v>41554</v>
      </c>
      <c r="BM26" s="104">
        <v>0</v>
      </c>
      <c r="BN26" s="104">
        <v>28026</v>
      </c>
      <c r="BO26" s="103">
        <v>83448</v>
      </c>
      <c r="BP26" s="106">
        <v>139809</v>
      </c>
      <c r="BQ26" s="100">
        <v>47915</v>
      </c>
      <c r="BR26" s="104">
        <v>45829</v>
      </c>
      <c r="BS26" s="103">
        <v>93744</v>
      </c>
      <c r="BT26" s="100">
        <v>0</v>
      </c>
      <c r="BU26" s="104">
        <v>140224</v>
      </c>
      <c r="BV26" s="104">
        <v>262969</v>
      </c>
      <c r="BW26" s="104">
        <v>181930</v>
      </c>
      <c r="BX26" s="104">
        <v>197890</v>
      </c>
      <c r="BY26" s="104">
        <v>97398</v>
      </c>
      <c r="BZ26" s="103">
        <v>880411</v>
      </c>
      <c r="CA26" s="106">
        <v>974155</v>
      </c>
      <c r="CB26" s="100">
        <v>0</v>
      </c>
      <c r="CC26" s="104">
        <v>0</v>
      </c>
      <c r="CD26" s="103">
        <v>0</v>
      </c>
      <c r="CE26" s="100">
        <v>0</v>
      </c>
      <c r="CF26" s="104">
        <v>783318</v>
      </c>
      <c r="CG26" s="104">
        <v>665594</v>
      </c>
      <c r="CH26" s="104">
        <v>535553</v>
      </c>
      <c r="CI26" s="104">
        <v>416025</v>
      </c>
      <c r="CJ26" s="104">
        <v>142785</v>
      </c>
      <c r="CK26" s="103">
        <v>2543275</v>
      </c>
      <c r="CL26" s="106">
        <v>2543275</v>
      </c>
      <c r="CM26" s="100">
        <v>0</v>
      </c>
      <c r="CN26" s="104">
        <v>0</v>
      </c>
      <c r="CO26" s="103">
        <v>0</v>
      </c>
      <c r="CP26" s="101">
        <v>0</v>
      </c>
      <c r="CQ26" s="104">
        <v>612884</v>
      </c>
      <c r="CR26" s="104">
        <v>589147</v>
      </c>
      <c r="CS26" s="104">
        <v>390624</v>
      </c>
      <c r="CT26" s="104">
        <v>416025</v>
      </c>
      <c r="CU26" s="104">
        <v>9611</v>
      </c>
      <c r="CV26" s="103">
        <v>2018291</v>
      </c>
      <c r="CW26" s="106">
        <v>2018291</v>
      </c>
      <c r="CX26" s="100">
        <v>0</v>
      </c>
      <c r="CY26" s="104">
        <v>0</v>
      </c>
      <c r="CZ26" s="103">
        <v>0</v>
      </c>
      <c r="DA26" s="100">
        <v>0</v>
      </c>
      <c r="DB26" s="104">
        <v>170434</v>
      </c>
      <c r="DC26" s="104">
        <v>76447</v>
      </c>
      <c r="DD26" s="104">
        <v>144929</v>
      </c>
      <c r="DE26" s="104">
        <v>0</v>
      </c>
      <c r="DF26" s="104">
        <v>133174</v>
      </c>
      <c r="DG26" s="103">
        <v>524984</v>
      </c>
      <c r="DH26" s="106">
        <v>524984</v>
      </c>
      <c r="DI26" s="100">
        <v>0</v>
      </c>
      <c r="DJ26" s="104">
        <v>59101</v>
      </c>
      <c r="DK26" s="102">
        <v>59101</v>
      </c>
      <c r="DL26" s="101">
        <v>0</v>
      </c>
      <c r="DM26" s="104">
        <v>134482</v>
      </c>
      <c r="DN26" s="104">
        <v>69048</v>
      </c>
      <c r="DO26" s="104">
        <v>282384</v>
      </c>
      <c r="DP26" s="104">
        <v>75229</v>
      </c>
      <c r="DQ26" s="104">
        <v>0</v>
      </c>
      <c r="DR26" s="103">
        <v>561143</v>
      </c>
      <c r="DS26" s="106">
        <v>620244</v>
      </c>
      <c r="DT26" s="100">
        <v>0</v>
      </c>
      <c r="DU26" s="104">
        <v>59101</v>
      </c>
      <c r="DV26" s="103">
        <v>59101</v>
      </c>
      <c r="DW26" s="100">
        <v>0</v>
      </c>
      <c r="DX26" s="104">
        <v>75208</v>
      </c>
      <c r="DY26" s="104">
        <v>69048</v>
      </c>
      <c r="DZ26" s="104">
        <v>282384</v>
      </c>
      <c r="EA26" s="104">
        <v>75229</v>
      </c>
      <c r="EB26" s="104">
        <v>0</v>
      </c>
      <c r="EC26" s="103">
        <v>501869</v>
      </c>
      <c r="ED26" s="106">
        <v>560970</v>
      </c>
      <c r="EE26" s="100">
        <v>0</v>
      </c>
      <c r="EF26" s="102">
        <v>0</v>
      </c>
      <c r="EG26" s="103">
        <v>0</v>
      </c>
      <c r="EH26" s="100">
        <v>0</v>
      </c>
      <c r="EI26" s="104">
        <v>59274</v>
      </c>
      <c r="EJ26" s="104">
        <v>0</v>
      </c>
      <c r="EK26" s="104">
        <v>0</v>
      </c>
      <c r="EL26" s="104">
        <v>0</v>
      </c>
      <c r="EM26" s="104">
        <v>0</v>
      </c>
      <c r="EN26" s="102">
        <v>59274</v>
      </c>
      <c r="EO26" s="106">
        <v>59274</v>
      </c>
      <c r="EP26" s="100">
        <v>0</v>
      </c>
      <c r="EQ26" s="104">
        <v>0</v>
      </c>
      <c r="ER26" s="102">
        <v>0</v>
      </c>
      <c r="ES26" s="101">
        <v>0</v>
      </c>
      <c r="ET26" s="104">
        <v>0</v>
      </c>
      <c r="EU26" s="104">
        <v>0</v>
      </c>
      <c r="EV26" s="104">
        <v>0</v>
      </c>
      <c r="EW26" s="104">
        <v>0</v>
      </c>
      <c r="EX26" s="104">
        <v>0</v>
      </c>
      <c r="EY26" s="103">
        <v>0</v>
      </c>
      <c r="EZ26" s="106">
        <v>0</v>
      </c>
      <c r="FA26" s="100">
        <v>0</v>
      </c>
      <c r="FB26" s="104">
        <v>0</v>
      </c>
      <c r="FC26" s="102">
        <v>0</v>
      </c>
      <c r="FD26" s="498">
        <v>0</v>
      </c>
      <c r="FE26" s="104">
        <v>0</v>
      </c>
      <c r="FF26" s="104">
        <v>0</v>
      </c>
      <c r="FG26" s="104">
        <v>0</v>
      </c>
      <c r="FH26" s="104">
        <v>0</v>
      </c>
      <c r="FI26" s="104">
        <v>0</v>
      </c>
      <c r="FJ26" s="103">
        <v>0</v>
      </c>
      <c r="FK26" s="106">
        <v>0</v>
      </c>
      <c r="FL26" s="100">
        <v>40355</v>
      </c>
      <c r="FM26" s="104">
        <v>63511</v>
      </c>
      <c r="FN26" s="103">
        <v>103866</v>
      </c>
      <c r="FO26" s="100">
        <v>0</v>
      </c>
      <c r="FP26" s="104">
        <v>48755</v>
      </c>
      <c r="FQ26" s="104">
        <v>183575</v>
      </c>
      <c r="FR26" s="104">
        <v>188356</v>
      </c>
      <c r="FS26" s="104">
        <v>65268</v>
      </c>
      <c r="FT26" s="104">
        <v>122017</v>
      </c>
      <c r="FU26" s="103">
        <v>607971</v>
      </c>
      <c r="FV26" s="106">
        <v>711837</v>
      </c>
      <c r="FW26" s="105">
        <v>40355</v>
      </c>
      <c r="FX26" s="104">
        <v>63511</v>
      </c>
      <c r="FY26" s="102">
        <v>103866</v>
      </c>
      <c r="FZ26" s="101">
        <v>0</v>
      </c>
      <c r="GA26" s="104">
        <v>36155</v>
      </c>
      <c r="GB26" s="104">
        <v>183575</v>
      </c>
      <c r="GC26" s="104">
        <v>170338</v>
      </c>
      <c r="GD26" s="104">
        <v>65268</v>
      </c>
      <c r="GE26" s="104">
        <v>122017</v>
      </c>
      <c r="GF26" s="103">
        <v>577353</v>
      </c>
      <c r="GG26" s="294">
        <v>681219</v>
      </c>
      <c r="GH26" s="105">
        <v>0</v>
      </c>
      <c r="GI26" s="104">
        <v>0</v>
      </c>
      <c r="GJ26" s="102">
        <v>0</v>
      </c>
      <c r="GK26" s="101">
        <v>0</v>
      </c>
      <c r="GL26" s="104">
        <v>12600</v>
      </c>
      <c r="GM26" s="104">
        <v>0</v>
      </c>
      <c r="GN26" s="104">
        <v>18018</v>
      </c>
      <c r="GO26" s="104">
        <v>0</v>
      </c>
      <c r="GP26" s="104">
        <v>0</v>
      </c>
      <c r="GQ26" s="103">
        <v>30618</v>
      </c>
      <c r="GR26" s="106">
        <v>30618</v>
      </c>
      <c r="GS26" s="100">
        <v>0</v>
      </c>
      <c r="GT26" s="104">
        <v>0</v>
      </c>
      <c r="GU26" s="103">
        <v>0</v>
      </c>
      <c r="GV26" s="100">
        <v>0</v>
      </c>
      <c r="GW26" s="104">
        <v>0</v>
      </c>
      <c r="GX26" s="104">
        <v>0</v>
      </c>
      <c r="GY26" s="104">
        <v>0</v>
      </c>
      <c r="GZ26" s="104">
        <v>0</v>
      </c>
      <c r="HA26" s="104">
        <v>0</v>
      </c>
      <c r="HB26" s="102">
        <v>0</v>
      </c>
      <c r="HC26" s="106">
        <v>0</v>
      </c>
      <c r="HD26" s="100">
        <v>94016</v>
      </c>
      <c r="HE26" s="104">
        <v>158999</v>
      </c>
      <c r="HF26" s="102">
        <v>253015</v>
      </c>
      <c r="HG26" s="101">
        <v>0</v>
      </c>
      <c r="HH26" s="104">
        <v>422041</v>
      </c>
      <c r="HI26" s="104">
        <v>786382</v>
      </c>
      <c r="HJ26" s="104">
        <v>709576</v>
      </c>
      <c r="HK26" s="104">
        <v>1248412</v>
      </c>
      <c r="HL26" s="104">
        <v>724459</v>
      </c>
      <c r="HM26" s="103">
        <v>3890870</v>
      </c>
      <c r="HN26" s="99">
        <v>4143885</v>
      </c>
      <c r="HO26" s="484">
        <v>0</v>
      </c>
      <c r="HP26" s="485">
        <v>0</v>
      </c>
      <c r="HQ26" s="486">
        <v>0</v>
      </c>
      <c r="HR26" s="487">
        <v>0</v>
      </c>
      <c r="HS26" s="485">
        <v>0</v>
      </c>
      <c r="HT26" s="485">
        <v>0</v>
      </c>
      <c r="HU26" s="485">
        <v>0</v>
      </c>
      <c r="HV26" s="485">
        <v>0</v>
      </c>
      <c r="HW26" s="485">
        <v>0</v>
      </c>
      <c r="HX26" s="488">
        <v>0</v>
      </c>
      <c r="HY26" s="489">
        <v>0</v>
      </c>
      <c r="HZ26" s="137">
        <v>0</v>
      </c>
      <c r="IA26" s="122">
        <v>0</v>
      </c>
      <c r="IB26" s="137">
        <v>0</v>
      </c>
      <c r="IC26" s="121">
        <v>0</v>
      </c>
      <c r="ID26" s="122">
        <v>684910</v>
      </c>
      <c r="IE26" s="123">
        <v>519290</v>
      </c>
      <c r="IF26" s="124">
        <v>576911</v>
      </c>
      <c r="IG26" s="122">
        <v>486782</v>
      </c>
      <c r="IH26" s="124">
        <v>0</v>
      </c>
      <c r="II26" s="125">
        <v>2267893</v>
      </c>
      <c r="IJ26" s="137">
        <v>2267893</v>
      </c>
      <c r="IK26" s="219">
        <v>0</v>
      </c>
      <c r="IL26" s="223">
        <v>0</v>
      </c>
      <c r="IM26" s="224">
        <v>0</v>
      </c>
      <c r="IN26" s="127">
        <v>0</v>
      </c>
      <c r="IO26" s="109">
        <v>127718</v>
      </c>
      <c r="IP26" s="109">
        <v>0</v>
      </c>
      <c r="IQ26" s="109">
        <v>0</v>
      </c>
      <c r="IR26" s="109">
        <v>0</v>
      </c>
      <c r="IS26" s="109">
        <v>0</v>
      </c>
      <c r="IT26" s="128">
        <v>127718</v>
      </c>
      <c r="IU26" s="296">
        <v>127718</v>
      </c>
      <c r="IV26" s="129">
        <v>0</v>
      </c>
      <c r="IW26" s="109">
        <v>0</v>
      </c>
      <c r="IX26" s="110">
        <v>0</v>
      </c>
      <c r="IY26" s="502">
        <v>0</v>
      </c>
      <c r="IZ26" s="109">
        <v>0</v>
      </c>
      <c r="JA26" s="109">
        <v>0</v>
      </c>
      <c r="JB26" s="109">
        <v>0</v>
      </c>
      <c r="JC26" s="109">
        <v>0</v>
      </c>
      <c r="JD26" s="109">
        <v>0</v>
      </c>
      <c r="JE26" s="110">
        <v>0</v>
      </c>
      <c r="JF26" s="111">
        <v>0</v>
      </c>
      <c r="JG26" s="129">
        <v>0</v>
      </c>
      <c r="JH26" s="109">
        <v>0</v>
      </c>
      <c r="JI26" s="128">
        <v>0</v>
      </c>
      <c r="JJ26" s="108">
        <v>0</v>
      </c>
      <c r="JK26" s="109">
        <v>464149</v>
      </c>
      <c r="JL26" s="109">
        <v>90465</v>
      </c>
      <c r="JM26" s="109">
        <v>162787</v>
      </c>
      <c r="JN26" s="109">
        <v>43720</v>
      </c>
      <c r="JO26" s="109">
        <v>0</v>
      </c>
      <c r="JP26" s="110">
        <v>761121</v>
      </c>
      <c r="JQ26" s="296">
        <v>761121</v>
      </c>
      <c r="JR26" s="129">
        <v>0</v>
      </c>
      <c r="JS26" s="109">
        <v>0</v>
      </c>
      <c r="JT26" s="128">
        <v>0</v>
      </c>
      <c r="JU26" s="108">
        <v>0</v>
      </c>
      <c r="JV26" s="109">
        <v>0</v>
      </c>
      <c r="JW26" s="109">
        <v>0</v>
      </c>
      <c r="JX26" s="109">
        <v>0</v>
      </c>
      <c r="JY26" s="109">
        <v>0</v>
      </c>
      <c r="JZ26" s="109">
        <v>0</v>
      </c>
      <c r="KA26" s="110">
        <v>0</v>
      </c>
      <c r="KB26" s="296">
        <v>0</v>
      </c>
      <c r="KC26" s="221">
        <v>0</v>
      </c>
      <c r="KD26" s="217">
        <v>0</v>
      </c>
      <c r="KE26" s="110">
        <v>0</v>
      </c>
      <c r="KF26" s="108">
        <v>0</v>
      </c>
      <c r="KG26" s="109">
        <v>93043</v>
      </c>
      <c r="KH26" s="109">
        <v>0</v>
      </c>
      <c r="KI26" s="109">
        <v>197799</v>
      </c>
      <c r="KJ26" s="109">
        <v>0</v>
      </c>
      <c r="KK26" s="109">
        <v>0</v>
      </c>
      <c r="KL26" s="110">
        <v>290842</v>
      </c>
      <c r="KM26" s="130">
        <v>290842</v>
      </c>
      <c r="KN26" s="219">
        <v>0</v>
      </c>
      <c r="KO26" s="223">
        <v>0</v>
      </c>
      <c r="KP26" s="224">
        <v>0</v>
      </c>
      <c r="KQ26" s="506">
        <v>0</v>
      </c>
      <c r="KR26" s="109">
        <v>0</v>
      </c>
      <c r="KS26" s="109">
        <v>428825</v>
      </c>
      <c r="KT26" s="109">
        <v>216325</v>
      </c>
      <c r="KU26" s="109">
        <v>443062</v>
      </c>
      <c r="KV26" s="109">
        <v>0</v>
      </c>
      <c r="KW26" s="110">
        <v>1088212</v>
      </c>
      <c r="KX26" s="296">
        <v>1088212</v>
      </c>
      <c r="KY26" s="129">
        <v>0</v>
      </c>
      <c r="KZ26" s="109">
        <v>0</v>
      </c>
      <c r="LA26" s="110">
        <v>0</v>
      </c>
      <c r="LB26" s="510">
        <v>0</v>
      </c>
      <c r="LC26" s="109">
        <v>0</v>
      </c>
      <c r="LD26" s="109">
        <v>0</v>
      </c>
      <c r="LE26" s="109">
        <v>0</v>
      </c>
      <c r="LF26" s="109">
        <v>0</v>
      </c>
      <c r="LG26" s="109">
        <v>0</v>
      </c>
      <c r="LH26" s="110">
        <v>0</v>
      </c>
      <c r="LI26" s="111">
        <v>0</v>
      </c>
      <c r="LJ26" s="129">
        <v>0</v>
      </c>
      <c r="LK26" s="109">
        <v>0</v>
      </c>
      <c r="LL26" s="110">
        <v>0</v>
      </c>
      <c r="LM26" s="510">
        <v>0</v>
      </c>
      <c r="LN26" s="109">
        <v>0</v>
      </c>
      <c r="LO26" s="109">
        <v>0</v>
      </c>
      <c r="LP26" s="109">
        <v>0</v>
      </c>
      <c r="LQ26" s="109">
        <v>0</v>
      </c>
      <c r="LR26" s="109">
        <v>0</v>
      </c>
      <c r="LS26" s="110">
        <v>0</v>
      </c>
      <c r="LT26" s="296">
        <v>0</v>
      </c>
      <c r="LU26" s="129">
        <v>0</v>
      </c>
      <c r="LV26" s="109">
        <v>0</v>
      </c>
      <c r="LW26" s="110">
        <v>0</v>
      </c>
      <c r="LX26" s="510">
        <v>0</v>
      </c>
      <c r="LY26" s="109">
        <v>0</v>
      </c>
      <c r="LZ26" s="109">
        <v>0</v>
      </c>
      <c r="MA26" s="109">
        <v>0</v>
      </c>
      <c r="MB26" s="109">
        <v>0</v>
      </c>
      <c r="MC26" s="109">
        <v>0</v>
      </c>
      <c r="MD26" s="110">
        <v>0</v>
      </c>
      <c r="ME26" s="111">
        <v>0</v>
      </c>
      <c r="MF26" s="129">
        <v>0</v>
      </c>
      <c r="MG26" s="109">
        <v>0</v>
      </c>
      <c r="MH26" s="110">
        <v>0</v>
      </c>
      <c r="MI26" s="510">
        <v>0</v>
      </c>
      <c r="MJ26" s="109">
        <v>0</v>
      </c>
      <c r="MK26" s="109">
        <v>615677</v>
      </c>
      <c r="ML26" s="109">
        <v>809977</v>
      </c>
      <c r="MM26" s="109">
        <v>1308415</v>
      </c>
      <c r="MN26" s="109">
        <v>1255124</v>
      </c>
      <c r="MO26" s="110">
        <v>3989193</v>
      </c>
      <c r="MP26" s="130">
        <v>3989193</v>
      </c>
      <c r="MQ26" s="129">
        <v>0</v>
      </c>
      <c r="MR26" s="109">
        <v>0</v>
      </c>
      <c r="MS26" s="110">
        <v>0</v>
      </c>
      <c r="MT26" s="510">
        <v>0</v>
      </c>
      <c r="MU26" s="109">
        <v>0</v>
      </c>
      <c r="MV26" s="109">
        <v>0</v>
      </c>
      <c r="MW26" s="109">
        <v>500906</v>
      </c>
      <c r="MX26" s="109">
        <v>964155</v>
      </c>
      <c r="MY26" s="109">
        <v>1255124</v>
      </c>
      <c r="MZ26" s="110">
        <v>2720185</v>
      </c>
      <c r="NA26" s="130">
        <v>2720185</v>
      </c>
      <c r="NB26" s="129">
        <v>0</v>
      </c>
      <c r="NC26" s="109">
        <v>0</v>
      </c>
      <c r="ND26" s="110">
        <v>0</v>
      </c>
      <c r="NE26" s="510">
        <v>0</v>
      </c>
      <c r="NF26" s="109">
        <v>0</v>
      </c>
      <c r="NG26" s="109">
        <v>615677</v>
      </c>
      <c r="NH26" s="109">
        <v>309071</v>
      </c>
      <c r="NI26" s="109">
        <v>344260</v>
      </c>
      <c r="NJ26" s="109">
        <v>0</v>
      </c>
      <c r="NK26" s="110">
        <v>1269008</v>
      </c>
      <c r="NL26" s="296">
        <v>1269008</v>
      </c>
      <c r="NM26" s="129">
        <v>0</v>
      </c>
      <c r="NN26" s="109">
        <v>0</v>
      </c>
      <c r="NO26" s="110">
        <v>0</v>
      </c>
      <c r="NP26" s="510">
        <v>0</v>
      </c>
      <c r="NQ26" s="109">
        <v>0</v>
      </c>
      <c r="NR26" s="109">
        <v>0</v>
      </c>
      <c r="NS26" s="109">
        <v>0</v>
      </c>
      <c r="NT26" s="109">
        <v>0</v>
      </c>
      <c r="NU26" s="109">
        <v>0</v>
      </c>
      <c r="NV26" s="110">
        <v>0</v>
      </c>
      <c r="NW26" s="111">
        <v>0</v>
      </c>
      <c r="NX26" s="129">
        <v>0</v>
      </c>
      <c r="NY26" s="109">
        <v>0</v>
      </c>
      <c r="NZ26" s="110">
        <v>0</v>
      </c>
      <c r="OA26" s="510">
        <v>0</v>
      </c>
      <c r="OB26" s="109">
        <v>0</v>
      </c>
      <c r="OC26" s="109">
        <v>0</v>
      </c>
      <c r="OD26" s="109">
        <v>0</v>
      </c>
      <c r="OE26" s="109">
        <v>0</v>
      </c>
      <c r="OF26" s="109">
        <v>0</v>
      </c>
      <c r="OG26" s="110">
        <v>0</v>
      </c>
      <c r="OH26" s="111">
        <v>0</v>
      </c>
      <c r="OI26" s="129">
        <v>182286</v>
      </c>
      <c r="OJ26" s="109">
        <v>471318</v>
      </c>
      <c r="OK26" s="128">
        <v>653604</v>
      </c>
      <c r="OL26" s="108">
        <v>0</v>
      </c>
      <c r="OM26" s="109">
        <v>3106981</v>
      </c>
      <c r="ON26" s="109">
        <v>3961136</v>
      </c>
      <c r="OO26" s="109">
        <v>4436850</v>
      </c>
      <c r="OP26" s="109">
        <v>4176988</v>
      </c>
      <c r="OQ26" s="109">
        <v>3128741</v>
      </c>
      <c r="OR26" s="110">
        <v>18810696</v>
      </c>
      <c r="OS26" s="130">
        <v>19464300</v>
      </c>
    </row>
    <row r="27" spans="2:409" ht="21" customHeight="1" x14ac:dyDescent="0.2">
      <c r="B27" s="468" t="s">
        <v>22</v>
      </c>
      <c r="C27" s="100">
        <v>41342</v>
      </c>
      <c r="D27" s="104">
        <v>19880</v>
      </c>
      <c r="E27" s="103">
        <v>61222</v>
      </c>
      <c r="F27" s="99">
        <v>0</v>
      </c>
      <c r="G27" s="104">
        <v>1012124</v>
      </c>
      <c r="H27" s="104">
        <v>880838</v>
      </c>
      <c r="I27" s="104">
        <v>954086</v>
      </c>
      <c r="J27" s="104">
        <v>1370656</v>
      </c>
      <c r="K27" s="104">
        <v>1424922</v>
      </c>
      <c r="L27" s="160">
        <v>5642626</v>
      </c>
      <c r="M27" s="106">
        <v>5703848</v>
      </c>
      <c r="N27" s="100">
        <v>0</v>
      </c>
      <c r="O27" s="104">
        <v>0</v>
      </c>
      <c r="P27" s="103">
        <v>0</v>
      </c>
      <c r="Q27" s="100">
        <v>0</v>
      </c>
      <c r="R27" s="104">
        <v>271727</v>
      </c>
      <c r="S27" s="104">
        <v>156226</v>
      </c>
      <c r="T27" s="104">
        <v>303090</v>
      </c>
      <c r="U27" s="104">
        <v>346877</v>
      </c>
      <c r="V27" s="104">
        <v>846162</v>
      </c>
      <c r="W27" s="103">
        <v>1924082</v>
      </c>
      <c r="X27" s="106">
        <v>1924082</v>
      </c>
      <c r="Y27" s="100">
        <v>0</v>
      </c>
      <c r="Z27" s="104">
        <v>0</v>
      </c>
      <c r="AA27" s="103">
        <v>0</v>
      </c>
      <c r="AB27" s="100">
        <v>0</v>
      </c>
      <c r="AC27" s="104">
        <v>59028</v>
      </c>
      <c r="AD27" s="104">
        <v>0</v>
      </c>
      <c r="AE27" s="104">
        <v>132024</v>
      </c>
      <c r="AF27" s="104">
        <v>71498</v>
      </c>
      <c r="AG27" s="104">
        <v>339108</v>
      </c>
      <c r="AH27" s="103">
        <v>601658</v>
      </c>
      <c r="AI27" s="106">
        <v>601658</v>
      </c>
      <c r="AJ27" s="100">
        <v>0</v>
      </c>
      <c r="AK27" s="104">
        <v>0</v>
      </c>
      <c r="AL27" s="103">
        <v>0</v>
      </c>
      <c r="AM27" s="100">
        <v>0</v>
      </c>
      <c r="AN27" s="104">
        <v>0</v>
      </c>
      <c r="AO27" s="104">
        <v>0</v>
      </c>
      <c r="AP27" s="104">
        <v>0</v>
      </c>
      <c r="AQ27" s="104">
        <v>11480</v>
      </c>
      <c r="AR27" s="104">
        <v>282039</v>
      </c>
      <c r="AS27" s="103">
        <v>293519</v>
      </c>
      <c r="AT27" s="106">
        <v>293519</v>
      </c>
      <c r="AU27" s="100">
        <v>0</v>
      </c>
      <c r="AV27" s="104">
        <v>0</v>
      </c>
      <c r="AW27" s="103">
        <v>0</v>
      </c>
      <c r="AX27" s="100">
        <v>0</v>
      </c>
      <c r="AY27" s="104">
        <v>107601</v>
      </c>
      <c r="AZ27" s="104">
        <v>101199</v>
      </c>
      <c r="BA27" s="104">
        <v>111300</v>
      </c>
      <c r="BB27" s="104">
        <v>53318</v>
      </c>
      <c r="BC27" s="104">
        <v>216615</v>
      </c>
      <c r="BD27" s="103">
        <v>590033</v>
      </c>
      <c r="BE27" s="106">
        <v>590033</v>
      </c>
      <c r="BF27" s="100">
        <v>0</v>
      </c>
      <c r="BG27" s="104">
        <v>0</v>
      </c>
      <c r="BH27" s="102">
        <v>0</v>
      </c>
      <c r="BI27" s="101">
        <v>0</v>
      </c>
      <c r="BJ27" s="104">
        <v>73612</v>
      </c>
      <c r="BK27" s="104">
        <v>34293</v>
      </c>
      <c r="BL27" s="104">
        <v>0</v>
      </c>
      <c r="BM27" s="104">
        <v>111335</v>
      </c>
      <c r="BN27" s="104">
        <v>0</v>
      </c>
      <c r="BO27" s="103">
        <v>219240</v>
      </c>
      <c r="BP27" s="106">
        <v>219240</v>
      </c>
      <c r="BQ27" s="100">
        <v>0</v>
      </c>
      <c r="BR27" s="104">
        <v>0</v>
      </c>
      <c r="BS27" s="103">
        <v>0</v>
      </c>
      <c r="BT27" s="100">
        <v>0</v>
      </c>
      <c r="BU27" s="104">
        <v>31486</v>
      </c>
      <c r="BV27" s="104">
        <v>20734</v>
      </c>
      <c r="BW27" s="104">
        <v>59766</v>
      </c>
      <c r="BX27" s="104">
        <v>99246</v>
      </c>
      <c r="BY27" s="104">
        <v>8400</v>
      </c>
      <c r="BZ27" s="103">
        <v>219632</v>
      </c>
      <c r="CA27" s="106">
        <v>219632</v>
      </c>
      <c r="CB27" s="100">
        <v>32452</v>
      </c>
      <c r="CC27" s="104">
        <v>0</v>
      </c>
      <c r="CD27" s="103">
        <v>32452</v>
      </c>
      <c r="CE27" s="100">
        <v>0</v>
      </c>
      <c r="CF27" s="104">
        <v>151018</v>
      </c>
      <c r="CG27" s="104">
        <v>260442</v>
      </c>
      <c r="CH27" s="104">
        <v>301843</v>
      </c>
      <c r="CI27" s="104">
        <v>409485</v>
      </c>
      <c r="CJ27" s="104">
        <v>159663</v>
      </c>
      <c r="CK27" s="103">
        <v>1282451</v>
      </c>
      <c r="CL27" s="106">
        <v>1314903</v>
      </c>
      <c r="CM27" s="100">
        <v>0</v>
      </c>
      <c r="CN27" s="104">
        <v>0</v>
      </c>
      <c r="CO27" s="103">
        <v>0</v>
      </c>
      <c r="CP27" s="101">
        <v>0</v>
      </c>
      <c r="CQ27" s="104">
        <v>47068</v>
      </c>
      <c r="CR27" s="104">
        <v>229208</v>
      </c>
      <c r="CS27" s="104">
        <v>301843</v>
      </c>
      <c r="CT27" s="104">
        <v>218596</v>
      </c>
      <c r="CU27" s="104">
        <v>159663</v>
      </c>
      <c r="CV27" s="103">
        <v>956378</v>
      </c>
      <c r="CW27" s="106">
        <v>956378</v>
      </c>
      <c r="CX27" s="100">
        <v>32452</v>
      </c>
      <c r="CY27" s="104">
        <v>0</v>
      </c>
      <c r="CZ27" s="103">
        <v>32452</v>
      </c>
      <c r="DA27" s="100">
        <v>0</v>
      </c>
      <c r="DB27" s="104">
        <v>103950</v>
      </c>
      <c r="DC27" s="104">
        <v>31234</v>
      </c>
      <c r="DD27" s="104">
        <v>0</v>
      </c>
      <c r="DE27" s="104">
        <v>190889</v>
      </c>
      <c r="DF27" s="104">
        <v>0</v>
      </c>
      <c r="DG27" s="103">
        <v>326073</v>
      </c>
      <c r="DH27" s="106">
        <v>358525</v>
      </c>
      <c r="DI27" s="100">
        <v>0</v>
      </c>
      <c r="DJ27" s="104">
        <v>0</v>
      </c>
      <c r="DK27" s="102">
        <v>0</v>
      </c>
      <c r="DL27" s="101">
        <v>0</v>
      </c>
      <c r="DM27" s="104">
        <v>23387</v>
      </c>
      <c r="DN27" s="104">
        <v>107828</v>
      </c>
      <c r="DO27" s="104">
        <v>17731</v>
      </c>
      <c r="DP27" s="104">
        <v>178061</v>
      </c>
      <c r="DQ27" s="104">
        <v>123308</v>
      </c>
      <c r="DR27" s="103">
        <v>450315</v>
      </c>
      <c r="DS27" s="106">
        <v>450315</v>
      </c>
      <c r="DT27" s="100">
        <v>0</v>
      </c>
      <c r="DU27" s="104">
        <v>0</v>
      </c>
      <c r="DV27" s="103">
        <v>0</v>
      </c>
      <c r="DW27" s="100">
        <v>0</v>
      </c>
      <c r="DX27" s="104">
        <v>0</v>
      </c>
      <c r="DY27" s="104">
        <v>107828</v>
      </c>
      <c r="DZ27" s="104">
        <v>17731</v>
      </c>
      <c r="EA27" s="104">
        <v>103448</v>
      </c>
      <c r="EB27" s="104">
        <v>52617</v>
      </c>
      <c r="EC27" s="103">
        <v>281624</v>
      </c>
      <c r="ED27" s="106">
        <v>281624</v>
      </c>
      <c r="EE27" s="100">
        <v>0</v>
      </c>
      <c r="EF27" s="102">
        <v>0</v>
      </c>
      <c r="EG27" s="103">
        <v>0</v>
      </c>
      <c r="EH27" s="100">
        <v>0</v>
      </c>
      <c r="EI27" s="104">
        <v>23387</v>
      </c>
      <c r="EJ27" s="104">
        <v>0</v>
      </c>
      <c r="EK27" s="104">
        <v>0</v>
      </c>
      <c r="EL27" s="104">
        <v>74613</v>
      </c>
      <c r="EM27" s="104">
        <v>70691</v>
      </c>
      <c r="EN27" s="102">
        <v>168691</v>
      </c>
      <c r="EO27" s="106">
        <v>168691</v>
      </c>
      <c r="EP27" s="100">
        <v>0</v>
      </c>
      <c r="EQ27" s="104">
        <v>0</v>
      </c>
      <c r="ER27" s="102">
        <v>0</v>
      </c>
      <c r="ES27" s="101">
        <v>0</v>
      </c>
      <c r="ET27" s="104">
        <v>0</v>
      </c>
      <c r="EU27" s="104">
        <v>0</v>
      </c>
      <c r="EV27" s="104">
        <v>0</v>
      </c>
      <c r="EW27" s="104">
        <v>0</v>
      </c>
      <c r="EX27" s="104">
        <v>0</v>
      </c>
      <c r="EY27" s="103">
        <v>0</v>
      </c>
      <c r="EZ27" s="106">
        <v>0</v>
      </c>
      <c r="FA27" s="100">
        <v>0</v>
      </c>
      <c r="FB27" s="104">
        <v>0</v>
      </c>
      <c r="FC27" s="102">
        <v>0</v>
      </c>
      <c r="FD27" s="498">
        <v>0</v>
      </c>
      <c r="FE27" s="104">
        <v>0</v>
      </c>
      <c r="FF27" s="104">
        <v>0</v>
      </c>
      <c r="FG27" s="104">
        <v>0</v>
      </c>
      <c r="FH27" s="104">
        <v>0</v>
      </c>
      <c r="FI27" s="104">
        <v>0</v>
      </c>
      <c r="FJ27" s="103">
        <v>0</v>
      </c>
      <c r="FK27" s="106">
        <v>0</v>
      </c>
      <c r="FL27" s="100">
        <v>8890</v>
      </c>
      <c r="FM27" s="104">
        <v>19880</v>
      </c>
      <c r="FN27" s="103">
        <v>28770</v>
      </c>
      <c r="FO27" s="100">
        <v>0</v>
      </c>
      <c r="FP27" s="104">
        <v>45710</v>
      </c>
      <c r="FQ27" s="104">
        <v>55034</v>
      </c>
      <c r="FR27" s="104">
        <v>64134</v>
      </c>
      <c r="FS27" s="104">
        <v>111006</v>
      </c>
      <c r="FT27" s="104">
        <v>94598</v>
      </c>
      <c r="FU27" s="103">
        <v>370482</v>
      </c>
      <c r="FV27" s="106">
        <v>399252</v>
      </c>
      <c r="FW27" s="105">
        <v>8890</v>
      </c>
      <c r="FX27" s="104">
        <v>19880</v>
      </c>
      <c r="FY27" s="102">
        <v>28770</v>
      </c>
      <c r="FZ27" s="101">
        <v>0</v>
      </c>
      <c r="GA27" s="104">
        <v>45710</v>
      </c>
      <c r="GB27" s="104">
        <v>55034</v>
      </c>
      <c r="GC27" s="104">
        <v>64134</v>
      </c>
      <c r="GD27" s="104">
        <v>111006</v>
      </c>
      <c r="GE27" s="104">
        <v>94598</v>
      </c>
      <c r="GF27" s="103">
        <v>370482</v>
      </c>
      <c r="GG27" s="294">
        <v>399252</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0</v>
      </c>
      <c r="GX27" s="104">
        <v>0</v>
      </c>
      <c r="GY27" s="104">
        <v>0</v>
      </c>
      <c r="GZ27" s="104">
        <v>0</v>
      </c>
      <c r="HA27" s="104">
        <v>0</v>
      </c>
      <c r="HB27" s="102">
        <v>0</v>
      </c>
      <c r="HC27" s="106">
        <v>0</v>
      </c>
      <c r="HD27" s="100">
        <v>0</v>
      </c>
      <c r="HE27" s="104">
        <v>0</v>
      </c>
      <c r="HF27" s="102">
        <v>0</v>
      </c>
      <c r="HG27" s="101">
        <v>0</v>
      </c>
      <c r="HH27" s="104">
        <v>520282</v>
      </c>
      <c r="HI27" s="104">
        <v>301308</v>
      </c>
      <c r="HJ27" s="104">
        <v>267288</v>
      </c>
      <c r="HK27" s="104">
        <v>325227</v>
      </c>
      <c r="HL27" s="104">
        <v>201191</v>
      </c>
      <c r="HM27" s="103">
        <v>1615296</v>
      </c>
      <c r="HN27" s="99">
        <v>1615296</v>
      </c>
      <c r="HO27" s="484">
        <v>0</v>
      </c>
      <c r="HP27" s="485">
        <v>0</v>
      </c>
      <c r="HQ27" s="486">
        <v>0</v>
      </c>
      <c r="HR27" s="487">
        <v>0</v>
      </c>
      <c r="HS27" s="485">
        <v>0</v>
      </c>
      <c r="HT27" s="485">
        <v>0</v>
      </c>
      <c r="HU27" s="485">
        <v>0</v>
      </c>
      <c r="HV27" s="485">
        <v>0</v>
      </c>
      <c r="HW27" s="485">
        <v>0</v>
      </c>
      <c r="HX27" s="488">
        <v>0</v>
      </c>
      <c r="HY27" s="489">
        <v>0</v>
      </c>
      <c r="HZ27" s="118">
        <v>0</v>
      </c>
      <c r="IA27" s="119">
        <v>0</v>
      </c>
      <c r="IB27" s="120">
        <v>0</v>
      </c>
      <c r="IC27" s="133">
        <v>0</v>
      </c>
      <c r="ID27" s="119">
        <v>194117</v>
      </c>
      <c r="IE27" s="134">
        <v>593187</v>
      </c>
      <c r="IF27" s="120">
        <v>379967</v>
      </c>
      <c r="IG27" s="119">
        <v>0</v>
      </c>
      <c r="IH27" s="120">
        <v>0</v>
      </c>
      <c r="II27" s="135">
        <v>1167271</v>
      </c>
      <c r="IJ27" s="126">
        <v>1167271</v>
      </c>
      <c r="IK27" s="219">
        <v>0</v>
      </c>
      <c r="IL27" s="223">
        <v>0</v>
      </c>
      <c r="IM27" s="224">
        <v>0</v>
      </c>
      <c r="IN27" s="127">
        <v>0</v>
      </c>
      <c r="IO27" s="109">
        <v>0</v>
      </c>
      <c r="IP27" s="109">
        <v>0</v>
      </c>
      <c r="IQ27" s="109">
        <v>144109</v>
      </c>
      <c r="IR27" s="109">
        <v>0</v>
      </c>
      <c r="IS27" s="109">
        <v>0</v>
      </c>
      <c r="IT27" s="128">
        <v>144109</v>
      </c>
      <c r="IU27" s="296">
        <v>144109</v>
      </c>
      <c r="IV27" s="129">
        <v>0</v>
      </c>
      <c r="IW27" s="109">
        <v>0</v>
      </c>
      <c r="IX27" s="110">
        <v>0</v>
      </c>
      <c r="IY27" s="502">
        <v>0</v>
      </c>
      <c r="IZ27" s="109">
        <v>0</v>
      </c>
      <c r="JA27" s="109">
        <v>0</v>
      </c>
      <c r="JB27" s="109">
        <v>0</v>
      </c>
      <c r="JC27" s="109">
        <v>0</v>
      </c>
      <c r="JD27" s="109">
        <v>0</v>
      </c>
      <c r="JE27" s="110">
        <v>0</v>
      </c>
      <c r="JF27" s="111">
        <v>0</v>
      </c>
      <c r="JG27" s="129">
        <v>0</v>
      </c>
      <c r="JH27" s="109">
        <v>0</v>
      </c>
      <c r="JI27" s="128">
        <v>0</v>
      </c>
      <c r="JJ27" s="108">
        <v>0</v>
      </c>
      <c r="JK27" s="109">
        <v>194117</v>
      </c>
      <c r="JL27" s="109">
        <v>192696</v>
      </c>
      <c r="JM27" s="109">
        <v>86702</v>
      </c>
      <c r="JN27" s="109">
        <v>0</v>
      </c>
      <c r="JO27" s="109">
        <v>0</v>
      </c>
      <c r="JP27" s="110">
        <v>473515</v>
      </c>
      <c r="JQ27" s="296">
        <v>473515</v>
      </c>
      <c r="JR27" s="129">
        <v>0</v>
      </c>
      <c r="JS27" s="109">
        <v>0</v>
      </c>
      <c r="JT27" s="128">
        <v>0</v>
      </c>
      <c r="JU27" s="108">
        <v>0</v>
      </c>
      <c r="JV27" s="109">
        <v>0</v>
      </c>
      <c r="JW27" s="109">
        <v>0</v>
      </c>
      <c r="JX27" s="109">
        <v>77084</v>
      </c>
      <c r="JY27" s="109">
        <v>0</v>
      </c>
      <c r="JZ27" s="109">
        <v>0</v>
      </c>
      <c r="KA27" s="110">
        <v>77084</v>
      </c>
      <c r="KB27" s="296">
        <v>77084</v>
      </c>
      <c r="KC27" s="221">
        <v>0</v>
      </c>
      <c r="KD27" s="217">
        <v>0</v>
      </c>
      <c r="KE27" s="110">
        <v>0</v>
      </c>
      <c r="KF27" s="108">
        <v>0</v>
      </c>
      <c r="KG27" s="109">
        <v>0</v>
      </c>
      <c r="KH27" s="109">
        <v>400491</v>
      </c>
      <c r="KI27" s="109">
        <v>72072</v>
      </c>
      <c r="KJ27" s="109">
        <v>0</v>
      </c>
      <c r="KK27" s="109">
        <v>0</v>
      </c>
      <c r="KL27" s="110">
        <v>472563</v>
      </c>
      <c r="KM27" s="130">
        <v>472563</v>
      </c>
      <c r="KN27" s="219">
        <v>0</v>
      </c>
      <c r="KO27" s="223">
        <v>0</v>
      </c>
      <c r="KP27" s="224">
        <v>0</v>
      </c>
      <c r="KQ27" s="506">
        <v>0</v>
      </c>
      <c r="KR27" s="109">
        <v>0</v>
      </c>
      <c r="KS27" s="109">
        <v>0</v>
      </c>
      <c r="KT27" s="109">
        <v>0</v>
      </c>
      <c r="KU27" s="109">
        <v>0</v>
      </c>
      <c r="KV27" s="109">
        <v>0</v>
      </c>
      <c r="KW27" s="110">
        <v>0</v>
      </c>
      <c r="KX27" s="296">
        <v>0</v>
      </c>
      <c r="KY27" s="129">
        <v>0</v>
      </c>
      <c r="KZ27" s="109">
        <v>0</v>
      </c>
      <c r="LA27" s="110">
        <v>0</v>
      </c>
      <c r="LB27" s="510">
        <v>0</v>
      </c>
      <c r="LC27" s="109">
        <v>0</v>
      </c>
      <c r="LD27" s="109">
        <v>0</v>
      </c>
      <c r="LE27" s="109">
        <v>0</v>
      </c>
      <c r="LF27" s="109">
        <v>0</v>
      </c>
      <c r="LG27" s="109">
        <v>0</v>
      </c>
      <c r="LH27" s="110">
        <v>0</v>
      </c>
      <c r="LI27" s="111">
        <v>0</v>
      </c>
      <c r="LJ27" s="129">
        <v>0</v>
      </c>
      <c r="LK27" s="109">
        <v>0</v>
      </c>
      <c r="LL27" s="110">
        <v>0</v>
      </c>
      <c r="LM27" s="510">
        <v>0</v>
      </c>
      <c r="LN27" s="109">
        <v>0</v>
      </c>
      <c r="LO27" s="109">
        <v>0</v>
      </c>
      <c r="LP27" s="109">
        <v>0</v>
      </c>
      <c r="LQ27" s="109">
        <v>0</v>
      </c>
      <c r="LR27" s="109">
        <v>0</v>
      </c>
      <c r="LS27" s="110">
        <v>0</v>
      </c>
      <c r="LT27" s="296">
        <v>0</v>
      </c>
      <c r="LU27" s="129">
        <v>0</v>
      </c>
      <c r="LV27" s="109">
        <v>0</v>
      </c>
      <c r="LW27" s="110">
        <v>0</v>
      </c>
      <c r="LX27" s="510">
        <v>0</v>
      </c>
      <c r="LY27" s="109">
        <v>0</v>
      </c>
      <c r="LZ27" s="109">
        <v>0</v>
      </c>
      <c r="MA27" s="109">
        <v>0</v>
      </c>
      <c r="MB27" s="109">
        <v>0</v>
      </c>
      <c r="MC27" s="109">
        <v>0</v>
      </c>
      <c r="MD27" s="110">
        <v>0</v>
      </c>
      <c r="ME27" s="111">
        <v>0</v>
      </c>
      <c r="MF27" s="129">
        <v>0</v>
      </c>
      <c r="MG27" s="109">
        <v>0</v>
      </c>
      <c r="MH27" s="110">
        <v>0</v>
      </c>
      <c r="MI27" s="510">
        <v>0</v>
      </c>
      <c r="MJ27" s="109">
        <v>0</v>
      </c>
      <c r="MK27" s="109">
        <v>400092</v>
      </c>
      <c r="ML27" s="109">
        <v>1092259</v>
      </c>
      <c r="MM27" s="109">
        <v>543954</v>
      </c>
      <c r="MN27" s="109">
        <v>0</v>
      </c>
      <c r="MO27" s="110">
        <v>2036305</v>
      </c>
      <c r="MP27" s="130">
        <v>2036305</v>
      </c>
      <c r="MQ27" s="129">
        <v>0</v>
      </c>
      <c r="MR27" s="109">
        <v>0</v>
      </c>
      <c r="MS27" s="110">
        <v>0</v>
      </c>
      <c r="MT27" s="510">
        <v>0</v>
      </c>
      <c r="MU27" s="109">
        <v>0</v>
      </c>
      <c r="MV27" s="109">
        <v>188937</v>
      </c>
      <c r="MW27" s="109">
        <v>430626</v>
      </c>
      <c r="MX27" s="109">
        <v>543954</v>
      </c>
      <c r="MY27" s="109">
        <v>0</v>
      </c>
      <c r="MZ27" s="110">
        <v>1163517</v>
      </c>
      <c r="NA27" s="130">
        <v>1163517</v>
      </c>
      <c r="NB27" s="129">
        <v>0</v>
      </c>
      <c r="NC27" s="109">
        <v>0</v>
      </c>
      <c r="ND27" s="110">
        <v>0</v>
      </c>
      <c r="NE27" s="510">
        <v>0</v>
      </c>
      <c r="NF27" s="109">
        <v>0</v>
      </c>
      <c r="NG27" s="109">
        <v>211155</v>
      </c>
      <c r="NH27" s="109">
        <v>661633</v>
      </c>
      <c r="NI27" s="109">
        <v>0</v>
      </c>
      <c r="NJ27" s="109">
        <v>0</v>
      </c>
      <c r="NK27" s="110">
        <v>872788</v>
      </c>
      <c r="NL27" s="296">
        <v>872788</v>
      </c>
      <c r="NM27" s="129">
        <v>0</v>
      </c>
      <c r="NN27" s="109">
        <v>0</v>
      </c>
      <c r="NO27" s="110">
        <v>0</v>
      </c>
      <c r="NP27" s="510">
        <v>0</v>
      </c>
      <c r="NQ27" s="109">
        <v>0</v>
      </c>
      <c r="NR27" s="109">
        <v>0</v>
      </c>
      <c r="NS27" s="109">
        <v>0</v>
      </c>
      <c r="NT27" s="109">
        <v>0</v>
      </c>
      <c r="NU27" s="109">
        <v>0</v>
      </c>
      <c r="NV27" s="110">
        <v>0</v>
      </c>
      <c r="NW27" s="111">
        <v>0</v>
      </c>
      <c r="NX27" s="129">
        <v>0</v>
      </c>
      <c r="NY27" s="109">
        <v>0</v>
      </c>
      <c r="NZ27" s="110">
        <v>0</v>
      </c>
      <c r="OA27" s="510">
        <v>0</v>
      </c>
      <c r="OB27" s="109">
        <v>0</v>
      </c>
      <c r="OC27" s="109">
        <v>0</v>
      </c>
      <c r="OD27" s="109">
        <v>0</v>
      </c>
      <c r="OE27" s="109">
        <v>0</v>
      </c>
      <c r="OF27" s="109">
        <v>0</v>
      </c>
      <c r="OG27" s="110">
        <v>0</v>
      </c>
      <c r="OH27" s="111">
        <v>0</v>
      </c>
      <c r="OI27" s="129">
        <v>41342</v>
      </c>
      <c r="OJ27" s="109">
        <v>19880</v>
      </c>
      <c r="OK27" s="128">
        <v>61222</v>
      </c>
      <c r="OL27" s="108">
        <v>0</v>
      </c>
      <c r="OM27" s="109">
        <v>1206241</v>
      </c>
      <c r="ON27" s="109">
        <v>1874117</v>
      </c>
      <c r="OO27" s="109">
        <v>2426312</v>
      </c>
      <c r="OP27" s="109">
        <v>1914610</v>
      </c>
      <c r="OQ27" s="109">
        <v>1424922</v>
      </c>
      <c r="OR27" s="110">
        <v>8846202</v>
      </c>
      <c r="OS27" s="130">
        <v>8907424</v>
      </c>
    </row>
    <row r="28" spans="2:409" ht="21" customHeight="1" x14ac:dyDescent="0.2">
      <c r="B28" s="468" t="s">
        <v>23</v>
      </c>
      <c r="C28" s="100">
        <v>94240</v>
      </c>
      <c r="D28" s="104">
        <v>138285</v>
      </c>
      <c r="E28" s="103">
        <v>232525</v>
      </c>
      <c r="F28" s="99">
        <v>0</v>
      </c>
      <c r="G28" s="104">
        <v>1370470</v>
      </c>
      <c r="H28" s="104">
        <v>2522898</v>
      </c>
      <c r="I28" s="104">
        <v>2590757</v>
      </c>
      <c r="J28" s="104">
        <v>2484877</v>
      </c>
      <c r="K28" s="104">
        <v>2551522</v>
      </c>
      <c r="L28" s="160">
        <v>11520524</v>
      </c>
      <c r="M28" s="106">
        <v>11753049</v>
      </c>
      <c r="N28" s="100">
        <v>78238</v>
      </c>
      <c r="O28" s="104">
        <v>104895</v>
      </c>
      <c r="P28" s="103">
        <v>183133</v>
      </c>
      <c r="Q28" s="100">
        <v>0</v>
      </c>
      <c r="R28" s="104">
        <v>304139</v>
      </c>
      <c r="S28" s="104">
        <v>685481</v>
      </c>
      <c r="T28" s="104">
        <v>1273431</v>
      </c>
      <c r="U28" s="104">
        <v>332639</v>
      </c>
      <c r="V28" s="104">
        <v>553831</v>
      </c>
      <c r="W28" s="103">
        <v>3149521</v>
      </c>
      <c r="X28" s="106">
        <v>3332654</v>
      </c>
      <c r="Y28" s="100">
        <v>0</v>
      </c>
      <c r="Z28" s="104">
        <v>0</v>
      </c>
      <c r="AA28" s="103">
        <v>0</v>
      </c>
      <c r="AB28" s="100">
        <v>0</v>
      </c>
      <c r="AC28" s="104">
        <v>39911</v>
      </c>
      <c r="AD28" s="104">
        <v>202497</v>
      </c>
      <c r="AE28" s="104">
        <v>776278</v>
      </c>
      <c r="AF28" s="104">
        <v>50161</v>
      </c>
      <c r="AG28" s="104">
        <v>259968</v>
      </c>
      <c r="AH28" s="103">
        <v>1328815</v>
      </c>
      <c r="AI28" s="106">
        <v>1328815</v>
      </c>
      <c r="AJ28" s="100">
        <v>0</v>
      </c>
      <c r="AK28" s="104">
        <v>0</v>
      </c>
      <c r="AL28" s="103">
        <v>0</v>
      </c>
      <c r="AM28" s="100">
        <v>0</v>
      </c>
      <c r="AN28" s="104">
        <v>51149</v>
      </c>
      <c r="AO28" s="104">
        <v>0</v>
      </c>
      <c r="AP28" s="104">
        <v>41452</v>
      </c>
      <c r="AQ28" s="104">
        <v>0</v>
      </c>
      <c r="AR28" s="104">
        <v>20177</v>
      </c>
      <c r="AS28" s="103">
        <v>112778</v>
      </c>
      <c r="AT28" s="106">
        <v>112778</v>
      </c>
      <c r="AU28" s="100">
        <v>78238</v>
      </c>
      <c r="AV28" s="104">
        <v>71093</v>
      </c>
      <c r="AW28" s="103">
        <v>149331</v>
      </c>
      <c r="AX28" s="100">
        <v>0</v>
      </c>
      <c r="AY28" s="104">
        <v>149099</v>
      </c>
      <c r="AZ28" s="104">
        <v>344344</v>
      </c>
      <c r="BA28" s="104">
        <v>325641</v>
      </c>
      <c r="BB28" s="104">
        <v>99099</v>
      </c>
      <c r="BC28" s="104">
        <v>43274</v>
      </c>
      <c r="BD28" s="103">
        <v>961457</v>
      </c>
      <c r="BE28" s="106">
        <v>1110788</v>
      </c>
      <c r="BF28" s="100">
        <v>0</v>
      </c>
      <c r="BG28" s="104">
        <v>33802</v>
      </c>
      <c r="BH28" s="102">
        <v>33802</v>
      </c>
      <c r="BI28" s="101">
        <v>0</v>
      </c>
      <c r="BJ28" s="104">
        <v>0</v>
      </c>
      <c r="BK28" s="104">
        <v>57048</v>
      </c>
      <c r="BL28" s="104">
        <v>0</v>
      </c>
      <c r="BM28" s="104">
        <v>0</v>
      </c>
      <c r="BN28" s="104">
        <v>0</v>
      </c>
      <c r="BO28" s="103">
        <v>57048</v>
      </c>
      <c r="BP28" s="106">
        <v>90850</v>
      </c>
      <c r="BQ28" s="100">
        <v>0</v>
      </c>
      <c r="BR28" s="104">
        <v>0</v>
      </c>
      <c r="BS28" s="103">
        <v>0</v>
      </c>
      <c r="BT28" s="100">
        <v>0</v>
      </c>
      <c r="BU28" s="104">
        <v>63980</v>
      </c>
      <c r="BV28" s="104">
        <v>81592</v>
      </c>
      <c r="BW28" s="104">
        <v>130060</v>
      </c>
      <c r="BX28" s="104">
        <v>183379</v>
      </c>
      <c r="BY28" s="104">
        <v>230412</v>
      </c>
      <c r="BZ28" s="103">
        <v>689423</v>
      </c>
      <c r="CA28" s="106">
        <v>689423</v>
      </c>
      <c r="CB28" s="100">
        <v>0</v>
      </c>
      <c r="CC28" s="104">
        <v>0</v>
      </c>
      <c r="CD28" s="103">
        <v>0</v>
      </c>
      <c r="CE28" s="100">
        <v>0</v>
      </c>
      <c r="CF28" s="104">
        <v>586733</v>
      </c>
      <c r="CG28" s="104">
        <v>899607</v>
      </c>
      <c r="CH28" s="104">
        <v>639910</v>
      </c>
      <c r="CI28" s="104">
        <v>503198</v>
      </c>
      <c r="CJ28" s="104">
        <v>198063</v>
      </c>
      <c r="CK28" s="103">
        <v>2827511</v>
      </c>
      <c r="CL28" s="106">
        <v>2827511</v>
      </c>
      <c r="CM28" s="100">
        <v>0</v>
      </c>
      <c r="CN28" s="104">
        <v>0</v>
      </c>
      <c r="CO28" s="103">
        <v>0</v>
      </c>
      <c r="CP28" s="101">
        <v>0</v>
      </c>
      <c r="CQ28" s="104">
        <v>481477</v>
      </c>
      <c r="CR28" s="104">
        <v>803677</v>
      </c>
      <c r="CS28" s="104">
        <v>540210</v>
      </c>
      <c r="CT28" s="104">
        <v>349657</v>
      </c>
      <c r="CU28" s="104">
        <v>0</v>
      </c>
      <c r="CV28" s="103">
        <v>2175021</v>
      </c>
      <c r="CW28" s="106">
        <v>2175021</v>
      </c>
      <c r="CX28" s="100">
        <v>0</v>
      </c>
      <c r="CY28" s="104">
        <v>0</v>
      </c>
      <c r="CZ28" s="103">
        <v>0</v>
      </c>
      <c r="DA28" s="100">
        <v>0</v>
      </c>
      <c r="DB28" s="104">
        <v>105256</v>
      </c>
      <c r="DC28" s="104">
        <v>95930</v>
      </c>
      <c r="DD28" s="104">
        <v>99700</v>
      </c>
      <c r="DE28" s="104">
        <v>153541</v>
      </c>
      <c r="DF28" s="104">
        <v>198063</v>
      </c>
      <c r="DG28" s="103">
        <v>652490</v>
      </c>
      <c r="DH28" s="106">
        <v>652490</v>
      </c>
      <c r="DI28" s="100">
        <v>0</v>
      </c>
      <c r="DJ28" s="104">
        <v>0</v>
      </c>
      <c r="DK28" s="102">
        <v>0</v>
      </c>
      <c r="DL28" s="101">
        <v>0</v>
      </c>
      <c r="DM28" s="104">
        <v>80665</v>
      </c>
      <c r="DN28" s="104">
        <v>430237</v>
      </c>
      <c r="DO28" s="104">
        <v>346258</v>
      </c>
      <c r="DP28" s="104">
        <v>203438</v>
      </c>
      <c r="DQ28" s="104">
        <v>81589</v>
      </c>
      <c r="DR28" s="103">
        <v>1142187</v>
      </c>
      <c r="DS28" s="106">
        <v>1142187</v>
      </c>
      <c r="DT28" s="100">
        <v>0</v>
      </c>
      <c r="DU28" s="104">
        <v>0</v>
      </c>
      <c r="DV28" s="103">
        <v>0</v>
      </c>
      <c r="DW28" s="100">
        <v>0</v>
      </c>
      <c r="DX28" s="104">
        <v>80665</v>
      </c>
      <c r="DY28" s="104">
        <v>430237</v>
      </c>
      <c r="DZ28" s="104">
        <v>303017</v>
      </c>
      <c r="EA28" s="104">
        <v>70436</v>
      </c>
      <c r="EB28" s="104">
        <v>81589</v>
      </c>
      <c r="EC28" s="103">
        <v>965944</v>
      </c>
      <c r="ED28" s="106">
        <v>965944</v>
      </c>
      <c r="EE28" s="100">
        <v>0</v>
      </c>
      <c r="EF28" s="102">
        <v>0</v>
      </c>
      <c r="EG28" s="103">
        <v>0</v>
      </c>
      <c r="EH28" s="100">
        <v>0</v>
      </c>
      <c r="EI28" s="104">
        <v>0</v>
      </c>
      <c r="EJ28" s="104">
        <v>0</v>
      </c>
      <c r="EK28" s="104">
        <v>43241</v>
      </c>
      <c r="EL28" s="104">
        <v>133002</v>
      </c>
      <c r="EM28" s="104">
        <v>0</v>
      </c>
      <c r="EN28" s="102">
        <v>176243</v>
      </c>
      <c r="EO28" s="106">
        <v>176243</v>
      </c>
      <c r="EP28" s="100">
        <v>0</v>
      </c>
      <c r="EQ28" s="104">
        <v>0</v>
      </c>
      <c r="ER28" s="102">
        <v>0</v>
      </c>
      <c r="ES28" s="101">
        <v>0</v>
      </c>
      <c r="ET28" s="104">
        <v>0</v>
      </c>
      <c r="EU28" s="104">
        <v>0</v>
      </c>
      <c r="EV28" s="104">
        <v>0</v>
      </c>
      <c r="EW28" s="104">
        <v>0</v>
      </c>
      <c r="EX28" s="104">
        <v>0</v>
      </c>
      <c r="EY28" s="103">
        <v>0</v>
      </c>
      <c r="EZ28" s="106">
        <v>0</v>
      </c>
      <c r="FA28" s="100">
        <v>0</v>
      </c>
      <c r="FB28" s="104">
        <v>0</v>
      </c>
      <c r="FC28" s="102">
        <v>0</v>
      </c>
      <c r="FD28" s="498">
        <v>0</v>
      </c>
      <c r="FE28" s="104">
        <v>0</v>
      </c>
      <c r="FF28" s="104">
        <v>0</v>
      </c>
      <c r="FG28" s="104">
        <v>0</v>
      </c>
      <c r="FH28" s="104">
        <v>0</v>
      </c>
      <c r="FI28" s="104">
        <v>0</v>
      </c>
      <c r="FJ28" s="103">
        <v>0</v>
      </c>
      <c r="FK28" s="106">
        <v>0</v>
      </c>
      <c r="FL28" s="100">
        <v>16002</v>
      </c>
      <c r="FM28" s="104">
        <v>33390</v>
      </c>
      <c r="FN28" s="103">
        <v>49392</v>
      </c>
      <c r="FO28" s="100">
        <v>0</v>
      </c>
      <c r="FP28" s="104">
        <v>120932</v>
      </c>
      <c r="FQ28" s="104">
        <v>195678</v>
      </c>
      <c r="FR28" s="104">
        <v>160566</v>
      </c>
      <c r="FS28" s="104">
        <v>88074</v>
      </c>
      <c r="FT28" s="104">
        <v>152740</v>
      </c>
      <c r="FU28" s="103">
        <v>717990</v>
      </c>
      <c r="FV28" s="106">
        <v>767382</v>
      </c>
      <c r="FW28" s="105">
        <v>16002</v>
      </c>
      <c r="FX28" s="104">
        <v>33390</v>
      </c>
      <c r="FY28" s="102">
        <v>49392</v>
      </c>
      <c r="FZ28" s="101">
        <v>0</v>
      </c>
      <c r="GA28" s="104">
        <v>108752</v>
      </c>
      <c r="GB28" s="104">
        <v>195678</v>
      </c>
      <c r="GC28" s="104">
        <v>160566</v>
      </c>
      <c r="GD28" s="104">
        <v>88074</v>
      </c>
      <c r="GE28" s="104">
        <v>79240</v>
      </c>
      <c r="GF28" s="103">
        <v>632310</v>
      </c>
      <c r="GG28" s="294">
        <v>681702</v>
      </c>
      <c r="GH28" s="105">
        <v>0</v>
      </c>
      <c r="GI28" s="104">
        <v>0</v>
      </c>
      <c r="GJ28" s="102">
        <v>0</v>
      </c>
      <c r="GK28" s="101">
        <v>0</v>
      </c>
      <c r="GL28" s="104">
        <v>12180</v>
      </c>
      <c r="GM28" s="104">
        <v>0</v>
      </c>
      <c r="GN28" s="104">
        <v>0</v>
      </c>
      <c r="GO28" s="104">
        <v>0</v>
      </c>
      <c r="GP28" s="104">
        <v>0</v>
      </c>
      <c r="GQ28" s="103">
        <v>12180</v>
      </c>
      <c r="GR28" s="106">
        <v>12180</v>
      </c>
      <c r="GS28" s="100">
        <v>0</v>
      </c>
      <c r="GT28" s="104">
        <v>0</v>
      </c>
      <c r="GU28" s="103">
        <v>0</v>
      </c>
      <c r="GV28" s="100">
        <v>0</v>
      </c>
      <c r="GW28" s="104">
        <v>0</v>
      </c>
      <c r="GX28" s="104">
        <v>0</v>
      </c>
      <c r="GY28" s="104">
        <v>0</v>
      </c>
      <c r="GZ28" s="104">
        <v>0</v>
      </c>
      <c r="HA28" s="104">
        <v>73500</v>
      </c>
      <c r="HB28" s="102">
        <v>73500</v>
      </c>
      <c r="HC28" s="106">
        <v>73500</v>
      </c>
      <c r="HD28" s="100">
        <v>0</v>
      </c>
      <c r="HE28" s="104">
        <v>0</v>
      </c>
      <c r="HF28" s="102">
        <v>0</v>
      </c>
      <c r="HG28" s="101">
        <v>0</v>
      </c>
      <c r="HH28" s="104">
        <v>278001</v>
      </c>
      <c r="HI28" s="104">
        <v>311895</v>
      </c>
      <c r="HJ28" s="104">
        <v>170592</v>
      </c>
      <c r="HK28" s="104">
        <v>1357528</v>
      </c>
      <c r="HL28" s="104">
        <v>1565299</v>
      </c>
      <c r="HM28" s="103">
        <v>3683315</v>
      </c>
      <c r="HN28" s="99">
        <v>3683315</v>
      </c>
      <c r="HO28" s="484">
        <v>0</v>
      </c>
      <c r="HP28" s="485">
        <v>0</v>
      </c>
      <c r="HQ28" s="486">
        <v>0</v>
      </c>
      <c r="HR28" s="487">
        <v>0</v>
      </c>
      <c r="HS28" s="485">
        <v>0</v>
      </c>
      <c r="HT28" s="485">
        <v>0</v>
      </c>
      <c r="HU28" s="485">
        <v>0</v>
      </c>
      <c r="HV28" s="485">
        <v>0</v>
      </c>
      <c r="HW28" s="485">
        <v>0</v>
      </c>
      <c r="HX28" s="488">
        <v>0</v>
      </c>
      <c r="HY28" s="489">
        <v>0</v>
      </c>
      <c r="HZ28" s="137">
        <v>0</v>
      </c>
      <c r="IA28" s="122">
        <v>0</v>
      </c>
      <c r="IB28" s="137">
        <v>0</v>
      </c>
      <c r="IC28" s="121">
        <v>0</v>
      </c>
      <c r="ID28" s="122">
        <v>232654</v>
      </c>
      <c r="IE28" s="123">
        <v>474500</v>
      </c>
      <c r="IF28" s="124">
        <v>731153</v>
      </c>
      <c r="IG28" s="122">
        <v>0</v>
      </c>
      <c r="IH28" s="124">
        <v>232199</v>
      </c>
      <c r="II28" s="125">
        <v>1670506</v>
      </c>
      <c r="IJ28" s="137">
        <v>1670506</v>
      </c>
      <c r="IK28" s="219">
        <v>0</v>
      </c>
      <c r="IL28" s="223">
        <v>0</v>
      </c>
      <c r="IM28" s="224">
        <v>0</v>
      </c>
      <c r="IN28" s="127">
        <v>0</v>
      </c>
      <c r="IO28" s="109">
        <v>0</v>
      </c>
      <c r="IP28" s="109">
        <v>0</v>
      </c>
      <c r="IQ28" s="109">
        <v>0</v>
      </c>
      <c r="IR28" s="109">
        <v>0</v>
      </c>
      <c r="IS28" s="109">
        <v>232199</v>
      </c>
      <c r="IT28" s="128">
        <v>232199</v>
      </c>
      <c r="IU28" s="296">
        <v>232199</v>
      </c>
      <c r="IV28" s="129">
        <v>0</v>
      </c>
      <c r="IW28" s="109">
        <v>0</v>
      </c>
      <c r="IX28" s="110">
        <v>0</v>
      </c>
      <c r="IY28" s="502">
        <v>0</v>
      </c>
      <c r="IZ28" s="109">
        <v>0</v>
      </c>
      <c r="JA28" s="109">
        <v>0</v>
      </c>
      <c r="JB28" s="109">
        <v>0</v>
      </c>
      <c r="JC28" s="109">
        <v>0</v>
      </c>
      <c r="JD28" s="109">
        <v>0</v>
      </c>
      <c r="JE28" s="110">
        <v>0</v>
      </c>
      <c r="JF28" s="111">
        <v>0</v>
      </c>
      <c r="JG28" s="129">
        <v>0</v>
      </c>
      <c r="JH28" s="109">
        <v>0</v>
      </c>
      <c r="JI28" s="128">
        <v>0</v>
      </c>
      <c r="JJ28" s="108">
        <v>0</v>
      </c>
      <c r="JK28" s="109">
        <v>27586</v>
      </c>
      <c r="JL28" s="109">
        <v>53099</v>
      </c>
      <c r="JM28" s="109">
        <v>73288</v>
      </c>
      <c r="JN28" s="109">
        <v>0</v>
      </c>
      <c r="JO28" s="109">
        <v>0</v>
      </c>
      <c r="JP28" s="110">
        <v>153973</v>
      </c>
      <c r="JQ28" s="296">
        <v>153973</v>
      </c>
      <c r="JR28" s="129">
        <v>0</v>
      </c>
      <c r="JS28" s="109">
        <v>0</v>
      </c>
      <c r="JT28" s="128">
        <v>0</v>
      </c>
      <c r="JU28" s="108">
        <v>0</v>
      </c>
      <c r="JV28" s="109">
        <v>0</v>
      </c>
      <c r="JW28" s="109">
        <v>0</v>
      </c>
      <c r="JX28" s="109">
        <v>0</v>
      </c>
      <c r="JY28" s="109">
        <v>0</v>
      </c>
      <c r="JZ28" s="109">
        <v>0</v>
      </c>
      <c r="KA28" s="110">
        <v>0</v>
      </c>
      <c r="KB28" s="296">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506">
        <v>0</v>
      </c>
      <c r="KR28" s="109">
        <v>205068</v>
      </c>
      <c r="KS28" s="109">
        <v>421401</v>
      </c>
      <c r="KT28" s="109">
        <v>657865</v>
      </c>
      <c r="KU28" s="109">
        <v>0</v>
      </c>
      <c r="KV28" s="109">
        <v>0</v>
      </c>
      <c r="KW28" s="110">
        <v>1284334</v>
      </c>
      <c r="KX28" s="296">
        <v>1284334</v>
      </c>
      <c r="KY28" s="129">
        <v>0</v>
      </c>
      <c r="KZ28" s="109">
        <v>0</v>
      </c>
      <c r="LA28" s="110">
        <v>0</v>
      </c>
      <c r="LB28" s="510">
        <v>0</v>
      </c>
      <c r="LC28" s="109">
        <v>0</v>
      </c>
      <c r="LD28" s="109">
        <v>0</v>
      </c>
      <c r="LE28" s="109">
        <v>0</v>
      </c>
      <c r="LF28" s="109">
        <v>0</v>
      </c>
      <c r="LG28" s="109">
        <v>0</v>
      </c>
      <c r="LH28" s="110">
        <v>0</v>
      </c>
      <c r="LI28" s="111">
        <v>0</v>
      </c>
      <c r="LJ28" s="129">
        <v>0</v>
      </c>
      <c r="LK28" s="109">
        <v>0</v>
      </c>
      <c r="LL28" s="110">
        <v>0</v>
      </c>
      <c r="LM28" s="510">
        <v>0</v>
      </c>
      <c r="LN28" s="109">
        <v>0</v>
      </c>
      <c r="LO28" s="109">
        <v>0</v>
      </c>
      <c r="LP28" s="109">
        <v>0</v>
      </c>
      <c r="LQ28" s="109">
        <v>0</v>
      </c>
      <c r="LR28" s="109">
        <v>0</v>
      </c>
      <c r="LS28" s="110">
        <v>0</v>
      </c>
      <c r="LT28" s="296">
        <v>0</v>
      </c>
      <c r="LU28" s="129">
        <v>0</v>
      </c>
      <c r="LV28" s="109">
        <v>0</v>
      </c>
      <c r="LW28" s="110">
        <v>0</v>
      </c>
      <c r="LX28" s="510">
        <v>0</v>
      </c>
      <c r="LY28" s="109">
        <v>0</v>
      </c>
      <c r="LZ28" s="109">
        <v>0</v>
      </c>
      <c r="MA28" s="109">
        <v>0</v>
      </c>
      <c r="MB28" s="109">
        <v>0</v>
      </c>
      <c r="MC28" s="109">
        <v>0</v>
      </c>
      <c r="MD28" s="110">
        <v>0</v>
      </c>
      <c r="ME28" s="111">
        <v>0</v>
      </c>
      <c r="MF28" s="129">
        <v>0</v>
      </c>
      <c r="MG28" s="109">
        <v>0</v>
      </c>
      <c r="MH28" s="110">
        <v>0</v>
      </c>
      <c r="MI28" s="510">
        <v>0</v>
      </c>
      <c r="MJ28" s="109">
        <v>0</v>
      </c>
      <c r="MK28" s="109">
        <v>0</v>
      </c>
      <c r="ML28" s="109">
        <v>427784</v>
      </c>
      <c r="MM28" s="109">
        <v>1115995</v>
      </c>
      <c r="MN28" s="109">
        <v>1191419</v>
      </c>
      <c r="MO28" s="110">
        <v>2735198</v>
      </c>
      <c r="MP28" s="130">
        <v>2735198</v>
      </c>
      <c r="MQ28" s="129">
        <v>0</v>
      </c>
      <c r="MR28" s="109">
        <v>0</v>
      </c>
      <c r="MS28" s="110">
        <v>0</v>
      </c>
      <c r="MT28" s="510">
        <v>0</v>
      </c>
      <c r="MU28" s="109">
        <v>0</v>
      </c>
      <c r="MV28" s="109">
        <v>0</v>
      </c>
      <c r="MW28" s="109">
        <v>427784</v>
      </c>
      <c r="MX28" s="109">
        <v>874952</v>
      </c>
      <c r="MY28" s="109">
        <v>0</v>
      </c>
      <c r="MZ28" s="110">
        <v>1302736</v>
      </c>
      <c r="NA28" s="130">
        <v>1302736</v>
      </c>
      <c r="NB28" s="129">
        <v>0</v>
      </c>
      <c r="NC28" s="109">
        <v>0</v>
      </c>
      <c r="ND28" s="110">
        <v>0</v>
      </c>
      <c r="NE28" s="510">
        <v>0</v>
      </c>
      <c r="NF28" s="109">
        <v>0</v>
      </c>
      <c r="NG28" s="109">
        <v>0</v>
      </c>
      <c r="NH28" s="109">
        <v>0</v>
      </c>
      <c r="NI28" s="109">
        <v>241043</v>
      </c>
      <c r="NJ28" s="109">
        <v>524257</v>
      </c>
      <c r="NK28" s="110">
        <v>765300</v>
      </c>
      <c r="NL28" s="296">
        <v>765300</v>
      </c>
      <c r="NM28" s="129">
        <v>0</v>
      </c>
      <c r="NN28" s="109">
        <v>0</v>
      </c>
      <c r="NO28" s="110">
        <v>0</v>
      </c>
      <c r="NP28" s="510">
        <v>0</v>
      </c>
      <c r="NQ28" s="109">
        <v>0</v>
      </c>
      <c r="NR28" s="109">
        <v>0</v>
      </c>
      <c r="NS28" s="109">
        <v>0</v>
      </c>
      <c r="NT28" s="109">
        <v>0</v>
      </c>
      <c r="NU28" s="109">
        <v>0</v>
      </c>
      <c r="NV28" s="110">
        <v>0</v>
      </c>
      <c r="NW28" s="111">
        <v>0</v>
      </c>
      <c r="NX28" s="129">
        <v>0</v>
      </c>
      <c r="NY28" s="109">
        <v>0</v>
      </c>
      <c r="NZ28" s="110">
        <v>0</v>
      </c>
      <c r="OA28" s="510">
        <v>0</v>
      </c>
      <c r="OB28" s="109">
        <v>0</v>
      </c>
      <c r="OC28" s="109">
        <v>0</v>
      </c>
      <c r="OD28" s="109">
        <v>0</v>
      </c>
      <c r="OE28" s="109">
        <v>0</v>
      </c>
      <c r="OF28" s="109">
        <v>667162</v>
      </c>
      <c r="OG28" s="110">
        <v>667162</v>
      </c>
      <c r="OH28" s="111">
        <v>667162</v>
      </c>
      <c r="OI28" s="129">
        <v>94240</v>
      </c>
      <c r="OJ28" s="109">
        <v>138285</v>
      </c>
      <c r="OK28" s="128">
        <v>232525</v>
      </c>
      <c r="OL28" s="108">
        <v>0</v>
      </c>
      <c r="OM28" s="109">
        <v>1603124</v>
      </c>
      <c r="ON28" s="109">
        <v>2997398</v>
      </c>
      <c r="OO28" s="109">
        <v>3749694</v>
      </c>
      <c r="OP28" s="109">
        <v>3600872</v>
      </c>
      <c r="OQ28" s="109">
        <v>3975140</v>
      </c>
      <c r="OR28" s="110">
        <v>15926228</v>
      </c>
      <c r="OS28" s="130">
        <v>16158753</v>
      </c>
    </row>
    <row r="29" spans="2:409" ht="21" customHeight="1" x14ac:dyDescent="0.2">
      <c r="B29" s="468" t="s">
        <v>24</v>
      </c>
      <c r="C29" s="100">
        <v>204038</v>
      </c>
      <c r="D29" s="104">
        <v>291883</v>
      </c>
      <c r="E29" s="103">
        <v>495921</v>
      </c>
      <c r="F29" s="99">
        <v>0</v>
      </c>
      <c r="G29" s="104">
        <v>2348467</v>
      </c>
      <c r="H29" s="104">
        <v>1956996</v>
      </c>
      <c r="I29" s="104">
        <v>1509740</v>
      </c>
      <c r="J29" s="104">
        <v>1825815</v>
      </c>
      <c r="K29" s="104">
        <v>2110951</v>
      </c>
      <c r="L29" s="160">
        <v>9751969</v>
      </c>
      <c r="M29" s="106">
        <v>10247890</v>
      </c>
      <c r="N29" s="100">
        <v>47449</v>
      </c>
      <c r="O29" s="104">
        <v>61721</v>
      </c>
      <c r="P29" s="103">
        <v>109170</v>
      </c>
      <c r="Q29" s="100">
        <v>0</v>
      </c>
      <c r="R29" s="104">
        <v>604440</v>
      </c>
      <c r="S29" s="104">
        <v>484403</v>
      </c>
      <c r="T29" s="104">
        <v>404285</v>
      </c>
      <c r="U29" s="104">
        <v>653196</v>
      </c>
      <c r="V29" s="104">
        <v>797738</v>
      </c>
      <c r="W29" s="103">
        <v>2944062</v>
      </c>
      <c r="X29" s="106">
        <v>3053232</v>
      </c>
      <c r="Y29" s="100">
        <v>0</v>
      </c>
      <c r="Z29" s="104">
        <v>0</v>
      </c>
      <c r="AA29" s="103">
        <v>0</v>
      </c>
      <c r="AB29" s="100">
        <v>0</v>
      </c>
      <c r="AC29" s="104">
        <v>163474</v>
      </c>
      <c r="AD29" s="104">
        <v>181432</v>
      </c>
      <c r="AE29" s="104">
        <v>180680</v>
      </c>
      <c r="AF29" s="104">
        <v>268491</v>
      </c>
      <c r="AG29" s="104">
        <v>392453</v>
      </c>
      <c r="AH29" s="103">
        <v>1186530</v>
      </c>
      <c r="AI29" s="106">
        <v>1186530</v>
      </c>
      <c r="AJ29" s="100">
        <v>0</v>
      </c>
      <c r="AK29" s="104">
        <v>0</v>
      </c>
      <c r="AL29" s="103">
        <v>0</v>
      </c>
      <c r="AM29" s="100">
        <v>0</v>
      </c>
      <c r="AN29" s="104">
        <v>42256</v>
      </c>
      <c r="AO29" s="104">
        <v>0</v>
      </c>
      <c r="AP29" s="104">
        <v>0</v>
      </c>
      <c r="AQ29" s="104">
        <v>0</v>
      </c>
      <c r="AR29" s="104">
        <v>93405</v>
      </c>
      <c r="AS29" s="103">
        <v>135661</v>
      </c>
      <c r="AT29" s="106">
        <v>135661</v>
      </c>
      <c r="AU29" s="100">
        <v>40197</v>
      </c>
      <c r="AV29" s="104">
        <v>46741</v>
      </c>
      <c r="AW29" s="103">
        <v>86938</v>
      </c>
      <c r="AX29" s="100">
        <v>0</v>
      </c>
      <c r="AY29" s="104">
        <v>265437</v>
      </c>
      <c r="AZ29" s="104">
        <v>201835</v>
      </c>
      <c r="BA29" s="104">
        <v>149531</v>
      </c>
      <c r="BB29" s="104">
        <v>219848</v>
      </c>
      <c r="BC29" s="104">
        <v>132440</v>
      </c>
      <c r="BD29" s="103">
        <v>969091</v>
      </c>
      <c r="BE29" s="106">
        <v>1056029</v>
      </c>
      <c r="BF29" s="100">
        <v>0</v>
      </c>
      <c r="BG29" s="104">
        <v>0</v>
      </c>
      <c r="BH29" s="102">
        <v>0</v>
      </c>
      <c r="BI29" s="101">
        <v>0</v>
      </c>
      <c r="BJ29" s="104">
        <v>0</v>
      </c>
      <c r="BK29" s="104">
        <v>0</v>
      </c>
      <c r="BL29" s="104">
        <v>0</v>
      </c>
      <c r="BM29" s="104">
        <v>0</v>
      </c>
      <c r="BN29" s="104">
        <v>18993</v>
      </c>
      <c r="BO29" s="103">
        <v>18993</v>
      </c>
      <c r="BP29" s="106">
        <v>18993</v>
      </c>
      <c r="BQ29" s="100">
        <v>7252</v>
      </c>
      <c r="BR29" s="104">
        <v>14980</v>
      </c>
      <c r="BS29" s="103">
        <v>22232</v>
      </c>
      <c r="BT29" s="100">
        <v>0</v>
      </c>
      <c r="BU29" s="104">
        <v>133273</v>
      </c>
      <c r="BV29" s="104">
        <v>101136</v>
      </c>
      <c r="BW29" s="104">
        <v>74074</v>
      </c>
      <c r="BX29" s="104">
        <v>164857</v>
      </c>
      <c r="BY29" s="104">
        <v>160447</v>
      </c>
      <c r="BZ29" s="103">
        <v>633787</v>
      </c>
      <c r="CA29" s="106">
        <v>656019</v>
      </c>
      <c r="CB29" s="100">
        <v>35733</v>
      </c>
      <c r="CC29" s="104">
        <v>35660</v>
      </c>
      <c r="CD29" s="103">
        <v>71393</v>
      </c>
      <c r="CE29" s="100">
        <v>0</v>
      </c>
      <c r="CF29" s="104">
        <v>580017</v>
      </c>
      <c r="CG29" s="104">
        <v>378007</v>
      </c>
      <c r="CH29" s="104">
        <v>344649</v>
      </c>
      <c r="CI29" s="104">
        <v>122875</v>
      </c>
      <c r="CJ29" s="104">
        <v>259874</v>
      </c>
      <c r="CK29" s="103">
        <v>1685422</v>
      </c>
      <c r="CL29" s="106">
        <v>1756815</v>
      </c>
      <c r="CM29" s="100">
        <v>0</v>
      </c>
      <c r="CN29" s="104">
        <v>0</v>
      </c>
      <c r="CO29" s="103">
        <v>0</v>
      </c>
      <c r="CP29" s="101">
        <v>0</v>
      </c>
      <c r="CQ29" s="104">
        <v>394121</v>
      </c>
      <c r="CR29" s="104">
        <v>195539</v>
      </c>
      <c r="CS29" s="104">
        <v>164066</v>
      </c>
      <c r="CT29" s="104">
        <v>0</v>
      </c>
      <c r="CU29" s="104">
        <v>0</v>
      </c>
      <c r="CV29" s="103">
        <v>753726</v>
      </c>
      <c r="CW29" s="106">
        <v>753726</v>
      </c>
      <c r="CX29" s="100">
        <v>35733</v>
      </c>
      <c r="CY29" s="104">
        <v>35660</v>
      </c>
      <c r="CZ29" s="103">
        <v>71393</v>
      </c>
      <c r="DA29" s="100">
        <v>0</v>
      </c>
      <c r="DB29" s="104">
        <v>185896</v>
      </c>
      <c r="DC29" s="104">
        <v>182468</v>
      </c>
      <c r="DD29" s="104">
        <v>180583</v>
      </c>
      <c r="DE29" s="104">
        <v>122875</v>
      </c>
      <c r="DF29" s="104">
        <v>259874</v>
      </c>
      <c r="DG29" s="103">
        <v>931696</v>
      </c>
      <c r="DH29" s="106">
        <v>1003089</v>
      </c>
      <c r="DI29" s="100">
        <v>0</v>
      </c>
      <c r="DJ29" s="104">
        <v>0</v>
      </c>
      <c r="DK29" s="102">
        <v>0</v>
      </c>
      <c r="DL29" s="101">
        <v>0</v>
      </c>
      <c r="DM29" s="104">
        <v>0</v>
      </c>
      <c r="DN29" s="104">
        <v>0</v>
      </c>
      <c r="DO29" s="104">
        <v>35430</v>
      </c>
      <c r="DP29" s="104">
        <v>0</v>
      </c>
      <c r="DQ29" s="104">
        <v>90882</v>
      </c>
      <c r="DR29" s="103">
        <v>126312</v>
      </c>
      <c r="DS29" s="106">
        <v>126312</v>
      </c>
      <c r="DT29" s="100">
        <v>0</v>
      </c>
      <c r="DU29" s="104">
        <v>0</v>
      </c>
      <c r="DV29" s="103">
        <v>0</v>
      </c>
      <c r="DW29" s="100">
        <v>0</v>
      </c>
      <c r="DX29" s="104">
        <v>0</v>
      </c>
      <c r="DY29" s="104">
        <v>0</v>
      </c>
      <c r="DZ29" s="104">
        <v>35430</v>
      </c>
      <c r="EA29" s="104">
        <v>0</v>
      </c>
      <c r="EB29" s="104">
        <v>90882</v>
      </c>
      <c r="EC29" s="103">
        <v>126312</v>
      </c>
      <c r="ED29" s="106">
        <v>126312</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498">
        <v>0</v>
      </c>
      <c r="FE29" s="104">
        <v>0</v>
      </c>
      <c r="FF29" s="104">
        <v>0</v>
      </c>
      <c r="FG29" s="104">
        <v>0</v>
      </c>
      <c r="FH29" s="104">
        <v>0</v>
      </c>
      <c r="FI29" s="104">
        <v>0</v>
      </c>
      <c r="FJ29" s="103">
        <v>0</v>
      </c>
      <c r="FK29" s="106">
        <v>0</v>
      </c>
      <c r="FL29" s="100">
        <v>28378</v>
      </c>
      <c r="FM29" s="104">
        <v>40796</v>
      </c>
      <c r="FN29" s="103">
        <v>69174</v>
      </c>
      <c r="FO29" s="100">
        <v>0</v>
      </c>
      <c r="FP29" s="104">
        <v>108010</v>
      </c>
      <c r="FQ29" s="104">
        <v>165858</v>
      </c>
      <c r="FR29" s="104">
        <v>117866</v>
      </c>
      <c r="FS29" s="104">
        <v>186382</v>
      </c>
      <c r="FT29" s="104">
        <v>136325</v>
      </c>
      <c r="FU29" s="103">
        <v>714441</v>
      </c>
      <c r="FV29" s="106">
        <v>783615</v>
      </c>
      <c r="FW29" s="105">
        <v>28378</v>
      </c>
      <c r="FX29" s="104">
        <v>40796</v>
      </c>
      <c r="FY29" s="102">
        <v>69174</v>
      </c>
      <c r="FZ29" s="101">
        <v>0</v>
      </c>
      <c r="GA29" s="104">
        <v>61810</v>
      </c>
      <c r="GB29" s="104">
        <v>165858</v>
      </c>
      <c r="GC29" s="104">
        <v>117866</v>
      </c>
      <c r="GD29" s="104">
        <v>109382</v>
      </c>
      <c r="GE29" s="104">
        <v>136325</v>
      </c>
      <c r="GF29" s="103">
        <v>591241</v>
      </c>
      <c r="GG29" s="294">
        <v>660415</v>
      </c>
      <c r="GH29" s="105">
        <v>0</v>
      </c>
      <c r="GI29" s="104">
        <v>0</v>
      </c>
      <c r="GJ29" s="102">
        <v>0</v>
      </c>
      <c r="GK29" s="101">
        <v>0</v>
      </c>
      <c r="GL29" s="104">
        <v>0</v>
      </c>
      <c r="GM29" s="104">
        <v>0</v>
      </c>
      <c r="GN29" s="104">
        <v>0</v>
      </c>
      <c r="GO29" s="104">
        <v>0</v>
      </c>
      <c r="GP29" s="104">
        <v>0</v>
      </c>
      <c r="GQ29" s="103">
        <v>0</v>
      </c>
      <c r="GR29" s="106">
        <v>0</v>
      </c>
      <c r="GS29" s="100">
        <v>0</v>
      </c>
      <c r="GT29" s="104">
        <v>0</v>
      </c>
      <c r="GU29" s="103">
        <v>0</v>
      </c>
      <c r="GV29" s="100">
        <v>0</v>
      </c>
      <c r="GW29" s="104">
        <v>46200</v>
      </c>
      <c r="GX29" s="104">
        <v>0</v>
      </c>
      <c r="GY29" s="104">
        <v>0</v>
      </c>
      <c r="GZ29" s="104">
        <v>77000</v>
      </c>
      <c r="HA29" s="104">
        <v>0</v>
      </c>
      <c r="HB29" s="102">
        <v>123200</v>
      </c>
      <c r="HC29" s="106">
        <v>123200</v>
      </c>
      <c r="HD29" s="100">
        <v>92478</v>
      </c>
      <c r="HE29" s="104">
        <v>153706</v>
      </c>
      <c r="HF29" s="102">
        <v>246184</v>
      </c>
      <c r="HG29" s="101">
        <v>0</v>
      </c>
      <c r="HH29" s="104">
        <v>1056000</v>
      </c>
      <c r="HI29" s="104">
        <v>928728</v>
      </c>
      <c r="HJ29" s="104">
        <v>607510</v>
      </c>
      <c r="HK29" s="104">
        <v>863362</v>
      </c>
      <c r="HL29" s="104">
        <v>826132</v>
      </c>
      <c r="HM29" s="103">
        <v>4281732</v>
      </c>
      <c r="HN29" s="99">
        <v>4527916</v>
      </c>
      <c r="HO29" s="484">
        <v>0</v>
      </c>
      <c r="HP29" s="485">
        <v>0</v>
      </c>
      <c r="HQ29" s="486">
        <v>0</v>
      </c>
      <c r="HR29" s="487">
        <v>0</v>
      </c>
      <c r="HS29" s="485">
        <v>0</v>
      </c>
      <c r="HT29" s="485">
        <v>0</v>
      </c>
      <c r="HU29" s="485">
        <v>0</v>
      </c>
      <c r="HV29" s="485">
        <v>0</v>
      </c>
      <c r="HW29" s="485">
        <v>0</v>
      </c>
      <c r="HX29" s="488">
        <v>0</v>
      </c>
      <c r="HY29" s="489">
        <v>0</v>
      </c>
      <c r="HZ29" s="118">
        <v>0</v>
      </c>
      <c r="IA29" s="119">
        <v>0</v>
      </c>
      <c r="IB29" s="120">
        <v>0</v>
      </c>
      <c r="IC29" s="133">
        <v>0</v>
      </c>
      <c r="ID29" s="119">
        <v>274319</v>
      </c>
      <c r="IE29" s="134">
        <v>45793</v>
      </c>
      <c r="IF29" s="120">
        <v>247942</v>
      </c>
      <c r="IG29" s="119">
        <v>612555</v>
      </c>
      <c r="IH29" s="120">
        <v>288789</v>
      </c>
      <c r="II29" s="135">
        <v>1469398</v>
      </c>
      <c r="IJ29" s="126">
        <v>1469398</v>
      </c>
      <c r="IK29" s="219">
        <v>0</v>
      </c>
      <c r="IL29" s="223">
        <v>0</v>
      </c>
      <c r="IM29" s="224">
        <v>0</v>
      </c>
      <c r="IN29" s="127">
        <v>0</v>
      </c>
      <c r="IO29" s="109">
        <v>0</v>
      </c>
      <c r="IP29" s="109">
        <v>0</v>
      </c>
      <c r="IQ29" s="109">
        <v>0</v>
      </c>
      <c r="IR29" s="109">
        <v>378658</v>
      </c>
      <c r="IS29" s="109">
        <v>0</v>
      </c>
      <c r="IT29" s="128">
        <v>378658</v>
      </c>
      <c r="IU29" s="296">
        <v>378658</v>
      </c>
      <c r="IV29" s="129">
        <v>0</v>
      </c>
      <c r="IW29" s="109">
        <v>0</v>
      </c>
      <c r="IX29" s="110">
        <v>0</v>
      </c>
      <c r="IY29" s="502">
        <v>0</v>
      </c>
      <c r="IZ29" s="109">
        <v>0</v>
      </c>
      <c r="JA29" s="109">
        <v>0</v>
      </c>
      <c r="JB29" s="109">
        <v>0</v>
      </c>
      <c r="JC29" s="109">
        <v>0</v>
      </c>
      <c r="JD29" s="109">
        <v>0</v>
      </c>
      <c r="JE29" s="110">
        <v>0</v>
      </c>
      <c r="JF29" s="111">
        <v>0</v>
      </c>
      <c r="JG29" s="129">
        <v>0</v>
      </c>
      <c r="JH29" s="109">
        <v>0</v>
      </c>
      <c r="JI29" s="128">
        <v>0</v>
      </c>
      <c r="JJ29" s="108">
        <v>0</v>
      </c>
      <c r="JK29" s="109">
        <v>0</v>
      </c>
      <c r="JL29" s="109">
        <v>0</v>
      </c>
      <c r="JM29" s="109">
        <v>0</v>
      </c>
      <c r="JN29" s="109">
        <v>105793</v>
      </c>
      <c r="JO29" s="109">
        <v>0</v>
      </c>
      <c r="JP29" s="110">
        <v>105793</v>
      </c>
      <c r="JQ29" s="296">
        <v>105793</v>
      </c>
      <c r="JR29" s="129">
        <v>0</v>
      </c>
      <c r="JS29" s="109">
        <v>0</v>
      </c>
      <c r="JT29" s="128">
        <v>0</v>
      </c>
      <c r="JU29" s="108">
        <v>0</v>
      </c>
      <c r="JV29" s="109">
        <v>0</v>
      </c>
      <c r="JW29" s="109">
        <v>45793</v>
      </c>
      <c r="JX29" s="109">
        <v>68903</v>
      </c>
      <c r="JY29" s="109">
        <v>0</v>
      </c>
      <c r="JZ29" s="109">
        <v>75693</v>
      </c>
      <c r="KA29" s="110">
        <v>190389</v>
      </c>
      <c r="KB29" s="296">
        <v>190389</v>
      </c>
      <c r="KC29" s="221">
        <v>0</v>
      </c>
      <c r="KD29" s="217">
        <v>0</v>
      </c>
      <c r="KE29" s="110">
        <v>0</v>
      </c>
      <c r="KF29" s="108">
        <v>0</v>
      </c>
      <c r="KG29" s="109">
        <v>274319</v>
      </c>
      <c r="KH29" s="109">
        <v>0</v>
      </c>
      <c r="KI29" s="109">
        <v>179039</v>
      </c>
      <c r="KJ29" s="109">
        <v>128104</v>
      </c>
      <c r="KK29" s="109">
        <v>0</v>
      </c>
      <c r="KL29" s="110">
        <v>581462</v>
      </c>
      <c r="KM29" s="130">
        <v>581462</v>
      </c>
      <c r="KN29" s="219">
        <v>0</v>
      </c>
      <c r="KO29" s="223">
        <v>0</v>
      </c>
      <c r="KP29" s="224">
        <v>0</v>
      </c>
      <c r="KQ29" s="506">
        <v>0</v>
      </c>
      <c r="KR29" s="109">
        <v>0</v>
      </c>
      <c r="KS29" s="109">
        <v>0</v>
      </c>
      <c r="KT29" s="109">
        <v>0</v>
      </c>
      <c r="KU29" s="109">
        <v>0</v>
      </c>
      <c r="KV29" s="109">
        <v>213096</v>
      </c>
      <c r="KW29" s="110">
        <v>213096</v>
      </c>
      <c r="KX29" s="296">
        <v>213096</v>
      </c>
      <c r="KY29" s="129">
        <v>0</v>
      </c>
      <c r="KZ29" s="109">
        <v>0</v>
      </c>
      <c r="LA29" s="110">
        <v>0</v>
      </c>
      <c r="LB29" s="510">
        <v>0</v>
      </c>
      <c r="LC29" s="109">
        <v>0</v>
      </c>
      <c r="LD29" s="109">
        <v>0</v>
      </c>
      <c r="LE29" s="109">
        <v>0</v>
      </c>
      <c r="LF29" s="109">
        <v>0</v>
      </c>
      <c r="LG29" s="109">
        <v>0</v>
      </c>
      <c r="LH29" s="110">
        <v>0</v>
      </c>
      <c r="LI29" s="111">
        <v>0</v>
      </c>
      <c r="LJ29" s="129">
        <v>0</v>
      </c>
      <c r="LK29" s="109">
        <v>0</v>
      </c>
      <c r="LL29" s="110">
        <v>0</v>
      </c>
      <c r="LM29" s="510">
        <v>0</v>
      </c>
      <c r="LN29" s="109">
        <v>0</v>
      </c>
      <c r="LO29" s="109">
        <v>0</v>
      </c>
      <c r="LP29" s="109">
        <v>0</v>
      </c>
      <c r="LQ29" s="109">
        <v>0</v>
      </c>
      <c r="LR29" s="109">
        <v>0</v>
      </c>
      <c r="LS29" s="110">
        <v>0</v>
      </c>
      <c r="LT29" s="296">
        <v>0</v>
      </c>
      <c r="LU29" s="129">
        <v>0</v>
      </c>
      <c r="LV29" s="109">
        <v>0</v>
      </c>
      <c r="LW29" s="110">
        <v>0</v>
      </c>
      <c r="LX29" s="510">
        <v>0</v>
      </c>
      <c r="LY29" s="109">
        <v>0</v>
      </c>
      <c r="LZ29" s="109">
        <v>0</v>
      </c>
      <c r="MA29" s="109">
        <v>0</v>
      </c>
      <c r="MB29" s="109">
        <v>0</v>
      </c>
      <c r="MC29" s="109">
        <v>0</v>
      </c>
      <c r="MD29" s="110">
        <v>0</v>
      </c>
      <c r="ME29" s="111">
        <v>0</v>
      </c>
      <c r="MF29" s="129">
        <v>0</v>
      </c>
      <c r="MG29" s="109">
        <v>0</v>
      </c>
      <c r="MH29" s="110">
        <v>0</v>
      </c>
      <c r="MI29" s="510">
        <v>0</v>
      </c>
      <c r="MJ29" s="109">
        <v>0</v>
      </c>
      <c r="MK29" s="109">
        <v>0</v>
      </c>
      <c r="ML29" s="109">
        <v>262649</v>
      </c>
      <c r="MM29" s="109">
        <v>919518</v>
      </c>
      <c r="MN29" s="109">
        <v>0</v>
      </c>
      <c r="MO29" s="110">
        <v>1182167</v>
      </c>
      <c r="MP29" s="130">
        <v>1182167</v>
      </c>
      <c r="MQ29" s="129">
        <v>0</v>
      </c>
      <c r="MR29" s="109">
        <v>0</v>
      </c>
      <c r="MS29" s="110">
        <v>0</v>
      </c>
      <c r="MT29" s="510">
        <v>0</v>
      </c>
      <c r="MU29" s="109">
        <v>0</v>
      </c>
      <c r="MV29" s="109">
        <v>0</v>
      </c>
      <c r="MW29" s="109">
        <v>210299</v>
      </c>
      <c r="MX29" s="109">
        <v>919518</v>
      </c>
      <c r="MY29" s="109">
        <v>0</v>
      </c>
      <c r="MZ29" s="110">
        <v>1129817</v>
      </c>
      <c r="NA29" s="130">
        <v>1129817</v>
      </c>
      <c r="NB29" s="129">
        <v>0</v>
      </c>
      <c r="NC29" s="109">
        <v>0</v>
      </c>
      <c r="ND29" s="110">
        <v>0</v>
      </c>
      <c r="NE29" s="510">
        <v>0</v>
      </c>
      <c r="NF29" s="109">
        <v>0</v>
      </c>
      <c r="NG29" s="109">
        <v>0</v>
      </c>
      <c r="NH29" s="109">
        <v>52350</v>
      </c>
      <c r="NI29" s="109">
        <v>0</v>
      </c>
      <c r="NJ29" s="109">
        <v>0</v>
      </c>
      <c r="NK29" s="110">
        <v>52350</v>
      </c>
      <c r="NL29" s="296">
        <v>52350</v>
      </c>
      <c r="NM29" s="129">
        <v>0</v>
      </c>
      <c r="NN29" s="109">
        <v>0</v>
      </c>
      <c r="NO29" s="110">
        <v>0</v>
      </c>
      <c r="NP29" s="510">
        <v>0</v>
      </c>
      <c r="NQ29" s="109">
        <v>0</v>
      </c>
      <c r="NR29" s="109">
        <v>0</v>
      </c>
      <c r="NS29" s="109">
        <v>0</v>
      </c>
      <c r="NT29" s="109">
        <v>0</v>
      </c>
      <c r="NU29" s="109">
        <v>0</v>
      </c>
      <c r="NV29" s="110">
        <v>0</v>
      </c>
      <c r="NW29" s="111">
        <v>0</v>
      </c>
      <c r="NX29" s="129">
        <v>0</v>
      </c>
      <c r="NY29" s="109">
        <v>0</v>
      </c>
      <c r="NZ29" s="110">
        <v>0</v>
      </c>
      <c r="OA29" s="510">
        <v>0</v>
      </c>
      <c r="OB29" s="109">
        <v>0</v>
      </c>
      <c r="OC29" s="109">
        <v>0</v>
      </c>
      <c r="OD29" s="109">
        <v>0</v>
      </c>
      <c r="OE29" s="109">
        <v>0</v>
      </c>
      <c r="OF29" s="109">
        <v>0</v>
      </c>
      <c r="OG29" s="110">
        <v>0</v>
      </c>
      <c r="OH29" s="111">
        <v>0</v>
      </c>
      <c r="OI29" s="129">
        <v>204038</v>
      </c>
      <c r="OJ29" s="109">
        <v>291883</v>
      </c>
      <c r="OK29" s="128">
        <v>495921</v>
      </c>
      <c r="OL29" s="108">
        <v>0</v>
      </c>
      <c r="OM29" s="109">
        <v>2622786</v>
      </c>
      <c r="ON29" s="109">
        <v>2002789</v>
      </c>
      <c r="OO29" s="109">
        <v>2020331</v>
      </c>
      <c r="OP29" s="109">
        <v>3357888</v>
      </c>
      <c r="OQ29" s="109">
        <v>2399740</v>
      </c>
      <c r="OR29" s="110">
        <v>12403534</v>
      </c>
      <c r="OS29" s="130">
        <v>12899455</v>
      </c>
    </row>
    <row r="30" spans="2:409" ht="21" customHeight="1" x14ac:dyDescent="0.2">
      <c r="B30" s="468" t="s">
        <v>25</v>
      </c>
      <c r="C30" s="100">
        <v>114614</v>
      </c>
      <c r="D30" s="104">
        <v>247991</v>
      </c>
      <c r="E30" s="103">
        <v>362605</v>
      </c>
      <c r="F30" s="99">
        <v>0</v>
      </c>
      <c r="G30" s="104">
        <v>608417</v>
      </c>
      <c r="H30" s="104">
        <v>777415</v>
      </c>
      <c r="I30" s="104">
        <v>594096</v>
      </c>
      <c r="J30" s="104">
        <v>248818</v>
      </c>
      <c r="K30" s="104">
        <v>826336</v>
      </c>
      <c r="L30" s="160">
        <v>3055082</v>
      </c>
      <c r="M30" s="106">
        <v>3417687</v>
      </c>
      <c r="N30" s="100">
        <v>45574</v>
      </c>
      <c r="O30" s="104">
        <v>73019</v>
      </c>
      <c r="P30" s="103">
        <v>118593</v>
      </c>
      <c r="Q30" s="100">
        <v>0</v>
      </c>
      <c r="R30" s="104">
        <v>284097</v>
      </c>
      <c r="S30" s="104">
        <v>148839</v>
      </c>
      <c r="T30" s="104">
        <v>49294</v>
      </c>
      <c r="U30" s="104">
        <v>52711</v>
      </c>
      <c r="V30" s="104">
        <v>208136</v>
      </c>
      <c r="W30" s="103">
        <v>743077</v>
      </c>
      <c r="X30" s="106">
        <v>861670</v>
      </c>
      <c r="Y30" s="100">
        <v>0</v>
      </c>
      <c r="Z30" s="104">
        <v>0</v>
      </c>
      <c r="AA30" s="103">
        <v>0</v>
      </c>
      <c r="AB30" s="100">
        <v>0</v>
      </c>
      <c r="AC30" s="104">
        <v>92417</v>
      </c>
      <c r="AD30" s="104">
        <v>92559</v>
      </c>
      <c r="AE30" s="104">
        <v>32116</v>
      </c>
      <c r="AF30" s="104">
        <v>40685</v>
      </c>
      <c r="AG30" s="104">
        <v>0</v>
      </c>
      <c r="AH30" s="103">
        <v>257777</v>
      </c>
      <c r="AI30" s="106">
        <v>257777</v>
      </c>
      <c r="AJ30" s="100">
        <v>0</v>
      </c>
      <c r="AK30" s="104">
        <v>0</v>
      </c>
      <c r="AL30" s="103">
        <v>0</v>
      </c>
      <c r="AM30" s="100">
        <v>0</v>
      </c>
      <c r="AN30" s="104">
        <v>0</v>
      </c>
      <c r="AO30" s="104">
        <v>10231</v>
      </c>
      <c r="AP30" s="104">
        <v>0</v>
      </c>
      <c r="AQ30" s="104">
        <v>0</v>
      </c>
      <c r="AR30" s="104">
        <v>92074</v>
      </c>
      <c r="AS30" s="103">
        <v>102305</v>
      </c>
      <c r="AT30" s="106">
        <v>102305</v>
      </c>
      <c r="AU30" s="100">
        <v>24896</v>
      </c>
      <c r="AV30" s="104">
        <v>67587</v>
      </c>
      <c r="AW30" s="103">
        <v>92483</v>
      </c>
      <c r="AX30" s="100">
        <v>0</v>
      </c>
      <c r="AY30" s="104">
        <v>174096</v>
      </c>
      <c r="AZ30" s="104">
        <v>38797</v>
      </c>
      <c r="BA30" s="104">
        <v>0</v>
      </c>
      <c r="BB30" s="104">
        <v>0</v>
      </c>
      <c r="BC30" s="104">
        <v>81566</v>
      </c>
      <c r="BD30" s="103">
        <v>294459</v>
      </c>
      <c r="BE30" s="106">
        <v>386942</v>
      </c>
      <c r="BF30" s="100">
        <v>0</v>
      </c>
      <c r="BG30" s="104">
        <v>0</v>
      </c>
      <c r="BH30" s="102">
        <v>0</v>
      </c>
      <c r="BI30" s="101">
        <v>0</v>
      </c>
      <c r="BJ30" s="104">
        <v>0</v>
      </c>
      <c r="BK30" s="104">
        <v>0</v>
      </c>
      <c r="BL30" s="104">
        <v>0</v>
      </c>
      <c r="BM30" s="104">
        <v>0</v>
      </c>
      <c r="BN30" s="104">
        <v>0</v>
      </c>
      <c r="BO30" s="103">
        <v>0</v>
      </c>
      <c r="BP30" s="106">
        <v>0</v>
      </c>
      <c r="BQ30" s="100">
        <v>20678</v>
      </c>
      <c r="BR30" s="104">
        <v>5432</v>
      </c>
      <c r="BS30" s="103">
        <v>26110</v>
      </c>
      <c r="BT30" s="100">
        <v>0</v>
      </c>
      <c r="BU30" s="104">
        <v>17584</v>
      </c>
      <c r="BV30" s="104">
        <v>7252</v>
      </c>
      <c r="BW30" s="104">
        <v>17178</v>
      </c>
      <c r="BX30" s="104">
        <v>12026</v>
      </c>
      <c r="BY30" s="104">
        <v>34496</v>
      </c>
      <c r="BZ30" s="103">
        <v>88536</v>
      </c>
      <c r="CA30" s="106">
        <v>114646</v>
      </c>
      <c r="CB30" s="100">
        <v>17177</v>
      </c>
      <c r="CC30" s="104">
        <v>0</v>
      </c>
      <c r="CD30" s="103">
        <v>17177</v>
      </c>
      <c r="CE30" s="100">
        <v>0</v>
      </c>
      <c r="CF30" s="104">
        <v>227102</v>
      </c>
      <c r="CG30" s="104">
        <v>281501</v>
      </c>
      <c r="CH30" s="104">
        <v>167852</v>
      </c>
      <c r="CI30" s="104">
        <v>0</v>
      </c>
      <c r="CJ30" s="104">
        <v>114585</v>
      </c>
      <c r="CK30" s="103">
        <v>791040</v>
      </c>
      <c r="CL30" s="106">
        <v>808217</v>
      </c>
      <c r="CM30" s="100">
        <v>0</v>
      </c>
      <c r="CN30" s="104">
        <v>0</v>
      </c>
      <c r="CO30" s="103">
        <v>0</v>
      </c>
      <c r="CP30" s="101">
        <v>0</v>
      </c>
      <c r="CQ30" s="104">
        <v>101567</v>
      </c>
      <c r="CR30" s="104">
        <v>224046</v>
      </c>
      <c r="CS30" s="104">
        <v>40100</v>
      </c>
      <c r="CT30" s="104">
        <v>0</v>
      </c>
      <c r="CU30" s="104">
        <v>0</v>
      </c>
      <c r="CV30" s="103">
        <v>365713</v>
      </c>
      <c r="CW30" s="106">
        <v>365713</v>
      </c>
      <c r="CX30" s="100">
        <v>17177</v>
      </c>
      <c r="CY30" s="104">
        <v>0</v>
      </c>
      <c r="CZ30" s="103">
        <v>17177</v>
      </c>
      <c r="DA30" s="100">
        <v>0</v>
      </c>
      <c r="DB30" s="104">
        <v>125535</v>
      </c>
      <c r="DC30" s="104">
        <v>57455</v>
      </c>
      <c r="DD30" s="104">
        <v>127752</v>
      </c>
      <c r="DE30" s="104">
        <v>0</v>
      </c>
      <c r="DF30" s="104">
        <v>114585</v>
      </c>
      <c r="DG30" s="103">
        <v>425327</v>
      </c>
      <c r="DH30" s="106">
        <v>442504</v>
      </c>
      <c r="DI30" s="100">
        <v>0</v>
      </c>
      <c r="DJ30" s="104">
        <v>0</v>
      </c>
      <c r="DK30" s="102">
        <v>0</v>
      </c>
      <c r="DL30" s="101">
        <v>0</v>
      </c>
      <c r="DM30" s="104">
        <v>60748</v>
      </c>
      <c r="DN30" s="104">
        <v>0</v>
      </c>
      <c r="DO30" s="104">
        <v>0</v>
      </c>
      <c r="DP30" s="104">
        <v>0</v>
      </c>
      <c r="DQ30" s="104">
        <v>0</v>
      </c>
      <c r="DR30" s="103">
        <v>60748</v>
      </c>
      <c r="DS30" s="106">
        <v>60748</v>
      </c>
      <c r="DT30" s="100">
        <v>0</v>
      </c>
      <c r="DU30" s="104">
        <v>0</v>
      </c>
      <c r="DV30" s="103">
        <v>0</v>
      </c>
      <c r="DW30" s="100">
        <v>0</v>
      </c>
      <c r="DX30" s="104">
        <v>60748</v>
      </c>
      <c r="DY30" s="104">
        <v>0</v>
      </c>
      <c r="DZ30" s="104">
        <v>0</v>
      </c>
      <c r="EA30" s="104">
        <v>0</v>
      </c>
      <c r="EB30" s="104">
        <v>0</v>
      </c>
      <c r="EC30" s="103">
        <v>60748</v>
      </c>
      <c r="ED30" s="106">
        <v>60748</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498">
        <v>0</v>
      </c>
      <c r="FE30" s="104">
        <v>0</v>
      </c>
      <c r="FF30" s="104">
        <v>0</v>
      </c>
      <c r="FG30" s="104">
        <v>0</v>
      </c>
      <c r="FH30" s="104">
        <v>0</v>
      </c>
      <c r="FI30" s="104">
        <v>0</v>
      </c>
      <c r="FJ30" s="103">
        <v>0</v>
      </c>
      <c r="FK30" s="106">
        <v>0</v>
      </c>
      <c r="FL30" s="100">
        <v>51863</v>
      </c>
      <c r="FM30" s="104">
        <v>174972</v>
      </c>
      <c r="FN30" s="103">
        <v>226835</v>
      </c>
      <c r="FO30" s="100">
        <v>0</v>
      </c>
      <c r="FP30" s="104">
        <v>36470</v>
      </c>
      <c r="FQ30" s="104">
        <v>94248</v>
      </c>
      <c r="FR30" s="104">
        <v>44674</v>
      </c>
      <c r="FS30" s="104">
        <v>15288</v>
      </c>
      <c r="FT30" s="104">
        <v>119777</v>
      </c>
      <c r="FU30" s="103">
        <v>310457</v>
      </c>
      <c r="FV30" s="106">
        <v>537292</v>
      </c>
      <c r="FW30" s="105">
        <v>15008</v>
      </c>
      <c r="FX30" s="104">
        <v>37142</v>
      </c>
      <c r="FY30" s="102">
        <v>52150</v>
      </c>
      <c r="FZ30" s="101">
        <v>0</v>
      </c>
      <c r="GA30" s="104">
        <v>36470</v>
      </c>
      <c r="GB30" s="104">
        <v>94248</v>
      </c>
      <c r="GC30" s="104">
        <v>44674</v>
      </c>
      <c r="GD30" s="104">
        <v>15288</v>
      </c>
      <c r="GE30" s="104">
        <v>59577</v>
      </c>
      <c r="GF30" s="103">
        <v>250257</v>
      </c>
      <c r="GG30" s="294">
        <v>302407</v>
      </c>
      <c r="GH30" s="105">
        <v>36855</v>
      </c>
      <c r="GI30" s="104">
        <v>0</v>
      </c>
      <c r="GJ30" s="102">
        <v>36855</v>
      </c>
      <c r="GK30" s="101">
        <v>0</v>
      </c>
      <c r="GL30" s="104">
        <v>0</v>
      </c>
      <c r="GM30" s="104">
        <v>0</v>
      </c>
      <c r="GN30" s="104">
        <v>0</v>
      </c>
      <c r="GO30" s="104">
        <v>0</v>
      </c>
      <c r="GP30" s="104">
        <v>0</v>
      </c>
      <c r="GQ30" s="103">
        <v>0</v>
      </c>
      <c r="GR30" s="106">
        <v>36855</v>
      </c>
      <c r="GS30" s="100">
        <v>0</v>
      </c>
      <c r="GT30" s="104">
        <v>137830</v>
      </c>
      <c r="GU30" s="103">
        <v>137830</v>
      </c>
      <c r="GV30" s="100">
        <v>0</v>
      </c>
      <c r="GW30" s="104">
        <v>0</v>
      </c>
      <c r="GX30" s="104">
        <v>0</v>
      </c>
      <c r="GY30" s="104">
        <v>0</v>
      </c>
      <c r="GZ30" s="104">
        <v>0</v>
      </c>
      <c r="HA30" s="104">
        <v>60200</v>
      </c>
      <c r="HB30" s="102">
        <v>60200</v>
      </c>
      <c r="HC30" s="106">
        <v>198030</v>
      </c>
      <c r="HD30" s="100">
        <v>0</v>
      </c>
      <c r="HE30" s="104">
        <v>0</v>
      </c>
      <c r="HF30" s="102">
        <v>0</v>
      </c>
      <c r="HG30" s="101">
        <v>0</v>
      </c>
      <c r="HH30" s="104">
        <v>0</v>
      </c>
      <c r="HI30" s="104">
        <v>252827</v>
      </c>
      <c r="HJ30" s="104">
        <v>332276</v>
      </c>
      <c r="HK30" s="104">
        <v>180819</v>
      </c>
      <c r="HL30" s="104">
        <v>383838</v>
      </c>
      <c r="HM30" s="103">
        <v>1149760</v>
      </c>
      <c r="HN30" s="99">
        <v>1149760</v>
      </c>
      <c r="HO30" s="484">
        <v>0</v>
      </c>
      <c r="HP30" s="485">
        <v>0</v>
      </c>
      <c r="HQ30" s="486">
        <v>0</v>
      </c>
      <c r="HR30" s="487">
        <v>0</v>
      </c>
      <c r="HS30" s="485">
        <v>0</v>
      </c>
      <c r="HT30" s="485">
        <v>0</v>
      </c>
      <c r="HU30" s="485">
        <v>0</v>
      </c>
      <c r="HV30" s="485">
        <v>0</v>
      </c>
      <c r="HW30" s="485">
        <v>0</v>
      </c>
      <c r="HX30" s="488">
        <v>0</v>
      </c>
      <c r="HY30" s="489">
        <v>0</v>
      </c>
      <c r="HZ30" s="137">
        <v>0</v>
      </c>
      <c r="IA30" s="122">
        <v>0</v>
      </c>
      <c r="IB30" s="137">
        <v>0</v>
      </c>
      <c r="IC30" s="121">
        <v>0</v>
      </c>
      <c r="ID30" s="122">
        <v>327459</v>
      </c>
      <c r="IE30" s="123">
        <v>82037</v>
      </c>
      <c r="IF30" s="124">
        <v>0</v>
      </c>
      <c r="IG30" s="122">
        <v>0</v>
      </c>
      <c r="IH30" s="124">
        <v>0</v>
      </c>
      <c r="II30" s="125">
        <v>409496</v>
      </c>
      <c r="IJ30" s="137">
        <v>409496</v>
      </c>
      <c r="IK30" s="219">
        <v>0</v>
      </c>
      <c r="IL30" s="223">
        <v>0</v>
      </c>
      <c r="IM30" s="224">
        <v>0</v>
      </c>
      <c r="IN30" s="127">
        <v>0</v>
      </c>
      <c r="IO30" s="109">
        <v>0</v>
      </c>
      <c r="IP30" s="109">
        <v>0</v>
      </c>
      <c r="IQ30" s="109">
        <v>0</v>
      </c>
      <c r="IR30" s="109">
        <v>0</v>
      </c>
      <c r="IS30" s="109">
        <v>0</v>
      </c>
      <c r="IT30" s="128">
        <v>0</v>
      </c>
      <c r="IU30" s="296">
        <v>0</v>
      </c>
      <c r="IV30" s="129">
        <v>0</v>
      </c>
      <c r="IW30" s="109">
        <v>0</v>
      </c>
      <c r="IX30" s="110">
        <v>0</v>
      </c>
      <c r="IY30" s="502">
        <v>0</v>
      </c>
      <c r="IZ30" s="109">
        <v>0</v>
      </c>
      <c r="JA30" s="109">
        <v>0</v>
      </c>
      <c r="JB30" s="109">
        <v>0</v>
      </c>
      <c r="JC30" s="109">
        <v>0</v>
      </c>
      <c r="JD30" s="109">
        <v>0</v>
      </c>
      <c r="JE30" s="110">
        <v>0</v>
      </c>
      <c r="JF30" s="111">
        <v>0</v>
      </c>
      <c r="JG30" s="129">
        <v>0</v>
      </c>
      <c r="JH30" s="109">
        <v>0</v>
      </c>
      <c r="JI30" s="128">
        <v>0</v>
      </c>
      <c r="JJ30" s="108">
        <v>0</v>
      </c>
      <c r="JK30" s="109">
        <v>134607</v>
      </c>
      <c r="JL30" s="109">
        <v>82037</v>
      </c>
      <c r="JM30" s="109">
        <v>0</v>
      </c>
      <c r="JN30" s="109">
        <v>0</v>
      </c>
      <c r="JO30" s="109">
        <v>0</v>
      </c>
      <c r="JP30" s="110">
        <v>216644</v>
      </c>
      <c r="JQ30" s="296">
        <v>216644</v>
      </c>
      <c r="JR30" s="129">
        <v>0</v>
      </c>
      <c r="JS30" s="109">
        <v>0</v>
      </c>
      <c r="JT30" s="128">
        <v>0</v>
      </c>
      <c r="JU30" s="108">
        <v>0</v>
      </c>
      <c r="JV30" s="109">
        <v>0</v>
      </c>
      <c r="JW30" s="109">
        <v>0</v>
      </c>
      <c r="JX30" s="109">
        <v>0</v>
      </c>
      <c r="JY30" s="109">
        <v>0</v>
      </c>
      <c r="JZ30" s="109">
        <v>0</v>
      </c>
      <c r="KA30" s="110">
        <v>0</v>
      </c>
      <c r="KB30" s="296">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506">
        <v>0</v>
      </c>
      <c r="KR30" s="109">
        <v>192852</v>
      </c>
      <c r="KS30" s="109">
        <v>0</v>
      </c>
      <c r="KT30" s="109">
        <v>0</v>
      </c>
      <c r="KU30" s="109">
        <v>0</v>
      </c>
      <c r="KV30" s="109">
        <v>0</v>
      </c>
      <c r="KW30" s="110">
        <v>192852</v>
      </c>
      <c r="KX30" s="296">
        <v>192852</v>
      </c>
      <c r="KY30" s="129">
        <v>0</v>
      </c>
      <c r="KZ30" s="109">
        <v>0</v>
      </c>
      <c r="LA30" s="110">
        <v>0</v>
      </c>
      <c r="LB30" s="510">
        <v>0</v>
      </c>
      <c r="LC30" s="109">
        <v>0</v>
      </c>
      <c r="LD30" s="109">
        <v>0</v>
      </c>
      <c r="LE30" s="109">
        <v>0</v>
      </c>
      <c r="LF30" s="109">
        <v>0</v>
      </c>
      <c r="LG30" s="109">
        <v>0</v>
      </c>
      <c r="LH30" s="110">
        <v>0</v>
      </c>
      <c r="LI30" s="111">
        <v>0</v>
      </c>
      <c r="LJ30" s="129">
        <v>0</v>
      </c>
      <c r="LK30" s="109">
        <v>0</v>
      </c>
      <c r="LL30" s="110">
        <v>0</v>
      </c>
      <c r="LM30" s="510">
        <v>0</v>
      </c>
      <c r="LN30" s="109">
        <v>0</v>
      </c>
      <c r="LO30" s="109">
        <v>0</v>
      </c>
      <c r="LP30" s="109">
        <v>0</v>
      </c>
      <c r="LQ30" s="109">
        <v>0</v>
      </c>
      <c r="LR30" s="109">
        <v>0</v>
      </c>
      <c r="LS30" s="110">
        <v>0</v>
      </c>
      <c r="LT30" s="296">
        <v>0</v>
      </c>
      <c r="LU30" s="129">
        <v>0</v>
      </c>
      <c r="LV30" s="109">
        <v>0</v>
      </c>
      <c r="LW30" s="110">
        <v>0</v>
      </c>
      <c r="LX30" s="510">
        <v>0</v>
      </c>
      <c r="LY30" s="109">
        <v>0</v>
      </c>
      <c r="LZ30" s="109">
        <v>0</v>
      </c>
      <c r="MA30" s="109">
        <v>0</v>
      </c>
      <c r="MB30" s="109">
        <v>0</v>
      </c>
      <c r="MC30" s="109">
        <v>0</v>
      </c>
      <c r="MD30" s="110">
        <v>0</v>
      </c>
      <c r="ME30" s="111">
        <v>0</v>
      </c>
      <c r="MF30" s="129">
        <v>0</v>
      </c>
      <c r="MG30" s="109">
        <v>0</v>
      </c>
      <c r="MH30" s="110">
        <v>0</v>
      </c>
      <c r="MI30" s="510">
        <v>0</v>
      </c>
      <c r="MJ30" s="109">
        <v>223985</v>
      </c>
      <c r="MK30" s="109">
        <v>733413</v>
      </c>
      <c r="ML30" s="109">
        <v>387306</v>
      </c>
      <c r="MM30" s="109">
        <v>888999</v>
      </c>
      <c r="MN30" s="109">
        <v>227496</v>
      </c>
      <c r="MO30" s="110">
        <v>2461199</v>
      </c>
      <c r="MP30" s="130">
        <v>2461199</v>
      </c>
      <c r="MQ30" s="129">
        <v>0</v>
      </c>
      <c r="MR30" s="109">
        <v>0</v>
      </c>
      <c r="MS30" s="110">
        <v>0</v>
      </c>
      <c r="MT30" s="510">
        <v>0</v>
      </c>
      <c r="MU30" s="109">
        <v>0</v>
      </c>
      <c r="MV30" s="109">
        <v>0</v>
      </c>
      <c r="MW30" s="109">
        <v>387306</v>
      </c>
      <c r="MX30" s="109">
        <v>426888</v>
      </c>
      <c r="MY30" s="109">
        <v>227496</v>
      </c>
      <c r="MZ30" s="110">
        <v>1041690</v>
      </c>
      <c r="NA30" s="130">
        <v>1041690</v>
      </c>
      <c r="NB30" s="129">
        <v>0</v>
      </c>
      <c r="NC30" s="109">
        <v>0</v>
      </c>
      <c r="ND30" s="110">
        <v>0</v>
      </c>
      <c r="NE30" s="510">
        <v>0</v>
      </c>
      <c r="NF30" s="109">
        <v>223985</v>
      </c>
      <c r="NG30" s="109">
        <v>733413</v>
      </c>
      <c r="NH30" s="109">
        <v>0</v>
      </c>
      <c r="NI30" s="109">
        <v>462111</v>
      </c>
      <c r="NJ30" s="109">
        <v>0</v>
      </c>
      <c r="NK30" s="110">
        <v>1419509</v>
      </c>
      <c r="NL30" s="296">
        <v>1419509</v>
      </c>
      <c r="NM30" s="129">
        <v>0</v>
      </c>
      <c r="NN30" s="109">
        <v>0</v>
      </c>
      <c r="NO30" s="110">
        <v>0</v>
      </c>
      <c r="NP30" s="510">
        <v>0</v>
      </c>
      <c r="NQ30" s="109">
        <v>0</v>
      </c>
      <c r="NR30" s="109">
        <v>0</v>
      </c>
      <c r="NS30" s="109">
        <v>0</v>
      </c>
      <c r="NT30" s="109">
        <v>0</v>
      </c>
      <c r="NU30" s="109">
        <v>0</v>
      </c>
      <c r="NV30" s="110">
        <v>0</v>
      </c>
      <c r="NW30" s="111">
        <v>0</v>
      </c>
      <c r="NX30" s="129">
        <v>0</v>
      </c>
      <c r="NY30" s="109">
        <v>0</v>
      </c>
      <c r="NZ30" s="110">
        <v>0</v>
      </c>
      <c r="OA30" s="510">
        <v>0</v>
      </c>
      <c r="OB30" s="109">
        <v>0</v>
      </c>
      <c r="OC30" s="109">
        <v>0</v>
      </c>
      <c r="OD30" s="109">
        <v>0</v>
      </c>
      <c r="OE30" s="109">
        <v>0</v>
      </c>
      <c r="OF30" s="109">
        <v>0</v>
      </c>
      <c r="OG30" s="110">
        <v>0</v>
      </c>
      <c r="OH30" s="111">
        <v>0</v>
      </c>
      <c r="OI30" s="129">
        <v>114614</v>
      </c>
      <c r="OJ30" s="109">
        <v>247991</v>
      </c>
      <c r="OK30" s="128">
        <v>362605</v>
      </c>
      <c r="OL30" s="108">
        <v>0</v>
      </c>
      <c r="OM30" s="109">
        <v>1159861</v>
      </c>
      <c r="ON30" s="109">
        <v>1592865</v>
      </c>
      <c r="OO30" s="109">
        <v>981402</v>
      </c>
      <c r="OP30" s="109">
        <v>1137817</v>
      </c>
      <c r="OQ30" s="109">
        <v>1053832</v>
      </c>
      <c r="OR30" s="110">
        <v>5925777</v>
      </c>
      <c r="OS30" s="130">
        <v>6288382</v>
      </c>
    </row>
    <row r="31" spans="2:409" ht="21" customHeight="1" x14ac:dyDescent="0.2">
      <c r="B31" s="468" t="s">
        <v>26</v>
      </c>
      <c r="C31" s="100">
        <v>138042</v>
      </c>
      <c r="D31" s="104">
        <v>72924</v>
      </c>
      <c r="E31" s="103">
        <v>210966</v>
      </c>
      <c r="F31" s="99">
        <v>0</v>
      </c>
      <c r="G31" s="104">
        <v>1303798</v>
      </c>
      <c r="H31" s="104">
        <v>1464033</v>
      </c>
      <c r="I31" s="104">
        <v>966945</v>
      </c>
      <c r="J31" s="104">
        <v>998621</v>
      </c>
      <c r="K31" s="104">
        <v>1466086</v>
      </c>
      <c r="L31" s="160">
        <v>6199483</v>
      </c>
      <c r="M31" s="106">
        <v>6410449</v>
      </c>
      <c r="N31" s="100">
        <v>45514</v>
      </c>
      <c r="O31" s="104">
        <v>61108</v>
      </c>
      <c r="P31" s="103">
        <v>106622</v>
      </c>
      <c r="Q31" s="100">
        <v>0</v>
      </c>
      <c r="R31" s="104">
        <v>363591</v>
      </c>
      <c r="S31" s="104">
        <v>585004</v>
      </c>
      <c r="T31" s="104">
        <v>100462</v>
      </c>
      <c r="U31" s="104">
        <v>333447</v>
      </c>
      <c r="V31" s="104">
        <v>1089877</v>
      </c>
      <c r="W31" s="103">
        <v>2472381</v>
      </c>
      <c r="X31" s="106">
        <v>2579003</v>
      </c>
      <c r="Y31" s="100">
        <v>0</v>
      </c>
      <c r="Z31" s="104">
        <v>0</v>
      </c>
      <c r="AA31" s="103">
        <v>0</v>
      </c>
      <c r="AB31" s="100">
        <v>0</v>
      </c>
      <c r="AC31" s="104">
        <v>106535</v>
      </c>
      <c r="AD31" s="104">
        <v>253808</v>
      </c>
      <c r="AE31" s="104">
        <v>30714</v>
      </c>
      <c r="AF31" s="104">
        <v>110747</v>
      </c>
      <c r="AG31" s="104">
        <v>499952</v>
      </c>
      <c r="AH31" s="103">
        <v>1001756</v>
      </c>
      <c r="AI31" s="106">
        <v>1001756</v>
      </c>
      <c r="AJ31" s="100">
        <v>0</v>
      </c>
      <c r="AK31" s="104">
        <v>0</v>
      </c>
      <c r="AL31" s="103">
        <v>0</v>
      </c>
      <c r="AM31" s="100">
        <v>0</v>
      </c>
      <c r="AN31" s="104">
        <v>0</v>
      </c>
      <c r="AO31" s="104">
        <v>0</v>
      </c>
      <c r="AP31" s="104">
        <v>0</v>
      </c>
      <c r="AQ31" s="104">
        <v>0</v>
      </c>
      <c r="AR31" s="104">
        <v>138399</v>
      </c>
      <c r="AS31" s="103">
        <v>138399</v>
      </c>
      <c r="AT31" s="106">
        <v>138399</v>
      </c>
      <c r="AU31" s="100">
        <v>0</v>
      </c>
      <c r="AV31" s="104">
        <v>0</v>
      </c>
      <c r="AW31" s="103">
        <v>0</v>
      </c>
      <c r="AX31" s="100">
        <v>0</v>
      </c>
      <c r="AY31" s="104">
        <v>194168</v>
      </c>
      <c r="AZ31" s="104">
        <v>285878</v>
      </c>
      <c r="BA31" s="104">
        <v>0</v>
      </c>
      <c r="BB31" s="104">
        <v>130188</v>
      </c>
      <c r="BC31" s="104">
        <v>409442</v>
      </c>
      <c r="BD31" s="103">
        <v>1019676</v>
      </c>
      <c r="BE31" s="106">
        <v>1019676</v>
      </c>
      <c r="BF31" s="100">
        <v>0</v>
      </c>
      <c r="BG31" s="104">
        <v>61108</v>
      </c>
      <c r="BH31" s="102">
        <v>61108</v>
      </c>
      <c r="BI31" s="101">
        <v>0</v>
      </c>
      <c r="BJ31" s="104">
        <v>0</v>
      </c>
      <c r="BK31" s="104">
        <v>0</v>
      </c>
      <c r="BL31" s="104">
        <v>0</v>
      </c>
      <c r="BM31" s="104">
        <v>0</v>
      </c>
      <c r="BN31" s="104">
        <v>0</v>
      </c>
      <c r="BO31" s="103">
        <v>0</v>
      </c>
      <c r="BP31" s="106">
        <v>61108</v>
      </c>
      <c r="BQ31" s="100">
        <v>45514</v>
      </c>
      <c r="BR31" s="104">
        <v>0</v>
      </c>
      <c r="BS31" s="103">
        <v>45514</v>
      </c>
      <c r="BT31" s="100">
        <v>0</v>
      </c>
      <c r="BU31" s="104">
        <v>62888</v>
      </c>
      <c r="BV31" s="104">
        <v>45318</v>
      </c>
      <c r="BW31" s="104">
        <v>69748</v>
      </c>
      <c r="BX31" s="104">
        <v>92512</v>
      </c>
      <c r="BY31" s="104">
        <v>42084</v>
      </c>
      <c r="BZ31" s="103">
        <v>312550</v>
      </c>
      <c r="CA31" s="106">
        <v>358064</v>
      </c>
      <c r="CB31" s="100">
        <v>0</v>
      </c>
      <c r="CC31" s="104">
        <v>0</v>
      </c>
      <c r="CD31" s="103">
        <v>0</v>
      </c>
      <c r="CE31" s="100">
        <v>0</v>
      </c>
      <c r="CF31" s="104">
        <v>489395</v>
      </c>
      <c r="CG31" s="104">
        <v>248311</v>
      </c>
      <c r="CH31" s="104">
        <v>67360</v>
      </c>
      <c r="CI31" s="104">
        <v>82298</v>
      </c>
      <c r="CJ31" s="104">
        <v>0</v>
      </c>
      <c r="CK31" s="103">
        <v>887364</v>
      </c>
      <c r="CL31" s="106">
        <v>887364</v>
      </c>
      <c r="CM31" s="100">
        <v>0</v>
      </c>
      <c r="CN31" s="104">
        <v>0</v>
      </c>
      <c r="CO31" s="103">
        <v>0</v>
      </c>
      <c r="CP31" s="101">
        <v>0</v>
      </c>
      <c r="CQ31" s="104">
        <v>299302</v>
      </c>
      <c r="CR31" s="104">
        <v>120064</v>
      </c>
      <c r="CS31" s="104">
        <v>67360</v>
      </c>
      <c r="CT31" s="104">
        <v>82298</v>
      </c>
      <c r="CU31" s="104">
        <v>0</v>
      </c>
      <c r="CV31" s="103">
        <v>569024</v>
      </c>
      <c r="CW31" s="106">
        <v>569024</v>
      </c>
      <c r="CX31" s="100">
        <v>0</v>
      </c>
      <c r="CY31" s="104">
        <v>0</v>
      </c>
      <c r="CZ31" s="103">
        <v>0</v>
      </c>
      <c r="DA31" s="100">
        <v>0</v>
      </c>
      <c r="DB31" s="104">
        <v>190093</v>
      </c>
      <c r="DC31" s="104">
        <v>128247</v>
      </c>
      <c r="DD31" s="104">
        <v>0</v>
      </c>
      <c r="DE31" s="104">
        <v>0</v>
      </c>
      <c r="DF31" s="104">
        <v>0</v>
      </c>
      <c r="DG31" s="103">
        <v>318340</v>
      </c>
      <c r="DH31" s="106">
        <v>318340</v>
      </c>
      <c r="DI31" s="100">
        <v>0</v>
      </c>
      <c r="DJ31" s="104">
        <v>0</v>
      </c>
      <c r="DK31" s="102">
        <v>0</v>
      </c>
      <c r="DL31" s="101">
        <v>0</v>
      </c>
      <c r="DM31" s="104">
        <v>109880</v>
      </c>
      <c r="DN31" s="104">
        <v>16261</v>
      </c>
      <c r="DO31" s="104">
        <v>85327</v>
      </c>
      <c r="DP31" s="104">
        <v>17375</v>
      </c>
      <c r="DQ31" s="104">
        <v>57955</v>
      </c>
      <c r="DR31" s="103">
        <v>286798</v>
      </c>
      <c r="DS31" s="106">
        <v>286798</v>
      </c>
      <c r="DT31" s="100">
        <v>0</v>
      </c>
      <c r="DU31" s="104">
        <v>0</v>
      </c>
      <c r="DV31" s="103">
        <v>0</v>
      </c>
      <c r="DW31" s="100">
        <v>0</v>
      </c>
      <c r="DX31" s="104">
        <v>109880</v>
      </c>
      <c r="DY31" s="104">
        <v>16261</v>
      </c>
      <c r="DZ31" s="104">
        <v>85327</v>
      </c>
      <c r="EA31" s="104">
        <v>0</v>
      </c>
      <c r="EB31" s="104">
        <v>57955</v>
      </c>
      <c r="EC31" s="103">
        <v>269423</v>
      </c>
      <c r="ED31" s="106">
        <v>269423</v>
      </c>
      <c r="EE31" s="100">
        <v>0</v>
      </c>
      <c r="EF31" s="102">
        <v>0</v>
      </c>
      <c r="EG31" s="103">
        <v>0</v>
      </c>
      <c r="EH31" s="100">
        <v>0</v>
      </c>
      <c r="EI31" s="104">
        <v>0</v>
      </c>
      <c r="EJ31" s="104">
        <v>0</v>
      </c>
      <c r="EK31" s="104">
        <v>0</v>
      </c>
      <c r="EL31" s="104">
        <v>17375</v>
      </c>
      <c r="EM31" s="104">
        <v>0</v>
      </c>
      <c r="EN31" s="102">
        <v>17375</v>
      </c>
      <c r="EO31" s="106">
        <v>17375</v>
      </c>
      <c r="EP31" s="100">
        <v>0</v>
      </c>
      <c r="EQ31" s="104">
        <v>0</v>
      </c>
      <c r="ER31" s="102">
        <v>0</v>
      </c>
      <c r="ES31" s="101">
        <v>0</v>
      </c>
      <c r="ET31" s="104">
        <v>0</v>
      </c>
      <c r="EU31" s="104">
        <v>0</v>
      </c>
      <c r="EV31" s="104">
        <v>0</v>
      </c>
      <c r="EW31" s="104">
        <v>0</v>
      </c>
      <c r="EX31" s="104">
        <v>0</v>
      </c>
      <c r="EY31" s="103">
        <v>0</v>
      </c>
      <c r="EZ31" s="106">
        <v>0</v>
      </c>
      <c r="FA31" s="100">
        <v>0</v>
      </c>
      <c r="FB31" s="104">
        <v>0</v>
      </c>
      <c r="FC31" s="102">
        <v>0</v>
      </c>
      <c r="FD31" s="498">
        <v>0</v>
      </c>
      <c r="FE31" s="104">
        <v>0</v>
      </c>
      <c r="FF31" s="104">
        <v>0</v>
      </c>
      <c r="FG31" s="104">
        <v>0</v>
      </c>
      <c r="FH31" s="104">
        <v>0</v>
      </c>
      <c r="FI31" s="104">
        <v>0</v>
      </c>
      <c r="FJ31" s="103">
        <v>0</v>
      </c>
      <c r="FK31" s="106">
        <v>0</v>
      </c>
      <c r="FL31" s="100">
        <v>0</v>
      </c>
      <c r="FM31" s="104">
        <v>11816</v>
      </c>
      <c r="FN31" s="103">
        <v>11816</v>
      </c>
      <c r="FO31" s="100">
        <v>0</v>
      </c>
      <c r="FP31" s="104">
        <v>56945</v>
      </c>
      <c r="FQ31" s="104">
        <v>104713</v>
      </c>
      <c r="FR31" s="104">
        <v>28840</v>
      </c>
      <c r="FS31" s="104">
        <v>15225</v>
      </c>
      <c r="FT31" s="104">
        <v>121492</v>
      </c>
      <c r="FU31" s="103">
        <v>327215</v>
      </c>
      <c r="FV31" s="106">
        <v>339031</v>
      </c>
      <c r="FW31" s="105">
        <v>0</v>
      </c>
      <c r="FX31" s="104">
        <v>11816</v>
      </c>
      <c r="FY31" s="102">
        <v>11816</v>
      </c>
      <c r="FZ31" s="101">
        <v>0</v>
      </c>
      <c r="GA31" s="104">
        <v>56945</v>
      </c>
      <c r="GB31" s="104">
        <v>104713</v>
      </c>
      <c r="GC31" s="104">
        <v>28840</v>
      </c>
      <c r="GD31" s="104">
        <v>15225</v>
      </c>
      <c r="GE31" s="104">
        <v>121492</v>
      </c>
      <c r="GF31" s="103">
        <v>327215</v>
      </c>
      <c r="GG31" s="294">
        <v>339031</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92528</v>
      </c>
      <c r="HE31" s="104">
        <v>0</v>
      </c>
      <c r="HF31" s="102">
        <v>92528</v>
      </c>
      <c r="HG31" s="101">
        <v>0</v>
      </c>
      <c r="HH31" s="104">
        <v>283987</v>
      </c>
      <c r="HI31" s="104">
        <v>509744</v>
      </c>
      <c r="HJ31" s="104">
        <v>684956</v>
      </c>
      <c r="HK31" s="104">
        <v>550276</v>
      </c>
      <c r="HL31" s="104">
        <v>196762</v>
      </c>
      <c r="HM31" s="103">
        <v>2225725</v>
      </c>
      <c r="HN31" s="99">
        <v>2318253</v>
      </c>
      <c r="HO31" s="484">
        <v>0</v>
      </c>
      <c r="HP31" s="485">
        <v>0</v>
      </c>
      <c r="HQ31" s="486">
        <v>0</v>
      </c>
      <c r="HR31" s="487">
        <v>0</v>
      </c>
      <c r="HS31" s="485">
        <v>0</v>
      </c>
      <c r="HT31" s="485">
        <v>0</v>
      </c>
      <c r="HU31" s="485">
        <v>0</v>
      </c>
      <c r="HV31" s="485">
        <v>0</v>
      </c>
      <c r="HW31" s="485">
        <v>0</v>
      </c>
      <c r="HX31" s="488">
        <v>0</v>
      </c>
      <c r="HY31" s="489">
        <v>0</v>
      </c>
      <c r="HZ31" s="118">
        <v>0</v>
      </c>
      <c r="IA31" s="119">
        <v>0</v>
      </c>
      <c r="IB31" s="120">
        <v>0</v>
      </c>
      <c r="IC31" s="133">
        <v>0</v>
      </c>
      <c r="ID31" s="119">
        <v>159689</v>
      </c>
      <c r="IE31" s="134">
        <v>308585</v>
      </c>
      <c r="IF31" s="120">
        <v>620990</v>
      </c>
      <c r="IG31" s="119">
        <v>214001</v>
      </c>
      <c r="IH31" s="120">
        <v>22077</v>
      </c>
      <c r="II31" s="135">
        <v>1325342</v>
      </c>
      <c r="IJ31" s="126">
        <v>1325342</v>
      </c>
      <c r="IK31" s="219">
        <v>0</v>
      </c>
      <c r="IL31" s="223">
        <v>0</v>
      </c>
      <c r="IM31" s="224">
        <v>0</v>
      </c>
      <c r="IN31" s="127">
        <v>0</v>
      </c>
      <c r="IO31" s="109">
        <v>0</v>
      </c>
      <c r="IP31" s="109">
        <v>0</v>
      </c>
      <c r="IQ31" s="109">
        <v>0</v>
      </c>
      <c r="IR31" s="109">
        <v>0</v>
      </c>
      <c r="IS31" s="109">
        <v>0</v>
      </c>
      <c r="IT31" s="128">
        <v>0</v>
      </c>
      <c r="IU31" s="296">
        <v>0</v>
      </c>
      <c r="IV31" s="129">
        <v>0</v>
      </c>
      <c r="IW31" s="109">
        <v>0</v>
      </c>
      <c r="IX31" s="110">
        <v>0</v>
      </c>
      <c r="IY31" s="502">
        <v>0</v>
      </c>
      <c r="IZ31" s="109">
        <v>0</v>
      </c>
      <c r="JA31" s="109">
        <v>0</v>
      </c>
      <c r="JB31" s="109">
        <v>0</v>
      </c>
      <c r="JC31" s="109">
        <v>0</v>
      </c>
      <c r="JD31" s="109">
        <v>0</v>
      </c>
      <c r="JE31" s="110">
        <v>0</v>
      </c>
      <c r="JF31" s="111">
        <v>0</v>
      </c>
      <c r="JG31" s="129">
        <v>0</v>
      </c>
      <c r="JH31" s="109">
        <v>0</v>
      </c>
      <c r="JI31" s="128">
        <v>0</v>
      </c>
      <c r="JJ31" s="108">
        <v>0</v>
      </c>
      <c r="JK31" s="109">
        <v>44297</v>
      </c>
      <c r="JL31" s="109">
        <v>102139</v>
      </c>
      <c r="JM31" s="109">
        <v>198479</v>
      </c>
      <c r="JN31" s="109">
        <v>0</v>
      </c>
      <c r="JO31" s="109">
        <v>22077</v>
      </c>
      <c r="JP31" s="110">
        <v>366992</v>
      </c>
      <c r="JQ31" s="296">
        <v>366992</v>
      </c>
      <c r="JR31" s="129">
        <v>0</v>
      </c>
      <c r="JS31" s="109">
        <v>0</v>
      </c>
      <c r="JT31" s="128">
        <v>0</v>
      </c>
      <c r="JU31" s="108">
        <v>0</v>
      </c>
      <c r="JV31" s="109">
        <v>0</v>
      </c>
      <c r="JW31" s="109">
        <v>0</v>
      </c>
      <c r="JX31" s="109">
        <v>0</v>
      </c>
      <c r="JY31" s="109">
        <v>0</v>
      </c>
      <c r="JZ31" s="109">
        <v>0</v>
      </c>
      <c r="KA31" s="110">
        <v>0</v>
      </c>
      <c r="KB31" s="296">
        <v>0</v>
      </c>
      <c r="KC31" s="221">
        <v>0</v>
      </c>
      <c r="KD31" s="217">
        <v>0</v>
      </c>
      <c r="KE31" s="110">
        <v>0</v>
      </c>
      <c r="KF31" s="108">
        <v>0</v>
      </c>
      <c r="KG31" s="109">
        <v>115392</v>
      </c>
      <c r="KH31" s="109">
        <v>0</v>
      </c>
      <c r="KI31" s="109">
        <v>0</v>
      </c>
      <c r="KJ31" s="109">
        <v>0</v>
      </c>
      <c r="KK31" s="109">
        <v>0</v>
      </c>
      <c r="KL31" s="110">
        <v>115392</v>
      </c>
      <c r="KM31" s="130">
        <v>115392</v>
      </c>
      <c r="KN31" s="219">
        <v>0</v>
      </c>
      <c r="KO31" s="223">
        <v>0</v>
      </c>
      <c r="KP31" s="224">
        <v>0</v>
      </c>
      <c r="KQ31" s="506">
        <v>0</v>
      </c>
      <c r="KR31" s="109">
        <v>0</v>
      </c>
      <c r="KS31" s="109">
        <v>206446</v>
      </c>
      <c r="KT31" s="109">
        <v>422511</v>
      </c>
      <c r="KU31" s="109">
        <v>214001</v>
      </c>
      <c r="KV31" s="109">
        <v>0</v>
      </c>
      <c r="KW31" s="110">
        <v>842958</v>
      </c>
      <c r="KX31" s="296">
        <v>842958</v>
      </c>
      <c r="KY31" s="129">
        <v>0</v>
      </c>
      <c r="KZ31" s="109">
        <v>0</v>
      </c>
      <c r="LA31" s="110">
        <v>0</v>
      </c>
      <c r="LB31" s="510">
        <v>0</v>
      </c>
      <c r="LC31" s="109">
        <v>0</v>
      </c>
      <c r="LD31" s="109">
        <v>0</v>
      </c>
      <c r="LE31" s="109">
        <v>0</v>
      </c>
      <c r="LF31" s="109">
        <v>0</v>
      </c>
      <c r="LG31" s="109">
        <v>0</v>
      </c>
      <c r="LH31" s="110">
        <v>0</v>
      </c>
      <c r="LI31" s="111">
        <v>0</v>
      </c>
      <c r="LJ31" s="129">
        <v>0</v>
      </c>
      <c r="LK31" s="109">
        <v>0</v>
      </c>
      <c r="LL31" s="110">
        <v>0</v>
      </c>
      <c r="LM31" s="510">
        <v>0</v>
      </c>
      <c r="LN31" s="109">
        <v>0</v>
      </c>
      <c r="LO31" s="109">
        <v>0</v>
      </c>
      <c r="LP31" s="109">
        <v>0</v>
      </c>
      <c r="LQ31" s="109">
        <v>0</v>
      </c>
      <c r="LR31" s="109">
        <v>0</v>
      </c>
      <c r="LS31" s="110">
        <v>0</v>
      </c>
      <c r="LT31" s="296">
        <v>0</v>
      </c>
      <c r="LU31" s="129">
        <v>0</v>
      </c>
      <c r="LV31" s="109">
        <v>0</v>
      </c>
      <c r="LW31" s="110">
        <v>0</v>
      </c>
      <c r="LX31" s="510">
        <v>0</v>
      </c>
      <c r="LY31" s="109">
        <v>0</v>
      </c>
      <c r="LZ31" s="109">
        <v>0</v>
      </c>
      <c r="MA31" s="109">
        <v>0</v>
      </c>
      <c r="MB31" s="109">
        <v>0</v>
      </c>
      <c r="MC31" s="109">
        <v>0</v>
      </c>
      <c r="MD31" s="110">
        <v>0</v>
      </c>
      <c r="ME31" s="111">
        <v>0</v>
      </c>
      <c r="MF31" s="129">
        <v>0</v>
      </c>
      <c r="MG31" s="109">
        <v>0</v>
      </c>
      <c r="MH31" s="110">
        <v>0</v>
      </c>
      <c r="MI31" s="510">
        <v>0</v>
      </c>
      <c r="MJ31" s="109">
        <v>0</v>
      </c>
      <c r="MK31" s="109">
        <v>637229</v>
      </c>
      <c r="ML31" s="109">
        <v>371199</v>
      </c>
      <c r="MM31" s="109">
        <v>686511</v>
      </c>
      <c r="MN31" s="109">
        <v>169509</v>
      </c>
      <c r="MO31" s="110">
        <v>1864448</v>
      </c>
      <c r="MP31" s="130">
        <v>1864448</v>
      </c>
      <c r="MQ31" s="129">
        <v>0</v>
      </c>
      <c r="MR31" s="109">
        <v>0</v>
      </c>
      <c r="MS31" s="110">
        <v>0</v>
      </c>
      <c r="MT31" s="510">
        <v>0</v>
      </c>
      <c r="MU31" s="109">
        <v>0</v>
      </c>
      <c r="MV31" s="109">
        <v>0</v>
      </c>
      <c r="MW31" s="109">
        <v>202106</v>
      </c>
      <c r="MX31" s="109">
        <v>217086</v>
      </c>
      <c r="MY31" s="109">
        <v>169509</v>
      </c>
      <c r="MZ31" s="110">
        <v>588701</v>
      </c>
      <c r="NA31" s="130">
        <v>588701</v>
      </c>
      <c r="NB31" s="129">
        <v>0</v>
      </c>
      <c r="NC31" s="109">
        <v>0</v>
      </c>
      <c r="ND31" s="110">
        <v>0</v>
      </c>
      <c r="NE31" s="510">
        <v>0</v>
      </c>
      <c r="NF31" s="109">
        <v>0</v>
      </c>
      <c r="NG31" s="109">
        <v>637229</v>
      </c>
      <c r="NH31" s="109">
        <v>169093</v>
      </c>
      <c r="NI31" s="109">
        <v>469425</v>
      </c>
      <c r="NJ31" s="109">
        <v>0</v>
      </c>
      <c r="NK31" s="110">
        <v>1275747</v>
      </c>
      <c r="NL31" s="296">
        <v>1275747</v>
      </c>
      <c r="NM31" s="129">
        <v>0</v>
      </c>
      <c r="NN31" s="109">
        <v>0</v>
      </c>
      <c r="NO31" s="110">
        <v>0</v>
      </c>
      <c r="NP31" s="510">
        <v>0</v>
      </c>
      <c r="NQ31" s="109">
        <v>0</v>
      </c>
      <c r="NR31" s="109">
        <v>0</v>
      </c>
      <c r="NS31" s="109">
        <v>0</v>
      </c>
      <c r="NT31" s="109">
        <v>0</v>
      </c>
      <c r="NU31" s="109">
        <v>0</v>
      </c>
      <c r="NV31" s="110">
        <v>0</v>
      </c>
      <c r="NW31" s="111">
        <v>0</v>
      </c>
      <c r="NX31" s="129">
        <v>0</v>
      </c>
      <c r="NY31" s="109">
        <v>0</v>
      </c>
      <c r="NZ31" s="110">
        <v>0</v>
      </c>
      <c r="OA31" s="510">
        <v>0</v>
      </c>
      <c r="OB31" s="109">
        <v>0</v>
      </c>
      <c r="OC31" s="109">
        <v>0</v>
      </c>
      <c r="OD31" s="109">
        <v>0</v>
      </c>
      <c r="OE31" s="109">
        <v>0</v>
      </c>
      <c r="OF31" s="109">
        <v>0</v>
      </c>
      <c r="OG31" s="110">
        <v>0</v>
      </c>
      <c r="OH31" s="111">
        <v>0</v>
      </c>
      <c r="OI31" s="129">
        <v>138042</v>
      </c>
      <c r="OJ31" s="109">
        <v>72924</v>
      </c>
      <c r="OK31" s="128">
        <v>210966</v>
      </c>
      <c r="OL31" s="108">
        <v>0</v>
      </c>
      <c r="OM31" s="109">
        <v>1463487</v>
      </c>
      <c r="ON31" s="109">
        <v>2409847</v>
      </c>
      <c r="OO31" s="109">
        <v>1959134</v>
      </c>
      <c r="OP31" s="109">
        <v>1899133</v>
      </c>
      <c r="OQ31" s="109">
        <v>1657672</v>
      </c>
      <c r="OR31" s="110">
        <v>9389273</v>
      </c>
      <c r="OS31" s="130">
        <v>9600239</v>
      </c>
    </row>
    <row r="32" spans="2:409" ht="21" customHeight="1" x14ac:dyDescent="0.2">
      <c r="B32" s="468" t="s">
        <v>27</v>
      </c>
      <c r="C32" s="100">
        <v>52028</v>
      </c>
      <c r="D32" s="104">
        <v>107527</v>
      </c>
      <c r="E32" s="103">
        <v>159555</v>
      </c>
      <c r="F32" s="99">
        <v>0</v>
      </c>
      <c r="G32" s="104">
        <v>706288</v>
      </c>
      <c r="H32" s="104">
        <v>916886</v>
      </c>
      <c r="I32" s="104">
        <v>2316143</v>
      </c>
      <c r="J32" s="104">
        <v>530325</v>
      </c>
      <c r="K32" s="104">
        <v>450330</v>
      </c>
      <c r="L32" s="160">
        <v>4919972</v>
      </c>
      <c r="M32" s="106">
        <v>5079527</v>
      </c>
      <c r="N32" s="100">
        <v>0</v>
      </c>
      <c r="O32" s="104">
        <v>56847</v>
      </c>
      <c r="P32" s="103">
        <v>56847</v>
      </c>
      <c r="Q32" s="100">
        <v>0</v>
      </c>
      <c r="R32" s="104">
        <v>45812</v>
      </c>
      <c r="S32" s="104">
        <v>276128</v>
      </c>
      <c r="T32" s="104">
        <v>589991</v>
      </c>
      <c r="U32" s="104">
        <v>115062</v>
      </c>
      <c r="V32" s="104">
        <v>52052</v>
      </c>
      <c r="W32" s="103">
        <v>1079045</v>
      </c>
      <c r="X32" s="106">
        <v>1135892</v>
      </c>
      <c r="Y32" s="100">
        <v>0</v>
      </c>
      <c r="Z32" s="104">
        <v>0</v>
      </c>
      <c r="AA32" s="103">
        <v>0</v>
      </c>
      <c r="AB32" s="100">
        <v>0</v>
      </c>
      <c r="AC32" s="104">
        <v>23538</v>
      </c>
      <c r="AD32" s="104">
        <v>44782</v>
      </c>
      <c r="AE32" s="104">
        <v>324963</v>
      </c>
      <c r="AF32" s="104">
        <v>0</v>
      </c>
      <c r="AG32" s="104">
        <v>0</v>
      </c>
      <c r="AH32" s="103">
        <v>393283</v>
      </c>
      <c r="AI32" s="106">
        <v>393283</v>
      </c>
      <c r="AJ32" s="100">
        <v>0</v>
      </c>
      <c r="AK32" s="104">
        <v>0</v>
      </c>
      <c r="AL32" s="103">
        <v>0</v>
      </c>
      <c r="AM32" s="100">
        <v>0</v>
      </c>
      <c r="AN32" s="104">
        <v>0</v>
      </c>
      <c r="AO32" s="104">
        <v>0</v>
      </c>
      <c r="AP32" s="104">
        <v>0</v>
      </c>
      <c r="AQ32" s="104">
        <v>42588</v>
      </c>
      <c r="AR32" s="104">
        <v>0</v>
      </c>
      <c r="AS32" s="103">
        <v>42588</v>
      </c>
      <c r="AT32" s="106">
        <v>42588</v>
      </c>
      <c r="AU32" s="100">
        <v>0</v>
      </c>
      <c r="AV32" s="104">
        <v>56847</v>
      </c>
      <c r="AW32" s="103">
        <v>56847</v>
      </c>
      <c r="AX32" s="100">
        <v>0</v>
      </c>
      <c r="AY32" s="104">
        <v>0</v>
      </c>
      <c r="AZ32" s="104">
        <v>200427</v>
      </c>
      <c r="BA32" s="104">
        <v>107598</v>
      </c>
      <c r="BB32" s="104">
        <v>47218</v>
      </c>
      <c r="BC32" s="104">
        <v>0</v>
      </c>
      <c r="BD32" s="103">
        <v>355243</v>
      </c>
      <c r="BE32" s="106">
        <v>412090</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22274</v>
      </c>
      <c r="BV32" s="104">
        <v>30919</v>
      </c>
      <c r="BW32" s="104">
        <v>157430</v>
      </c>
      <c r="BX32" s="104">
        <v>25256</v>
      </c>
      <c r="BY32" s="104">
        <v>52052</v>
      </c>
      <c r="BZ32" s="103">
        <v>287931</v>
      </c>
      <c r="CA32" s="106">
        <v>287931</v>
      </c>
      <c r="CB32" s="100">
        <v>36628</v>
      </c>
      <c r="CC32" s="104">
        <v>0</v>
      </c>
      <c r="CD32" s="103">
        <v>36628</v>
      </c>
      <c r="CE32" s="100">
        <v>0</v>
      </c>
      <c r="CF32" s="104">
        <v>207584</v>
      </c>
      <c r="CG32" s="104">
        <v>272326</v>
      </c>
      <c r="CH32" s="104">
        <v>203027</v>
      </c>
      <c r="CI32" s="104">
        <v>130420</v>
      </c>
      <c r="CJ32" s="104">
        <v>0</v>
      </c>
      <c r="CK32" s="103">
        <v>813357</v>
      </c>
      <c r="CL32" s="106">
        <v>849985</v>
      </c>
      <c r="CM32" s="100">
        <v>0</v>
      </c>
      <c r="CN32" s="104">
        <v>0</v>
      </c>
      <c r="CO32" s="103">
        <v>0</v>
      </c>
      <c r="CP32" s="101">
        <v>0</v>
      </c>
      <c r="CQ32" s="104">
        <v>125311</v>
      </c>
      <c r="CR32" s="104">
        <v>206380</v>
      </c>
      <c r="CS32" s="104">
        <v>129012</v>
      </c>
      <c r="CT32" s="104">
        <v>130420</v>
      </c>
      <c r="CU32" s="104">
        <v>0</v>
      </c>
      <c r="CV32" s="103">
        <v>591123</v>
      </c>
      <c r="CW32" s="106">
        <v>591123</v>
      </c>
      <c r="CX32" s="100">
        <v>36628</v>
      </c>
      <c r="CY32" s="104">
        <v>0</v>
      </c>
      <c r="CZ32" s="103">
        <v>36628</v>
      </c>
      <c r="DA32" s="100">
        <v>0</v>
      </c>
      <c r="DB32" s="104">
        <v>82273</v>
      </c>
      <c r="DC32" s="104">
        <v>65946</v>
      </c>
      <c r="DD32" s="104">
        <v>74015</v>
      </c>
      <c r="DE32" s="104">
        <v>0</v>
      </c>
      <c r="DF32" s="104">
        <v>0</v>
      </c>
      <c r="DG32" s="103">
        <v>222234</v>
      </c>
      <c r="DH32" s="106">
        <v>258862</v>
      </c>
      <c r="DI32" s="100">
        <v>0</v>
      </c>
      <c r="DJ32" s="104">
        <v>0</v>
      </c>
      <c r="DK32" s="102">
        <v>0</v>
      </c>
      <c r="DL32" s="101">
        <v>0</v>
      </c>
      <c r="DM32" s="104">
        <v>35908</v>
      </c>
      <c r="DN32" s="104">
        <v>26681</v>
      </c>
      <c r="DO32" s="104">
        <v>0</v>
      </c>
      <c r="DP32" s="104">
        <v>62587</v>
      </c>
      <c r="DQ32" s="104">
        <v>0</v>
      </c>
      <c r="DR32" s="103">
        <v>125176</v>
      </c>
      <c r="DS32" s="106">
        <v>125176</v>
      </c>
      <c r="DT32" s="100">
        <v>0</v>
      </c>
      <c r="DU32" s="104">
        <v>0</v>
      </c>
      <c r="DV32" s="103">
        <v>0</v>
      </c>
      <c r="DW32" s="100">
        <v>0</v>
      </c>
      <c r="DX32" s="104">
        <v>35908</v>
      </c>
      <c r="DY32" s="104">
        <v>26681</v>
      </c>
      <c r="DZ32" s="104">
        <v>0</v>
      </c>
      <c r="EA32" s="104">
        <v>62587</v>
      </c>
      <c r="EB32" s="104">
        <v>0</v>
      </c>
      <c r="EC32" s="103">
        <v>125176</v>
      </c>
      <c r="ED32" s="106">
        <v>125176</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498">
        <v>0</v>
      </c>
      <c r="FE32" s="104">
        <v>0</v>
      </c>
      <c r="FF32" s="104">
        <v>0</v>
      </c>
      <c r="FG32" s="104">
        <v>0</v>
      </c>
      <c r="FH32" s="104">
        <v>0</v>
      </c>
      <c r="FI32" s="104">
        <v>0</v>
      </c>
      <c r="FJ32" s="103">
        <v>0</v>
      </c>
      <c r="FK32" s="106">
        <v>0</v>
      </c>
      <c r="FL32" s="100">
        <v>15400</v>
      </c>
      <c r="FM32" s="104">
        <v>50680</v>
      </c>
      <c r="FN32" s="103">
        <v>66080</v>
      </c>
      <c r="FO32" s="100">
        <v>0</v>
      </c>
      <c r="FP32" s="104">
        <v>13370</v>
      </c>
      <c r="FQ32" s="104">
        <v>45486</v>
      </c>
      <c r="FR32" s="104">
        <v>130396</v>
      </c>
      <c r="FS32" s="104">
        <v>42000</v>
      </c>
      <c r="FT32" s="104">
        <v>0</v>
      </c>
      <c r="FU32" s="103">
        <v>231252</v>
      </c>
      <c r="FV32" s="106">
        <v>297332</v>
      </c>
      <c r="FW32" s="105">
        <v>15400</v>
      </c>
      <c r="FX32" s="104">
        <v>50680</v>
      </c>
      <c r="FY32" s="102">
        <v>66080</v>
      </c>
      <c r="FZ32" s="101">
        <v>0</v>
      </c>
      <c r="GA32" s="104">
        <v>13370</v>
      </c>
      <c r="GB32" s="104">
        <v>45486</v>
      </c>
      <c r="GC32" s="104">
        <v>130396</v>
      </c>
      <c r="GD32" s="104">
        <v>42000</v>
      </c>
      <c r="GE32" s="104">
        <v>0</v>
      </c>
      <c r="GF32" s="103">
        <v>231252</v>
      </c>
      <c r="GG32" s="294">
        <v>297332</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403614</v>
      </c>
      <c r="HI32" s="104">
        <v>296265</v>
      </c>
      <c r="HJ32" s="104">
        <v>1392729</v>
      </c>
      <c r="HK32" s="104">
        <v>180256</v>
      </c>
      <c r="HL32" s="104">
        <v>398278</v>
      </c>
      <c r="HM32" s="103">
        <v>2671142</v>
      </c>
      <c r="HN32" s="99">
        <v>2671142</v>
      </c>
      <c r="HO32" s="484">
        <v>0</v>
      </c>
      <c r="HP32" s="485">
        <v>0</v>
      </c>
      <c r="HQ32" s="486">
        <v>0</v>
      </c>
      <c r="HR32" s="487">
        <v>0</v>
      </c>
      <c r="HS32" s="485">
        <v>0</v>
      </c>
      <c r="HT32" s="485">
        <v>0</v>
      </c>
      <c r="HU32" s="485">
        <v>0</v>
      </c>
      <c r="HV32" s="485">
        <v>0</v>
      </c>
      <c r="HW32" s="485">
        <v>0</v>
      </c>
      <c r="HX32" s="488">
        <v>0</v>
      </c>
      <c r="HY32" s="489">
        <v>0</v>
      </c>
      <c r="HZ32" s="137">
        <v>0</v>
      </c>
      <c r="IA32" s="122">
        <v>0</v>
      </c>
      <c r="IB32" s="137">
        <v>0</v>
      </c>
      <c r="IC32" s="121">
        <v>0</v>
      </c>
      <c r="ID32" s="122">
        <v>131469</v>
      </c>
      <c r="IE32" s="123">
        <v>107367</v>
      </c>
      <c r="IF32" s="124">
        <v>82362</v>
      </c>
      <c r="IG32" s="122">
        <v>0</v>
      </c>
      <c r="IH32" s="124">
        <v>0</v>
      </c>
      <c r="II32" s="125">
        <v>321198</v>
      </c>
      <c r="IJ32" s="137">
        <v>321198</v>
      </c>
      <c r="IK32" s="219">
        <v>0</v>
      </c>
      <c r="IL32" s="223">
        <v>0</v>
      </c>
      <c r="IM32" s="224">
        <v>0</v>
      </c>
      <c r="IN32" s="127">
        <v>0</v>
      </c>
      <c r="IO32" s="109">
        <v>0</v>
      </c>
      <c r="IP32" s="109">
        <v>0</v>
      </c>
      <c r="IQ32" s="109">
        <v>0</v>
      </c>
      <c r="IR32" s="109">
        <v>0</v>
      </c>
      <c r="IS32" s="109">
        <v>0</v>
      </c>
      <c r="IT32" s="128">
        <v>0</v>
      </c>
      <c r="IU32" s="296">
        <v>0</v>
      </c>
      <c r="IV32" s="129">
        <v>0</v>
      </c>
      <c r="IW32" s="109">
        <v>0</v>
      </c>
      <c r="IX32" s="110">
        <v>0</v>
      </c>
      <c r="IY32" s="502">
        <v>0</v>
      </c>
      <c r="IZ32" s="109">
        <v>0</v>
      </c>
      <c r="JA32" s="109">
        <v>0</v>
      </c>
      <c r="JB32" s="109">
        <v>0</v>
      </c>
      <c r="JC32" s="109">
        <v>0</v>
      </c>
      <c r="JD32" s="109">
        <v>0</v>
      </c>
      <c r="JE32" s="110">
        <v>0</v>
      </c>
      <c r="JF32" s="111">
        <v>0</v>
      </c>
      <c r="JG32" s="129">
        <v>0</v>
      </c>
      <c r="JH32" s="109">
        <v>0</v>
      </c>
      <c r="JI32" s="128">
        <v>0</v>
      </c>
      <c r="JJ32" s="108">
        <v>0</v>
      </c>
      <c r="JK32" s="109">
        <v>131469</v>
      </c>
      <c r="JL32" s="109">
        <v>60271</v>
      </c>
      <c r="JM32" s="109">
        <v>0</v>
      </c>
      <c r="JN32" s="109">
        <v>0</v>
      </c>
      <c r="JO32" s="109">
        <v>0</v>
      </c>
      <c r="JP32" s="110">
        <v>191740</v>
      </c>
      <c r="JQ32" s="296">
        <v>191740</v>
      </c>
      <c r="JR32" s="129">
        <v>0</v>
      </c>
      <c r="JS32" s="109">
        <v>0</v>
      </c>
      <c r="JT32" s="128">
        <v>0</v>
      </c>
      <c r="JU32" s="108">
        <v>0</v>
      </c>
      <c r="JV32" s="109">
        <v>0</v>
      </c>
      <c r="JW32" s="109">
        <v>47096</v>
      </c>
      <c r="JX32" s="109">
        <v>82362</v>
      </c>
      <c r="JY32" s="109">
        <v>0</v>
      </c>
      <c r="JZ32" s="109">
        <v>0</v>
      </c>
      <c r="KA32" s="110">
        <v>129458</v>
      </c>
      <c r="KB32" s="296">
        <v>129458</v>
      </c>
      <c r="KC32" s="221">
        <v>0</v>
      </c>
      <c r="KD32" s="217">
        <v>0</v>
      </c>
      <c r="KE32" s="110">
        <v>0</v>
      </c>
      <c r="KF32" s="108">
        <v>0</v>
      </c>
      <c r="KG32" s="109">
        <v>0</v>
      </c>
      <c r="KH32" s="109">
        <v>0</v>
      </c>
      <c r="KI32" s="109">
        <v>0</v>
      </c>
      <c r="KJ32" s="109">
        <v>0</v>
      </c>
      <c r="KK32" s="109">
        <v>0</v>
      </c>
      <c r="KL32" s="110">
        <v>0</v>
      </c>
      <c r="KM32" s="130">
        <v>0</v>
      </c>
      <c r="KN32" s="219">
        <v>0</v>
      </c>
      <c r="KO32" s="223">
        <v>0</v>
      </c>
      <c r="KP32" s="224">
        <v>0</v>
      </c>
      <c r="KQ32" s="506">
        <v>0</v>
      </c>
      <c r="KR32" s="109">
        <v>0</v>
      </c>
      <c r="KS32" s="109">
        <v>0</v>
      </c>
      <c r="KT32" s="109">
        <v>0</v>
      </c>
      <c r="KU32" s="109">
        <v>0</v>
      </c>
      <c r="KV32" s="109">
        <v>0</v>
      </c>
      <c r="KW32" s="110">
        <v>0</v>
      </c>
      <c r="KX32" s="296">
        <v>0</v>
      </c>
      <c r="KY32" s="129">
        <v>0</v>
      </c>
      <c r="KZ32" s="109">
        <v>0</v>
      </c>
      <c r="LA32" s="110">
        <v>0</v>
      </c>
      <c r="LB32" s="510">
        <v>0</v>
      </c>
      <c r="LC32" s="109">
        <v>0</v>
      </c>
      <c r="LD32" s="109">
        <v>0</v>
      </c>
      <c r="LE32" s="109">
        <v>0</v>
      </c>
      <c r="LF32" s="109">
        <v>0</v>
      </c>
      <c r="LG32" s="109">
        <v>0</v>
      </c>
      <c r="LH32" s="110">
        <v>0</v>
      </c>
      <c r="LI32" s="111">
        <v>0</v>
      </c>
      <c r="LJ32" s="129">
        <v>0</v>
      </c>
      <c r="LK32" s="109">
        <v>0</v>
      </c>
      <c r="LL32" s="110">
        <v>0</v>
      </c>
      <c r="LM32" s="510">
        <v>0</v>
      </c>
      <c r="LN32" s="109">
        <v>0</v>
      </c>
      <c r="LO32" s="109">
        <v>0</v>
      </c>
      <c r="LP32" s="109">
        <v>0</v>
      </c>
      <c r="LQ32" s="109">
        <v>0</v>
      </c>
      <c r="LR32" s="109">
        <v>0</v>
      </c>
      <c r="LS32" s="110">
        <v>0</v>
      </c>
      <c r="LT32" s="296">
        <v>0</v>
      </c>
      <c r="LU32" s="129">
        <v>0</v>
      </c>
      <c r="LV32" s="109">
        <v>0</v>
      </c>
      <c r="LW32" s="110">
        <v>0</v>
      </c>
      <c r="LX32" s="510">
        <v>0</v>
      </c>
      <c r="LY32" s="109">
        <v>0</v>
      </c>
      <c r="LZ32" s="109">
        <v>0</v>
      </c>
      <c r="MA32" s="109">
        <v>0</v>
      </c>
      <c r="MB32" s="109">
        <v>0</v>
      </c>
      <c r="MC32" s="109">
        <v>0</v>
      </c>
      <c r="MD32" s="110">
        <v>0</v>
      </c>
      <c r="ME32" s="111">
        <v>0</v>
      </c>
      <c r="MF32" s="129">
        <v>0</v>
      </c>
      <c r="MG32" s="109">
        <v>0</v>
      </c>
      <c r="MH32" s="110">
        <v>0</v>
      </c>
      <c r="MI32" s="510">
        <v>0</v>
      </c>
      <c r="MJ32" s="109">
        <v>174132</v>
      </c>
      <c r="MK32" s="109">
        <v>0</v>
      </c>
      <c r="ML32" s="109">
        <v>192118</v>
      </c>
      <c r="MM32" s="109">
        <v>212671</v>
      </c>
      <c r="MN32" s="109">
        <v>446184</v>
      </c>
      <c r="MO32" s="110">
        <v>1025105</v>
      </c>
      <c r="MP32" s="130">
        <v>1025105</v>
      </c>
      <c r="MQ32" s="129">
        <v>0</v>
      </c>
      <c r="MR32" s="109">
        <v>0</v>
      </c>
      <c r="MS32" s="110">
        <v>0</v>
      </c>
      <c r="MT32" s="510">
        <v>0</v>
      </c>
      <c r="MU32" s="109">
        <v>0</v>
      </c>
      <c r="MV32" s="109">
        <v>0</v>
      </c>
      <c r="MW32" s="109">
        <v>192118</v>
      </c>
      <c r="MX32" s="109">
        <v>212671</v>
      </c>
      <c r="MY32" s="109">
        <v>224900</v>
      </c>
      <c r="MZ32" s="110">
        <v>629689</v>
      </c>
      <c r="NA32" s="130">
        <v>629689</v>
      </c>
      <c r="NB32" s="129">
        <v>0</v>
      </c>
      <c r="NC32" s="109">
        <v>0</v>
      </c>
      <c r="ND32" s="110">
        <v>0</v>
      </c>
      <c r="NE32" s="510">
        <v>0</v>
      </c>
      <c r="NF32" s="109">
        <v>174132</v>
      </c>
      <c r="NG32" s="109">
        <v>0</v>
      </c>
      <c r="NH32" s="109">
        <v>0</v>
      </c>
      <c r="NI32" s="109">
        <v>0</v>
      </c>
      <c r="NJ32" s="109">
        <v>221284</v>
      </c>
      <c r="NK32" s="110">
        <v>395416</v>
      </c>
      <c r="NL32" s="296">
        <v>395416</v>
      </c>
      <c r="NM32" s="129">
        <v>0</v>
      </c>
      <c r="NN32" s="109">
        <v>0</v>
      </c>
      <c r="NO32" s="110">
        <v>0</v>
      </c>
      <c r="NP32" s="510">
        <v>0</v>
      </c>
      <c r="NQ32" s="109">
        <v>0</v>
      </c>
      <c r="NR32" s="109">
        <v>0</v>
      </c>
      <c r="NS32" s="109">
        <v>0</v>
      </c>
      <c r="NT32" s="109">
        <v>0</v>
      </c>
      <c r="NU32" s="109">
        <v>0</v>
      </c>
      <c r="NV32" s="110">
        <v>0</v>
      </c>
      <c r="NW32" s="111">
        <v>0</v>
      </c>
      <c r="NX32" s="129">
        <v>0</v>
      </c>
      <c r="NY32" s="109">
        <v>0</v>
      </c>
      <c r="NZ32" s="110">
        <v>0</v>
      </c>
      <c r="OA32" s="510">
        <v>0</v>
      </c>
      <c r="OB32" s="109">
        <v>0</v>
      </c>
      <c r="OC32" s="109">
        <v>0</v>
      </c>
      <c r="OD32" s="109">
        <v>0</v>
      </c>
      <c r="OE32" s="109">
        <v>0</v>
      </c>
      <c r="OF32" s="109">
        <v>0</v>
      </c>
      <c r="OG32" s="110">
        <v>0</v>
      </c>
      <c r="OH32" s="111">
        <v>0</v>
      </c>
      <c r="OI32" s="129">
        <v>52028</v>
      </c>
      <c r="OJ32" s="109">
        <v>107527</v>
      </c>
      <c r="OK32" s="128">
        <v>159555</v>
      </c>
      <c r="OL32" s="108">
        <v>0</v>
      </c>
      <c r="OM32" s="109">
        <v>1011889</v>
      </c>
      <c r="ON32" s="109">
        <v>1024253</v>
      </c>
      <c r="OO32" s="109">
        <v>2590623</v>
      </c>
      <c r="OP32" s="109">
        <v>742996</v>
      </c>
      <c r="OQ32" s="109">
        <v>896514</v>
      </c>
      <c r="OR32" s="110">
        <v>6266275</v>
      </c>
      <c r="OS32" s="130">
        <v>6425830</v>
      </c>
    </row>
    <row r="33" spans="2:409" ht="21" customHeight="1" x14ac:dyDescent="0.2">
      <c r="B33" s="468" t="s">
        <v>28</v>
      </c>
      <c r="C33" s="100">
        <v>0</v>
      </c>
      <c r="D33" s="104">
        <v>7700</v>
      </c>
      <c r="E33" s="103">
        <v>7700</v>
      </c>
      <c r="F33" s="99">
        <v>0</v>
      </c>
      <c r="G33" s="104">
        <v>62365</v>
      </c>
      <c r="H33" s="104">
        <v>331363</v>
      </c>
      <c r="I33" s="104">
        <v>603756</v>
      </c>
      <c r="J33" s="104">
        <v>404742</v>
      </c>
      <c r="K33" s="104">
        <v>0</v>
      </c>
      <c r="L33" s="160">
        <v>1402226</v>
      </c>
      <c r="M33" s="106">
        <v>1409926</v>
      </c>
      <c r="N33" s="100">
        <v>0</v>
      </c>
      <c r="O33" s="104">
        <v>0</v>
      </c>
      <c r="P33" s="103">
        <v>0</v>
      </c>
      <c r="Q33" s="100">
        <v>0</v>
      </c>
      <c r="R33" s="104">
        <v>38383</v>
      </c>
      <c r="S33" s="104">
        <v>91436</v>
      </c>
      <c r="T33" s="104">
        <v>61852</v>
      </c>
      <c r="U33" s="104">
        <v>88606</v>
      </c>
      <c r="V33" s="104">
        <v>0</v>
      </c>
      <c r="W33" s="103">
        <v>280277</v>
      </c>
      <c r="X33" s="106">
        <v>280277</v>
      </c>
      <c r="Y33" s="100">
        <v>0</v>
      </c>
      <c r="Z33" s="104">
        <v>0</v>
      </c>
      <c r="AA33" s="103">
        <v>0</v>
      </c>
      <c r="AB33" s="100">
        <v>0</v>
      </c>
      <c r="AC33" s="104">
        <v>31145</v>
      </c>
      <c r="AD33" s="104">
        <v>40262</v>
      </c>
      <c r="AE33" s="104">
        <v>0</v>
      </c>
      <c r="AF33" s="104">
        <v>65177</v>
      </c>
      <c r="AG33" s="104">
        <v>0</v>
      </c>
      <c r="AH33" s="103">
        <v>136584</v>
      </c>
      <c r="AI33" s="106">
        <v>136584</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37622</v>
      </c>
      <c r="BA33" s="104">
        <v>29064</v>
      </c>
      <c r="BB33" s="104">
        <v>0</v>
      </c>
      <c r="BC33" s="104">
        <v>0</v>
      </c>
      <c r="BD33" s="103">
        <v>66686</v>
      </c>
      <c r="BE33" s="106">
        <v>66686</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7238</v>
      </c>
      <c r="BV33" s="104">
        <v>13552</v>
      </c>
      <c r="BW33" s="104">
        <v>32788</v>
      </c>
      <c r="BX33" s="104">
        <v>23429</v>
      </c>
      <c r="BY33" s="104">
        <v>0</v>
      </c>
      <c r="BZ33" s="103">
        <v>77007</v>
      </c>
      <c r="CA33" s="106">
        <v>77007</v>
      </c>
      <c r="CB33" s="100">
        <v>0</v>
      </c>
      <c r="CC33" s="104">
        <v>0</v>
      </c>
      <c r="CD33" s="103">
        <v>0</v>
      </c>
      <c r="CE33" s="100">
        <v>0</v>
      </c>
      <c r="CF33" s="104">
        <v>17122</v>
      </c>
      <c r="CG33" s="104">
        <v>58317</v>
      </c>
      <c r="CH33" s="104">
        <v>287137</v>
      </c>
      <c r="CI33" s="104">
        <v>110390</v>
      </c>
      <c r="CJ33" s="104">
        <v>0</v>
      </c>
      <c r="CK33" s="103">
        <v>472966</v>
      </c>
      <c r="CL33" s="106">
        <v>472966</v>
      </c>
      <c r="CM33" s="100">
        <v>0</v>
      </c>
      <c r="CN33" s="104">
        <v>0</v>
      </c>
      <c r="CO33" s="103">
        <v>0</v>
      </c>
      <c r="CP33" s="101">
        <v>0</v>
      </c>
      <c r="CQ33" s="104">
        <v>17122</v>
      </c>
      <c r="CR33" s="104">
        <v>58317</v>
      </c>
      <c r="CS33" s="104">
        <v>217326</v>
      </c>
      <c r="CT33" s="104">
        <v>110390</v>
      </c>
      <c r="CU33" s="104">
        <v>0</v>
      </c>
      <c r="CV33" s="103">
        <v>403155</v>
      </c>
      <c r="CW33" s="106">
        <v>403155</v>
      </c>
      <c r="CX33" s="100">
        <v>0</v>
      </c>
      <c r="CY33" s="104">
        <v>0</v>
      </c>
      <c r="CZ33" s="103">
        <v>0</v>
      </c>
      <c r="DA33" s="100">
        <v>0</v>
      </c>
      <c r="DB33" s="104">
        <v>0</v>
      </c>
      <c r="DC33" s="104">
        <v>0</v>
      </c>
      <c r="DD33" s="104">
        <v>69811</v>
      </c>
      <c r="DE33" s="104">
        <v>0</v>
      </c>
      <c r="DF33" s="104">
        <v>0</v>
      </c>
      <c r="DG33" s="103">
        <v>69811</v>
      </c>
      <c r="DH33" s="106">
        <v>69811</v>
      </c>
      <c r="DI33" s="100">
        <v>0</v>
      </c>
      <c r="DJ33" s="104">
        <v>0</v>
      </c>
      <c r="DK33" s="102">
        <v>0</v>
      </c>
      <c r="DL33" s="101">
        <v>0</v>
      </c>
      <c r="DM33" s="104">
        <v>0</v>
      </c>
      <c r="DN33" s="104">
        <v>154149</v>
      </c>
      <c r="DO33" s="104">
        <v>81055</v>
      </c>
      <c r="DP33" s="104">
        <v>0</v>
      </c>
      <c r="DQ33" s="104">
        <v>0</v>
      </c>
      <c r="DR33" s="103">
        <v>235204</v>
      </c>
      <c r="DS33" s="106">
        <v>235204</v>
      </c>
      <c r="DT33" s="100">
        <v>0</v>
      </c>
      <c r="DU33" s="104">
        <v>0</v>
      </c>
      <c r="DV33" s="103">
        <v>0</v>
      </c>
      <c r="DW33" s="100">
        <v>0</v>
      </c>
      <c r="DX33" s="104">
        <v>0</v>
      </c>
      <c r="DY33" s="104">
        <v>154149</v>
      </c>
      <c r="DZ33" s="104">
        <v>81055</v>
      </c>
      <c r="EA33" s="104">
        <v>0</v>
      </c>
      <c r="EB33" s="104">
        <v>0</v>
      </c>
      <c r="EC33" s="103">
        <v>235204</v>
      </c>
      <c r="ED33" s="106">
        <v>235204</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498">
        <v>0</v>
      </c>
      <c r="FE33" s="104">
        <v>0</v>
      </c>
      <c r="FF33" s="104">
        <v>0</v>
      </c>
      <c r="FG33" s="104">
        <v>0</v>
      </c>
      <c r="FH33" s="104">
        <v>0</v>
      </c>
      <c r="FI33" s="104">
        <v>0</v>
      </c>
      <c r="FJ33" s="103">
        <v>0</v>
      </c>
      <c r="FK33" s="106">
        <v>0</v>
      </c>
      <c r="FL33" s="100">
        <v>0</v>
      </c>
      <c r="FM33" s="104">
        <v>7700</v>
      </c>
      <c r="FN33" s="103">
        <v>7700</v>
      </c>
      <c r="FO33" s="100">
        <v>0</v>
      </c>
      <c r="FP33" s="104">
        <v>6860</v>
      </c>
      <c r="FQ33" s="104">
        <v>27461</v>
      </c>
      <c r="FR33" s="104">
        <v>11550</v>
      </c>
      <c r="FS33" s="104">
        <v>21350</v>
      </c>
      <c r="FT33" s="104">
        <v>0</v>
      </c>
      <c r="FU33" s="103">
        <v>67221</v>
      </c>
      <c r="FV33" s="106">
        <v>74921</v>
      </c>
      <c r="FW33" s="105">
        <v>0</v>
      </c>
      <c r="FX33" s="104">
        <v>7700</v>
      </c>
      <c r="FY33" s="102">
        <v>7700</v>
      </c>
      <c r="FZ33" s="101">
        <v>0</v>
      </c>
      <c r="GA33" s="104">
        <v>6860</v>
      </c>
      <c r="GB33" s="104">
        <v>27461</v>
      </c>
      <c r="GC33" s="104">
        <v>11550</v>
      </c>
      <c r="GD33" s="104">
        <v>21350</v>
      </c>
      <c r="GE33" s="104">
        <v>0</v>
      </c>
      <c r="GF33" s="103">
        <v>67221</v>
      </c>
      <c r="GG33" s="294">
        <v>74921</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62162</v>
      </c>
      <c r="HK33" s="104">
        <v>184396</v>
      </c>
      <c r="HL33" s="104">
        <v>0</v>
      </c>
      <c r="HM33" s="103">
        <v>346558</v>
      </c>
      <c r="HN33" s="99">
        <v>346558</v>
      </c>
      <c r="HO33" s="484">
        <v>0</v>
      </c>
      <c r="HP33" s="485">
        <v>0</v>
      </c>
      <c r="HQ33" s="486">
        <v>0</v>
      </c>
      <c r="HR33" s="487">
        <v>0</v>
      </c>
      <c r="HS33" s="485">
        <v>0</v>
      </c>
      <c r="HT33" s="485">
        <v>0</v>
      </c>
      <c r="HU33" s="485">
        <v>0</v>
      </c>
      <c r="HV33" s="485">
        <v>0</v>
      </c>
      <c r="HW33" s="485">
        <v>0</v>
      </c>
      <c r="HX33" s="488">
        <v>0</v>
      </c>
      <c r="HY33" s="489">
        <v>0</v>
      </c>
      <c r="HZ33" s="118">
        <v>0</v>
      </c>
      <c r="IA33" s="119">
        <v>0</v>
      </c>
      <c r="IB33" s="120">
        <v>0</v>
      </c>
      <c r="IC33" s="133">
        <v>0</v>
      </c>
      <c r="ID33" s="119">
        <v>136500</v>
      </c>
      <c r="IE33" s="134">
        <v>214613</v>
      </c>
      <c r="IF33" s="120">
        <v>0</v>
      </c>
      <c r="IG33" s="119">
        <v>0</v>
      </c>
      <c r="IH33" s="120">
        <v>0</v>
      </c>
      <c r="II33" s="135">
        <v>351113</v>
      </c>
      <c r="IJ33" s="126">
        <v>351113</v>
      </c>
      <c r="IK33" s="219">
        <v>0</v>
      </c>
      <c r="IL33" s="223">
        <v>0</v>
      </c>
      <c r="IM33" s="224">
        <v>0</v>
      </c>
      <c r="IN33" s="127">
        <v>0</v>
      </c>
      <c r="IO33" s="109">
        <v>0</v>
      </c>
      <c r="IP33" s="109">
        <v>0</v>
      </c>
      <c r="IQ33" s="109">
        <v>0</v>
      </c>
      <c r="IR33" s="109">
        <v>0</v>
      </c>
      <c r="IS33" s="109">
        <v>0</v>
      </c>
      <c r="IT33" s="128">
        <v>0</v>
      </c>
      <c r="IU33" s="296">
        <v>0</v>
      </c>
      <c r="IV33" s="129">
        <v>0</v>
      </c>
      <c r="IW33" s="109">
        <v>0</v>
      </c>
      <c r="IX33" s="110">
        <v>0</v>
      </c>
      <c r="IY33" s="502">
        <v>0</v>
      </c>
      <c r="IZ33" s="109">
        <v>0</v>
      </c>
      <c r="JA33" s="109">
        <v>0</v>
      </c>
      <c r="JB33" s="109">
        <v>0</v>
      </c>
      <c r="JC33" s="109">
        <v>0</v>
      </c>
      <c r="JD33" s="109">
        <v>0</v>
      </c>
      <c r="JE33" s="110">
        <v>0</v>
      </c>
      <c r="JF33" s="111">
        <v>0</v>
      </c>
      <c r="JG33" s="129">
        <v>0</v>
      </c>
      <c r="JH33" s="109">
        <v>0</v>
      </c>
      <c r="JI33" s="128">
        <v>0</v>
      </c>
      <c r="JJ33" s="108">
        <v>0</v>
      </c>
      <c r="JK33" s="109">
        <v>136500</v>
      </c>
      <c r="JL33" s="109">
        <v>0</v>
      </c>
      <c r="JM33" s="109">
        <v>0</v>
      </c>
      <c r="JN33" s="109">
        <v>0</v>
      </c>
      <c r="JO33" s="109">
        <v>0</v>
      </c>
      <c r="JP33" s="110">
        <v>136500</v>
      </c>
      <c r="JQ33" s="296">
        <v>136500</v>
      </c>
      <c r="JR33" s="129">
        <v>0</v>
      </c>
      <c r="JS33" s="109">
        <v>0</v>
      </c>
      <c r="JT33" s="128">
        <v>0</v>
      </c>
      <c r="JU33" s="108">
        <v>0</v>
      </c>
      <c r="JV33" s="109">
        <v>0</v>
      </c>
      <c r="JW33" s="109">
        <v>0</v>
      </c>
      <c r="JX33" s="109">
        <v>0</v>
      </c>
      <c r="JY33" s="109">
        <v>0</v>
      </c>
      <c r="JZ33" s="109">
        <v>0</v>
      </c>
      <c r="KA33" s="110">
        <v>0</v>
      </c>
      <c r="KB33" s="296">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506">
        <v>0</v>
      </c>
      <c r="KR33" s="109">
        <v>0</v>
      </c>
      <c r="KS33" s="109">
        <v>214613</v>
      </c>
      <c r="KT33" s="109">
        <v>0</v>
      </c>
      <c r="KU33" s="109">
        <v>0</v>
      </c>
      <c r="KV33" s="109">
        <v>0</v>
      </c>
      <c r="KW33" s="110">
        <v>214613</v>
      </c>
      <c r="KX33" s="296">
        <v>214613</v>
      </c>
      <c r="KY33" s="129">
        <v>0</v>
      </c>
      <c r="KZ33" s="109">
        <v>0</v>
      </c>
      <c r="LA33" s="110">
        <v>0</v>
      </c>
      <c r="LB33" s="510">
        <v>0</v>
      </c>
      <c r="LC33" s="109">
        <v>0</v>
      </c>
      <c r="LD33" s="109">
        <v>0</v>
      </c>
      <c r="LE33" s="109">
        <v>0</v>
      </c>
      <c r="LF33" s="109">
        <v>0</v>
      </c>
      <c r="LG33" s="109">
        <v>0</v>
      </c>
      <c r="LH33" s="110">
        <v>0</v>
      </c>
      <c r="LI33" s="111">
        <v>0</v>
      </c>
      <c r="LJ33" s="129">
        <v>0</v>
      </c>
      <c r="LK33" s="109">
        <v>0</v>
      </c>
      <c r="LL33" s="110">
        <v>0</v>
      </c>
      <c r="LM33" s="510">
        <v>0</v>
      </c>
      <c r="LN33" s="109">
        <v>0</v>
      </c>
      <c r="LO33" s="109">
        <v>0</v>
      </c>
      <c r="LP33" s="109">
        <v>0</v>
      </c>
      <c r="LQ33" s="109">
        <v>0</v>
      </c>
      <c r="LR33" s="109">
        <v>0</v>
      </c>
      <c r="LS33" s="110">
        <v>0</v>
      </c>
      <c r="LT33" s="296">
        <v>0</v>
      </c>
      <c r="LU33" s="129">
        <v>0</v>
      </c>
      <c r="LV33" s="109">
        <v>0</v>
      </c>
      <c r="LW33" s="110">
        <v>0</v>
      </c>
      <c r="LX33" s="510">
        <v>0</v>
      </c>
      <c r="LY33" s="109">
        <v>0</v>
      </c>
      <c r="LZ33" s="109">
        <v>0</v>
      </c>
      <c r="MA33" s="109">
        <v>0</v>
      </c>
      <c r="MB33" s="109">
        <v>0</v>
      </c>
      <c r="MC33" s="109">
        <v>0</v>
      </c>
      <c r="MD33" s="110">
        <v>0</v>
      </c>
      <c r="ME33" s="111">
        <v>0</v>
      </c>
      <c r="MF33" s="129">
        <v>0</v>
      </c>
      <c r="MG33" s="109">
        <v>0</v>
      </c>
      <c r="MH33" s="110">
        <v>0</v>
      </c>
      <c r="MI33" s="510">
        <v>0</v>
      </c>
      <c r="MJ33" s="109">
        <v>0</v>
      </c>
      <c r="MK33" s="109">
        <v>0</v>
      </c>
      <c r="ML33" s="109">
        <v>0</v>
      </c>
      <c r="MM33" s="109">
        <v>0</v>
      </c>
      <c r="MN33" s="109">
        <v>0</v>
      </c>
      <c r="MO33" s="110">
        <v>0</v>
      </c>
      <c r="MP33" s="130">
        <v>0</v>
      </c>
      <c r="MQ33" s="129">
        <v>0</v>
      </c>
      <c r="MR33" s="109">
        <v>0</v>
      </c>
      <c r="MS33" s="110">
        <v>0</v>
      </c>
      <c r="MT33" s="510">
        <v>0</v>
      </c>
      <c r="MU33" s="109">
        <v>0</v>
      </c>
      <c r="MV33" s="109">
        <v>0</v>
      </c>
      <c r="MW33" s="109">
        <v>0</v>
      </c>
      <c r="MX33" s="109">
        <v>0</v>
      </c>
      <c r="MY33" s="109">
        <v>0</v>
      </c>
      <c r="MZ33" s="110">
        <v>0</v>
      </c>
      <c r="NA33" s="130">
        <v>0</v>
      </c>
      <c r="NB33" s="129">
        <v>0</v>
      </c>
      <c r="NC33" s="109">
        <v>0</v>
      </c>
      <c r="ND33" s="110">
        <v>0</v>
      </c>
      <c r="NE33" s="510">
        <v>0</v>
      </c>
      <c r="NF33" s="109">
        <v>0</v>
      </c>
      <c r="NG33" s="109">
        <v>0</v>
      </c>
      <c r="NH33" s="109">
        <v>0</v>
      </c>
      <c r="NI33" s="109">
        <v>0</v>
      </c>
      <c r="NJ33" s="109">
        <v>0</v>
      </c>
      <c r="NK33" s="110">
        <v>0</v>
      </c>
      <c r="NL33" s="296">
        <v>0</v>
      </c>
      <c r="NM33" s="129">
        <v>0</v>
      </c>
      <c r="NN33" s="109">
        <v>0</v>
      </c>
      <c r="NO33" s="110">
        <v>0</v>
      </c>
      <c r="NP33" s="510">
        <v>0</v>
      </c>
      <c r="NQ33" s="109">
        <v>0</v>
      </c>
      <c r="NR33" s="109">
        <v>0</v>
      </c>
      <c r="NS33" s="109">
        <v>0</v>
      </c>
      <c r="NT33" s="109">
        <v>0</v>
      </c>
      <c r="NU33" s="109">
        <v>0</v>
      </c>
      <c r="NV33" s="110">
        <v>0</v>
      </c>
      <c r="NW33" s="111">
        <v>0</v>
      </c>
      <c r="NX33" s="129">
        <v>0</v>
      </c>
      <c r="NY33" s="109">
        <v>0</v>
      </c>
      <c r="NZ33" s="110">
        <v>0</v>
      </c>
      <c r="OA33" s="510">
        <v>0</v>
      </c>
      <c r="OB33" s="109">
        <v>0</v>
      </c>
      <c r="OC33" s="109">
        <v>0</v>
      </c>
      <c r="OD33" s="109">
        <v>0</v>
      </c>
      <c r="OE33" s="109">
        <v>0</v>
      </c>
      <c r="OF33" s="109">
        <v>0</v>
      </c>
      <c r="OG33" s="110">
        <v>0</v>
      </c>
      <c r="OH33" s="111">
        <v>0</v>
      </c>
      <c r="OI33" s="129">
        <v>0</v>
      </c>
      <c r="OJ33" s="109">
        <v>7700</v>
      </c>
      <c r="OK33" s="128">
        <v>7700</v>
      </c>
      <c r="OL33" s="108">
        <v>0</v>
      </c>
      <c r="OM33" s="109">
        <v>198865</v>
      </c>
      <c r="ON33" s="109">
        <v>545976</v>
      </c>
      <c r="OO33" s="109">
        <v>603756</v>
      </c>
      <c r="OP33" s="109">
        <v>404742</v>
      </c>
      <c r="OQ33" s="109">
        <v>0</v>
      </c>
      <c r="OR33" s="110">
        <v>1753339</v>
      </c>
      <c r="OS33" s="130">
        <v>1761039</v>
      </c>
    </row>
    <row r="34" spans="2:409" ht="21" customHeight="1" x14ac:dyDescent="0.2">
      <c r="B34" s="468" t="s">
        <v>29</v>
      </c>
      <c r="C34" s="100">
        <v>0</v>
      </c>
      <c r="D34" s="104">
        <v>94570</v>
      </c>
      <c r="E34" s="103">
        <v>94570</v>
      </c>
      <c r="F34" s="99">
        <v>0</v>
      </c>
      <c r="G34" s="104">
        <v>258742</v>
      </c>
      <c r="H34" s="104">
        <v>434904</v>
      </c>
      <c r="I34" s="104">
        <v>209608</v>
      </c>
      <c r="J34" s="104">
        <v>419664</v>
      </c>
      <c r="K34" s="104">
        <v>0</v>
      </c>
      <c r="L34" s="160">
        <v>1322918</v>
      </c>
      <c r="M34" s="106">
        <v>1417488</v>
      </c>
      <c r="N34" s="100">
        <v>0</v>
      </c>
      <c r="O34" s="104">
        <v>65646</v>
      </c>
      <c r="P34" s="103">
        <v>65646</v>
      </c>
      <c r="Q34" s="100">
        <v>0</v>
      </c>
      <c r="R34" s="104">
        <v>155349</v>
      </c>
      <c r="S34" s="104">
        <v>146255</v>
      </c>
      <c r="T34" s="104">
        <v>64554</v>
      </c>
      <c r="U34" s="104">
        <v>146973</v>
      </c>
      <c r="V34" s="104">
        <v>0</v>
      </c>
      <c r="W34" s="103">
        <v>513131</v>
      </c>
      <c r="X34" s="106">
        <v>578777</v>
      </c>
      <c r="Y34" s="100">
        <v>0</v>
      </c>
      <c r="Z34" s="104">
        <v>0</v>
      </c>
      <c r="AA34" s="103">
        <v>0</v>
      </c>
      <c r="AB34" s="100">
        <v>0</v>
      </c>
      <c r="AC34" s="104">
        <v>38241</v>
      </c>
      <c r="AD34" s="104">
        <v>76304</v>
      </c>
      <c r="AE34" s="104">
        <v>0</v>
      </c>
      <c r="AF34" s="104">
        <v>104595</v>
      </c>
      <c r="AG34" s="104">
        <v>0</v>
      </c>
      <c r="AH34" s="103">
        <v>219140</v>
      </c>
      <c r="AI34" s="106">
        <v>219140</v>
      </c>
      <c r="AJ34" s="100">
        <v>0</v>
      </c>
      <c r="AK34" s="104">
        <v>0</v>
      </c>
      <c r="AL34" s="103">
        <v>0</v>
      </c>
      <c r="AM34" s="100">
        <v>0</v>
      </c>
      <c r="AN34" s="104">
        <v>0</v>
      </c>
      <c r="AO34" s="104">
        <v>0</v>
      </c>
      <c r="AP34" s="104">
        <v>0</v>
      </c>
      <c r="AQ34" s="104">
        <v>0</v>
      </c>
      <c r="AR34" s="104">
        <v>0</v>
      </c>
      <c r="AS34" s="103">
        <v>0</v>
      </c>
      <c r="AT34" s="106">
        <v>0</v>
      </c>
      <c r="AU34" s="100">
        <v>0</v>
      </c>
      <c r="AV34" s="104">
        <v>65646</v>
      </c>
      <c r="AW34" s="103">
        <v>65646</v>
      </c>
      <c r="AX34" s="100">
        <v>0</v>
      </c>
      <c r="AY34" s="104">
        <v>81604</v>
      </c>
      <c r="AZ34" s="104">
        <v>43498</v>
      </c>
      <c r="BA34" s="104">
        <v>64554</v>
      </c>
      <c r="BB34" s="104">
        <v>0</v>
      </c>
      <c r="BC34" s="104">
        <v>0</v>
      </c>
      <c r="BD34" s="103">
        <v>189656</v>
      </c>
      <c r="BE34" s="106">
        <v>255302</v>
      </c>
      <c r="BF34" s="100">
        <v>0</v>
      </c>
      <c r="BG34" s="104">
        <v>0</v>
      </c>
      <c r="BH34" s="102">
        <v>0</v>
      </c>
      <c r="BI34" s="101">
        <v>0</v>
      </c>
      <c r="BJ34" s="104">
        <v>15694</v>
      </c>
      <c r="BK34" s="104">
        <v>0</v>
      </c>
      <c r="BL34" s="104">
        <v>0</v>
      </c>
      <c r="BM34" s="104">
        <v>33460</v>
      </c>
      <c r="BN34" s="104">
        <v>0</v>
      </c>
      <c r="BO34" s="103">
        <v>49154</v>
      </c>
      <c r="BP34" s="106">
        <v>49154</v>
      </c>
      <c r="BQ34" s="100">
        <v>0</v>
      </c>
      <c r="BR34" s="104">
        <v>0</v>
      </c>
      <c r="BS34" s="103">
        <v>0</v>
      </c>
      <c r="BT34" s="100">
        <v>0</v>
      </c>
      <c r="BU34" s="104">
        <v>19810</v>
      </c>
      <c r="BV34" s="104">
        <v>26453</v>
      </c>
      <c r="BW34" s="104">
        <v>0</v>
      </c>
      <c r="BX34" s="104">
        <v>8918</v>
      </c>
      <c r="BY34" s="104">
        <v>0</v>
      </c>
      <c r="BZ34" s="103">
        <v>55181</v>
      </c>
      <c r="CA34" s="106">
        <v>55181</v>
      </c>
      <c r="CB34" s="100">
        <v>0</v>
      </c>
      <c r="CC34" s="104">
        <v>0</v>
      </c>
      <c r="CD34" s="103">
        <v>0</v>
      </c>
      <c r="CE34" s="100">
        <v>0</v>
      </c>
      <c r="CF34" s="104">
        <v>155104</v>
      </c>
      <c r="CG34" s="104">
        <v>121114</v>
      </c>
      <c r="CH34" s="104">
        <v>101024</v>
      </c>
      <c r="CI34" s="104">
        <v>65247</v>
      </c>
      <c r="CJ34" s="104">
        <v>0</v>
      </c>
      <c r="CK34" s="103">
        <v>442489</v>
      </c>
      <c r="CL34" s="106">
        <v>442489</v>
      </c>
      <c r="CM34" s="100">
        <v>0</v>
      </c>
      <c r="CN34" s="104">
        <v>0</v>
      </c>
      <c r="CO34" s="103">
        <v>0</v>
      </c>
      <c r="CP34" s="101">
        <v>0</v>
      </c>
      <c r="CQ34" s="104">
        <v>19852</v>
      </c>
      <c r="CR34" s="104">
        <v>121114</v>
      </c>
      <c r="CS34" s="104">
        <v>0</v>
      </c>
      <c r="CT34" s="104">
        <v>65247</v>
      </c>
      <c r="CU34" s="104">
        <v>0</v>
      </c>
      <c r="CV34" s="103">
        <v>206213</v>
      </c>
      <c r="CW34" s="106">
        <v>206213</v>
      </c>
      <c r="CX34" s="100">
        <v>0</v>
      </c>
      <c r="CY34" s="104">
        <v>0</v>
      </c>
      <c r="CZ34" s="103">
        <v>0</v>
      </c>
      <c r="DA34" s="100">
        <v>0</v>
      </c>
      <c r="DB34" s="104">
        <v>135252</v>
      </c>
      <c r="DC34" s="104">
        <v>0</v>
      </c>
      <c r="DD34" s="104">
        <v>101024</v>
      </c>
      <c r="DE34" s="104">
        <v>0</v>
      </c>
      <c r="DF34" s="104">
        <v>0</v>
      </c>
      <c r="DG34" s="103">
        <v>236276</v>
      </c>
      <c r="DH34" s="106">
        <v>236276</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498">
        <v>0</v>
      </c>
      <c r="FE34" s="104">
        <v>0</v>
      </c>
      <c r="FF34" s="104">
        <v>0</v>
      </c>
      <c r="FG34" s="104">
        <v>0</v>
      </c>
      <c r="FH34" s="104">
        <v>0</v>
      </c>
      <c r="FI34" s="104">
        <v>0</v>
      </c>
      <c r="FJ34" s="103">
        <v>0</v>
      </c>
      <c r="FK34" s="106">
        <v>0</v>
      </c>
      <c r="FL34" s="100">
        <v>0</v>
      </c>
      <c r="FM34" s="104">
        <v>28924</v>
      </c>
      <c r="FN34" s="103">
        <v>28924</v>
      </c>
      <c r="FO34" s="100">
        <v>0</v>
      </c>
      <c r="FP34" s="104">
        <v>4200</v>
      </c>
      <c r="FQ34" s="104">
        <v>15750</v>
      </c>
      <c r="FR34" s="104">
        <v>44030</v>
      </c>
      <c r="FS34" s="104">
        <v>27510</v>
      </c>
      <c r="FT34" s="104">
        <v>0</v>
      </c>
      <c r="FU34" s="103">
        <v>91490</v>
      </c>
      <c r="FV34" s="106">
        <v>120414</v>
      </c>
      <c r="FW34" s="105">
        <v>0</v>
      </c>
      <c r="FX34" s="104">
        <v>12600</v>
      </c>
      <c r="FY34" s="102">
        <v>12600</v>
      </c>
      <c r="FZ34" s="101">
        <v>0</v>
      </c>
      <c r="GA34" s="104">
        <v>4200</v>
      </c>
      <c r="GB34" s="104">
        <v>15750</v>
      </c>
      <c r="GC34" s="104">
        <v>44030</v>
      </c>
      <c r="GD34" s="104">
        <v>27510</v>
      </c>
      <c r="GE34" s="104">
        <v>0</v>
      </c>
      <c r="GF34" s="103">
        <v>91490</v>
      </c>
      <c r="GG34" s="294">
        <v>104090</v>
      </c>
      <c r="GH34" s="105">
        <v>0</v>
      </c>
      <c r="GI34" s="104">
        <v>16324</v>
      </c>
      <c r="GJ34" s="102">
        <v>16324</v>
      </c>
      <c r="GK34" s="101">
        <v>0</v>
      </c>
      <c r="GL34" s="104">
        <v>0</v>
      </c>
      <c r="GM34" s="104">
        <v>0</v>
      </c>
      <c r="GN34" s="104">
        <v>0</v>
      </c>
      <c r="GO34" s="104">
        <v>0</v>
      </c>
      <c r="GP34" s="104">
        <v>0</v>
      </c>
      <c r="GQ34" s="103">
        <v>0</v>
      </c>
      <c r="GR34" s="106">
        <v>16324</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70807</v>
      </c>
      <c r="HI34" s="104">
        <v>151785</v>
      </c>
      <c r="HJ34" s="104">
        <v>0</v>
      </c>
      <c r="HK34" s="104">
        <v>179934</v>
      </c>
      <c r="HL34" s="104">
        <v>0</v>
      </c>
      <c r="HM34" s="103">
        <v>260912</v>
      </c>
      <c r="HN34" s="99">
        <v>260912</v>
      </c>
      <c r="HO34" s="484">
        <v>0</v>
      </c>
      <c r="HP34" s="485">
        <v>0</v>
      </c>
      <c r="HQ34" s="486">
        <v>0</v>
      </c>
      <c r="HR34" s="487">
        <v>0</v>
      </c>
      <c r="HS34" s="485">
        <v>0</v>
      </c>
      <c r="HT34" s="485">
        <v>0</v>
      </c>
      <c r="HU34" s="485">
        <v>0</v>
      </c>
      <c r="HV34" s="485">
        <v>0</v>
      </c>
      <c r="HW34" s="485">
        <v>0</v>
      </c>
      <c r="HX34" s="488">
        <v>0</v>
      </c>
      <c r="HY34" s="489">
        <v>0</v>
      </c>
      <c r="HZ34" s="137">
        <v>0</v>
      </c>
      <c r="IA34" s="122">
        <v>0</v>
      </c>
      <c r="IB34" s="137">
        <v>0</v>
      </c>
      <c r="IC34" s="121">
        <v>0</v>
      </c>
      <c r="ID34" s="122">
        <v>446854</v>
      </c>
      <c r="IE34" s="123">
        <v>156359</v>
      </c>
      <c r="IF34" s="124">
        <v>0</v>
      </c>
      <c r="IG34" s="122">
        <v>235189</v>
      </c>
      <c r="IH34" s="124">
        <v>0</v>
      </c>
      <c r="II34" s="125">
        <v>838402</v>
      </c>
      <c r="IJ34" s="137">
        <v>838402</v>
      </c>
      <c r="IK34" s="219">
        <v>0</v>
      </c>
      <c r="IL34" s="223">
        <v>0</v>
      </c>
      <c r="IM34" s="224">
        <v>0</v>
      </c>
      <c r="IN34" s="127">
        <v>0</v>
      </c>
      <c r="IO34" s="109">
        <v>52941</v>
      </c>
      <c r="IP34" s="109">
        <v>0</v>
      </c>
      <c r="IQ34" s="109">
        <v>0</v>
      </c>
      <c r="IR34" s="109">
        <v>0</v>
      </c>
      <c r="IS34" s="109">
        <v>0</v>
      </c>
      <c r="IT34" s="128">
        <v>52941</v>
      </c>
      <c r="IU34" s="296">
        <v>52941</v>
      </c>
      <c r="IV34" s="129">
        <v>0</v>
      </c>
      <c r="IW34" s="109">
        <v>0</v>
      </c>
      <c r="IX34" s="110">
        <v>0</v>
      </c>
      <c r="IY34" s="502">
        <v>0</v>
      </c>
      <c r="IZ34" s="109">
        <v>0</v>
      </c>
      <c r="JA34" s="109">
        <v>0</v>
      </c>
      <c r="JB34" s="109">
        <v>0</v>
      </c>
      <c r="JC34" s="109">
        <v>0</v>
      </c>
      <c r="JD34" s="109">
        <v>0</v>
      </c>
      <c r="JE34" s="110">
        <v>0</v>
      </c>
      <c r="JF34" s="111">
        <v>0</v>
      </c>
      <c r="JG34" s="129">
        <v>0</v>
      </c>
      <c r="JH34" s="109">
        <v>0</v>
      </c>
      <c r="JI34" s="128">
        <v>0</v>
      </c>
      <c r="JJ34" s="108">
        <v>0</v>
      </c>
      <c r="JK34" s="109">
        <v>54098</v>
      </c>
      <c r="JL34" s="109">
        <v>0</v>
      </c>
      <c r="JM34" s="109">
        <v>0</v>
      </c>
      <c r="JN34" s="109">
        <v>15200</v>
      </c>
      <c r="JO34" s="109">
        <v>0</v>
      </c>
      <c r="JP34" s="110">
        <v>69298</v>
      </c>
      <c r="JQ34" s="296">
        <v>69298</v>
      </c>
      <c r="JR34" s="129">
        <v>0</v>
      </c>
      <c r="JS34" s="109">
        <v>0</v>
      </c>
      <c r="JT34" s="128">
        <v>0</v>
      </c>
      <c r="JU34" s="108">
        <v>0</v>
      </c>
      <c r="JV34" s="109">
        <v>0</v>
      </c>
      <c r="JW34" s="109">
        <v>0</v>
      </c>
      <c r="JX34" s="109">
        <v>0</v>
      </c>
      <c r="JY34" s="109">
        <v>0</v>
      </c>
      <c r="JZ34" s="109">
        <v>0</v>
      </c>
      <c r="KA34" s="110">
        <v>0</v>
      </c>
      <c r="KB34" s="296">
        <v>0</v>
      </c>
      <c r="KC34" s="221">
        <v>0</v>
      </c>
      <c r="KD34" s="217">
        <v>0</v>
      </c>
      <c r="KE34" s="110">
        <v>0</v>
      </c>
      <c r="KF34" s="108">
        <v>0</v>
      </c>
      <c r="KG34" s="109">
        <v>339815</v>
      </c>
      <c r="KH34" s="109">
        <v>156359</v>
      </c>
      <c r="KI34" s="109">
        <v>0</v>
      </c>
      <c r="KJ34" s="109">
        <v>0</v>
      </c>
      <c r="KK34" s="109">
        <v>0</v>
      </c>
      <c r="KL34" s="110">
        <v>496174</v>
      </c>
      <c r="KM34" s="130">
        <v>496174</v>
      </c>
      <c r="KN34" s="219">
        <v>0</v>
      </c>
      <c r="KO34" s="223">
        <v>0</v>
      </c>
      <c r="KP34" s="224">
        <v>0</v>
      </c>
      <c r="KQ34" s="506">
        <v>0</v>
      </c>
      <c r="KR34" s="109">
        <v>0</v>
      </c>
      <c r="KS34" s="109">
        <v>0</v>
      </c>
      <c r="KT34" s="109">
        <v>0</v>
      </c>
      <c r="KU34" s="109">
        <v>0</v>
      </c>
      <c r="KV34" s="109">
        <v>0</v>
      </c>
      <c r="KW34" s="110">
        <v>0</v>
      </c>
      <c r="KX34" s="296">
        <v>0</v>
      </c>
      <c r="KY34" s="129">
        <v>0</v>
      </c>
      <c r="KZ34" s="109">
        <v>0</v>
      </c>
      <c r="LA34" s="110">
        <v>0</v>
      </c>
      <c r="LB34" s="510">
        <v>0</v>
      </c>
      <c r="LC34" s="109">
        <v>0</v>
      </c>
      <c r="LD34" s="109">
        <v>0</v>
      </c>
      <c r="LE34" s="109">
        <v>0</v>
      </c>
      <c r="LF34" s="109">
        <v>0</v>
      </c>
      <c r="LG34" s="109">
        <v>0</v>
      </c>
      <c r="LH34" s="110">
        <v>0</v>
      </c>
      <c r="LI34" s="111">
        <v>0</v>
      </c>
      <c r="LJ34" s="129">
        <v>0</v>
      </c>
      <c r="LK34" s="109">
        <v>0</v>
      </c>
      <c r="LL34" s="110">
        <v>0</v>
      </c>
      <c r="LM34" s="510">
        <v>0</v>
      </c>
      <c r="LN34" s="109">
        <v>0</v>
      </c>
      <c r="LO34" s="109">
        <v>0</v>
      </c>
      <c r="LP34" s="109">
        <v>0</v>
      </c>
      <c r="LQ34" s="109">
        <v>219989</v>
      </c>
      <c r="LR34" s="109">
        <v>0</v>
      </c>
      <c r="LS34" s="110">
        <v>219989</v>
      </c>
      <c r="LT34" s="296">
        <v>219989</v>
      </c>
      <c r="LU34" s="129">
        <v>0</v>
      </c>
      <c r="LV34" s="109">
        <v>0</v>
      </c>
      <c r="LW34" s="110">
        <v>0</v>
      </c>
      <c r="LX34" s="510">
        <v>0</v>
      </c>
      <c r="LY34" s="109">
        <v>0</v>
      </c>
      <c r="LZ34" s="109">
        <v>0</v>
      </c>
      <c r="MA34" s="109">
        <v>0</v>
      </c>
      <c r="MB34" s="109">
        <v>0</v>
      </c>
      <c r="MC34" s="109">
        <v>0</v>
      </c>
      <c r="MD34" s="110">
        <v>0</v>
      </c>
      <c r="ME34" s="111">
        <v>0</v>
      </c>
      <c r="MF34" s="129">
        <v>0</v>
      </c>
      <c r="MG34" s="109">
        <v>0</v>
      </c>
      <c r="MH34" s="110">
        <v>0</v>
      </c>
      <c r="MI34" s="510">
        <v>0</v>
      </c>
      <c r="MJ34" s="109">
        <v>0</v>
      </c>
      <c r="MK34" s="109">
        <v>0</v>
      </c>
      <c r="ML34" s="109">
        <v>0</v>
      </c>
      <c r="MM34" s="109">
        <v>472511</v>
      </c>
      <c r="MN34" s="109">
        <v>286300</v>
      </c>
      <c r="MO34" s="110">
        <v>758811</v>
      </c>
      <c r="MP34" s="130">
        <v>758811</v>
      </c>
      <c r="MQ34" s="129">
        <v>0</v>
      </c>
      <c r="MR34" s="109">
        <v>0</v>
      </c>
      <c r="MS34" s="110">
        <v>0</v>
      </c>
      <c r="MT34" s="510">
        <v>0</v>
      </c>
      <c r="MU34" s="109">
        <v>0</v>
      </c>
      <c r="MV34" s="109">
        <v>0</v>
      </c>
      <c r="MW34" s="109">
        <v>0</v>
      </c>
      <c r="MX34" s="109">
        <v>233758</v>
      </c>
      <c r="MY34" s="109">
        <v>0</v>
      </c>
      <c r="MZ34" s="110">
        <v>233758</v>
      </c>
      <c r="NA34" s="130">
        <v>233758</v>
      </c>
      <c r="NB34" s="129">
        <v>0</v>
      </c>
      <c r="NC34" s="109">
        <v>0</v>
      </c>
      <c r="ND34" s="110">
        <v>0</v>
      </c>
      <c r="NE34" s="510">
        <v>0</v>
      </c>
      <c r="NF34" s="109">
        <v>0</v>
      </c>
      <c r="NG34" s="109">
        <v>0</v>
      </c>
      <c r="NH34" s="109">
        <v>0</v>
      </c>
      <c r="NI34" s="109">
        <v>238753</v>
      </c>
      <c r="NJ34" s="109">
        <v>286300</v>
      </c>
      <c r="NK34" s="110">
        <v>525053</v>
      </c>
      <c r="NL34" s="296">
        <v>525053</v>
      </c>
      <c r="NM34" s="129">
        <v>0</v>
      </c>
      <c r="NN34" s="109">
        <v>0</v>
      </c>
      <c r="NO34" s="110">
        <v>0</v>
      </c>
      <c r="NP34" s="510">
        <v>0</v>
      </c>
      <c r="NQ34" s="109">
        <v>0</v>
      </c>
      <c r="NR34" s="109">
        <v>0</v>
      </c>
      <c r="NS34" s="109">
        <v>0</v>
      </c>
      <c r="NT34" s="109">
        <v>0</v>
      </c>
      <c r="NU34" s="109">
        <v>0</v>
      </c>
      <c r="NV34" s="110">
        <v>0</v>
      </c>
      <c r="NW34" s="111">
        <v>0</v>
      </c>
      <c r="NX34" s="129">
        <v>0</v>
      </c>
      <c r="NY34" s="109">
        <v>0</v>
      </c>
      <c r="NZ34" s="110">
        <v>0</v>
      </c>
      <c r="OA34" s="510">
        <v>0</v>
      </c>
      <c r="OB34" s="109">
        <v>0</v>
      </c>
      <c r="OC34" s="109">
        <v>0</v>
      </c>
      <c r="OD34" s="109">
        <v>0</v>
      </c>
      <c r="OE34" s="109">
        <v>0</v>
      </c>
      <c r="OF34" s="109">
        <v>0</v>
      </c>
      <c r="OG34" s="110">
        <v>0</v>
      </c>
      <c r="OH34" s="111">
        <v>0</v>
      </c>
      <c r="OI34" s="129">
        <v>0</v>
      </c>
      <c r="OJ34" s="109">
        <v>94570</v>
      </c>
      <c r="OK34" s="128">
        <v>94570</v>
      </c>
      <c r="OL34" s="108">
        <v>0</v>
      </c>
      <c r="OM34" s="109">
        <v>705596</v>
      </c>
      <c r="ON34" s="109">
        <v>591263</v>
      </c>
      <c r="OO34" s="109">
        <v>209608</v>
      </c>
      <c r="OP34" s="109">
        <v>1127364</v>
      </c>
      <c r="OQ34" s="109">
        <v>286300</v>
      </c>
      <c r="OR34" s="110">
        <v>2920131</v>
      </c>
      <c r="OS34" s="130">
        <v>3014701</v>
      </c>
    </row>
    <row r="35" spans="2:409" ht="21" customHeight="1" x14ac:dyDescent="0.2">
      <c r="B35" s="468" t="s">
        <v>30</v>
      </c>
      <c r="C35" s="100">
        <v>8190</v>
      </c>
      <c r="D35" s="104">
        <v>0</v>
      </c>
      <c r="E35" s="161">
        <v>8190</v>
      </c>
      <c r="F35" s="162">
        <v>0</v>
      </c>
      <c r="G35" s="163">
        <v>544309</v>
      </c>
      <c r="H35" s="163">
        <v>398646</v>
      </c>
      <c r="I35" s="163">
        <v>423997</v>
      </c>
      <c r="J35" s="163">
        <v>247713</v>
      </c>
      <c r="K35" s="163">
        <v>0</v>
      </c>
      <c r="L35" s="164">
        <v>1614665</v>
      </c>
      <c r="M35" s="106">
        <v>1622855</v>
      </c>
      <c r="N35" s="100">
        <v>0</v>
      </c>
      <c r="O35" s="104">
        <v>0</v>
      </c>
      <c r="P35" s="103">
        <v>0</v>
      </c>
      <c r="Q35" s="100">
        <v>0</v>
      </c>
      <c r="R35" s="104">
        <v>181218</v>
      </c>
      <c r="S35" s="104">
        <v>75977</v>
      </c>
      <c r="T35" s="104">
        <v>82915</v>
      </c>
      <c r="U35" s="104">
        <v>89796</v>
      </c>
      <c r="V35" s="104">
        <v>0</v>
      </c>
      <c r="W35" s="103">
        <v>429906</v>
      </c>
      <c r="X35" s="106">
        <v>429906</v>
      </c>
      <c r="Y35" s="100">
        <v>0</v>
      </c>
      <c r="Z35" s="104">
        <v>0</v>
      </c>
      <c r="AA35" s="103">
        <v>0</v>
      </c>
      <c r="AB35" s="100">
        <v>0</v>
      </c>
      <c r="AC35" s="104">
        <v>66731</v>
      </c>
      <c r="AD35" s="104">
        <v>26763</v>
      </c>
      <c r="AE35" s="104">
        <v>0</v>
      </c>
      <c r="AF35" s="104">
        <v>89796</v>
      </c>
      <c r="AG35" s="104">
        <v>0</v>
      </c>
      <c r="AH35" s="103">
        <v>183290</v>
      </c>
      <c r="AI35" s="106">
        <v>183290</v>
      </c>
      <c r="AJ35" s="100">
        <v>0</v>
      </c>
      <c r="AK35" s="104">
        <v>0</v>
      </c>
      <c r="AL35" s="103">
        <v>0</v>
      </c>
      <c r="AM35" s="100">
        <v>0</v>
      </c>
      <c r="AN35" s="104">
        <v>49810</v>
      </c>
      <c r="AO35" s="104">
        <v>0</v>
      </c>
      <c r="AP35" s="104">
        <v>39802</v>
      </c>
      <c r="AQ35" s="104">
        <v>0</v>
      </c>
      <c r="AR35" s="104">
        <v>0</v>
      </c>
      <c r="AS35" s="103">
        <v>89612</v>
      </c>
      <c r="AT35" s="106">
        <v>89612</v>
      </c>
      <c r="AU35" s="100">
        <v>0</v>
      </c>
      <c r="AV35" s="104">
        <v>0</v>
      </c>
      <c r="AW35" s="103">
        <v>0</v>
      </c>
      <c r="AX35" s="100">
        <v>0</v>
      </c>
      <c r="AY35" s="104">
        <v>44594</v>
      </c>
      <c r="AZ35" s="104">
        <v>0</v>
      </c>
      <c r="BA35" s="104">
        <v>34713</v>
      </c>
      <c r="BB35" s="104">
        <v>0</v>
      </c>
      <c r="BC35" s="104">
        <v>0</v>
      </c>
      <c r="BD35" s="103">
        <v>79307</v>
      </c>
      <c r="BE35" s="106">
        <v>79307</v>
      </c>
      <c r="BF35" s="100">
        <v>0</v>
      </c>
      <c r="BG35" s="104">
        <v>0</v>
      </c>
      <c r="BH35" s="102">
        <v>0</v>
      </c>
      <c r="BI35" s="101">
        <v>0</v>
      </c>
      <c r="BJ35" s="104">
        <v>0</v>
      </c>
      <c r="BK35" s="104">
        <v>32582</v>
      </c>
      <c r="BL35" s="104">
        <v>0</v>
      </c>
      <c r="BM35" s="104">
        <v>0</v>
      </c>
      <c r="BN35" s="104">
        <v>0</v>
      </c>
      <c r="BO35" s="103">
        <v>32582</v>
      </c>
      <c r="BP35" s="106">
        <v>32582</v>
      </c>
      <c r="BQ35" s="100">
        <v>0</v>
      </c>
      <c r="BR35" s="104">
        <v>0</v>
      </c>
      <c r="BS35" s="103">
        <v>0</v>
      </c>
      <c r="BT35" s="100">
        <v>0</v>
      </c>
      <c r="BU35" s="104">
        <v>20083</v>
      </c>
      <c r="BV35" s="104">
        <v>16632</v>
      </c>
      <c r="BW35" s="104">
        <v>8400</v>
      </c>
      <c r="BX35" s="104">
        <v>0</v>
      </c>
      <c r="BY35" s="104">
        <v>0</v>
      </c>
      <c r="BZ35" s="103">
        <v>45115</v>
      </c>
      <c r="CA35" s="106">
        <v>45115</v>
      </c>
      <c r="CB35" s="100">
        <v>0</v>
      </c>
      <c r="CC35" s="104">
        <v>0</v>
      </c>
      <c r="CD35" s="103">
        <v>0</v>
      </c>
      <c r="CE35" s="100">
        <v>0</v>
      </c>
      <c r="CF35" s="104">
        <v>61605</v>
      </c>
      <c r="CG35" s="104">
        <v>46256</v>
      </c>
      <c r="CH35" s="104">
        <v>0</v>
      </c>
      <c r="CI35" s="104">
        <v>87763</v>
      </c>
      <c r="CJ35" s="104">
        <v>0</v>
      </c>
      <c r="CK35" s="103">
        <v>195624</v>
      </c>
      <c r="CL35" s="106">
        <v>195624</v>
      </c>
      <c r="CM35" s="100">
        <v>0</v>
      </c>
      <c r="CN35" s="104">
        <v>0</v>
      </c>
      <c r="CO35" s="103">
        <v>0</v>
      </c>
      <c r="CP35" s="101">
        <v>0</v>
      </c>
      <c r="CQ35" s="104">
        <v>27519</v>
      </c>
      <c r="CR35" s="104">
        <v>46256</v>
      </c>
      <c r="CS35" s="104">
        <v>0</v>
      </c>
      <c r="CT35" s="104">
        <v>0</v>
      </c>
      <c r="CU35" s="104">
        <v>0</v>
      </c>
      <c r="CV35" s="103">
        <v>73775</v>
      </c>
      <c r="CW35" s="106">
        <v>73775</v>
      </c>
      <c r="CX35" s="100">
        <v>0</v>
      </c>
      <c r="CY35" s="104">
        <v>0</v>
      </c>
      <c r="CZ35" s="103">
        <v>0</v>
      </c>
      <c r="DA35" s="100">
        <v>0</v>
      </c>
      <c r="DB35" s="104">
        <v>34086</v>
      </c>
      <c r="DC35" s="104">
        <v>0</v>
      </c>
      <c r="DD35" s="104">
        <v>0</v>
      </c>
      <c r="DE35" s="104">
        <v>87763</v>
      </c>
      <c r="DF35" s="104">
        <v>0</v>
      </c>
      <c r="DG35" s="103">
        <v>121849</v>
      </c>
      <c r="DH35" s="106">
        <v>121849</v>
      </c>
      <c r="DI35" s="100">
        <v>0</v>
      </c>
      <c r="DJ35" s="104">
        <v>0</v>
      </c>
      <c r="DK35" s="102">
        <v>0</v>
      </c>
      <c r="DL35" s="101">
        <v>0</v>
      </c>
      <c r="DM35" s="104">
        <v>32309</v>
      </c>
      <c r="DN35" s="104">
        <v>0</v>
      </c>
      <c r="DO35" s="104">
        <v>0</v>
      </c>
      <c r="DP35" s="104">
        <v>47824</v>
      </c>
      <c r="DQ35" s="104">
        <v>0</v>
      </c>
      <c r="DR35" s="103">
        <v>80133</v>
      </c>
      <c r="DS35" s="106">
        <v>80133</v>
      </c>
      <c r="DT35" s="100">
        <v>0</v>
      </c>
      <c r="DU35" s="104">
        <v>0</v>
      </c>
      <c r="DV35" s="103">
        <v>0</v>
      </c>
      <c r="DW35" s="100">
        <v>0</v>
      </c>
      <c r="DX35" s="104">
        <v>0</v>
      </c>
      <c r="DY35" s="104">
        <v>0</v>
      </c>
      <c r="DZ35" s="104">
        <v>0</v>
      </c>
      <c r="EA35" s="104">
        <v>47824</v>
      </c>
      <c r="EB35" s="104">
        <v>0</v>
      </c>
      <c r="EC35" s="103">
        <v>47824</v>
      </c>
      <c r="ED35" s="106">
        <v>47824</v>
      </c>
      <c r="EE35" s="100">
        <v>0</v>
      </c>
      <c r="EF35" s="102">
        <v>0</v>
      </c>
      <c r="EG35" s="103">
        <v>0</v>
      </c>
      <c r="EH35" s="100">
        <v>0</v>
      </c>
      <c r="EI35" s="104">
        <v>32309</v>
      </c>
      <c r="EJ35" s="104">
        <v>0</v>
      </c>
      <c r="EK35" s="104">
        <v>0</v>
      </c>
      <c r="EL35" s="104">
        <v>0</v>
      </c>
      <c r="EM35" s="104">
        <v>0</v>
      </c>
      <c r="EN35" s="102">
        <v>32309</v>
      </c>
      <c r="EO35" s="106">
        <v>32309</v>
      </c>
      <c r="EP35" s="100">
        <v>0</v>
      </c>
      <c r="EQ35" s="104">
        <v>0</v>
      </c>
      <c r="ER35" s="102">
        <v>0</v>
      </c>
      <c r="ES35" s="101">
        <v>0</v>
      </c>
      <c r="ET35" s="104">
        <v>0</v>
      </c>
      <c r="EU35" s="104">
        <v>0</v>
      </c>
      <c r="EV35" s="104">
        <v>0</v>
      </c>
      <c r="EW35" s="104">
        <v>0</v>
      </c>
      <c r="EX35" s="104">
        <v>0</v>
      </c>
      <c r="EY35" s="103">
        <v>0</v>
      </c>
      <c r="EZ35" s="106">
        <v>0</v>
      </c>
      <c r="FA35" s="100">
        <v>0</v>
      </c>
      <c r="FB35" s="104">
        <v>0</v>
      </c>
      <c r="FC35" s="102">
        <v>0</v>
      </c>
      <c r="FD35" s="498">
        <v>0</v>
      </c>
      <c r="FE35" s="104">
        <v>0</v>
      </c>
      <c r="FF35" s="104">
        <v>0</v>
      </c>
      <c r="FG35" s="104">
        <v>0</v>
      </c>
      <c r="FH35" s="104">
        <v>0</v>
      </c>
      <c r="FI35" s="104">
        <v>0</v>
      </c>
      <c r="FJ35" s="103">
        <v>0</v>
      </c>
      <c r="FK35" s="106">
        <v>0</v>
      </c>
      <c r="FL35" s="100">
        <v>8190</v>
      </c>
      <c r="FM35" s="104">
        <v>0</v>
      </c>
      <c r="FN35" s="103">
        <v>8190</v>
      </c>
      <c r="FO35" s="100">
        <v>0</v>
      </c>
      <c r="FP35" s="104">
        <v>3500</v>
      </c>
      <c r="FQ35" s="104">
        <v>29526</v>
      </c>
      <c r="FR35" s="104">
        <v>14140</v>
      </c>
      <c r="FS35" s="104">
        <v>22330</v>
      </c>
      <c r="FT35" s="104">
        <v>0</v>
      </c>
      <c r="FU35" s="103">
        <v>69496</v>
      </c>
      <c r="FV35" s="106">
        <v>77686</v>
      </c>
      <c r="FW35" s="105">
        <v>8190</v>
      </c>
      <c r="FX35" s="104">
        <v>0</v>
      </c>
      <c r="FY35" s="102">
        <v>8190</v>
      </c>
      <c r="FZ35" s="101">
        <v>0</v>
      </c>
      <c r="GA35" s="104">
        <v>3500</v>
      </c>
      <c r="GB35" s="104">
        <v>29526</v>
      </c>
      <c r="GC35" s="104">
        <v>14140</v>
      </c>
      <c r="GD35" s="104">
        <v>22330</v>
      </c>
      <c r="GE35" s="104">
        <v>0</v>
      </c>
      <c r="GF35" s="103">
        <v>69496</v>
      </c>
      <c r="GG35" s="294">
        <v>77686</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265677</v>
      </c>
      <c r="HI35" s="104">
        <v>246887</v>
      </c>
      <c r="HJ35" s="104">
        <v>326942</v>
      </c>
      <c r="HK35" s="104">
        <v>0</v>
      </c>
      <c r="HL35" s="104">
        <v>0</v>
      </c>
      <c r="HM35" s="103">
        <v>839506</v>
      </c>
      <c r="HN35" s="99">
        <v>839506</v>
      </c>
      <c r="HO35" s="484">
        <v>0</v>
      </c>
      <c r="HP35" s="485">
        <v>0</v>
      </c>
      <c r="HQ35" s="486">
        <v>0</v>
      </c>
      <c r="HR35" s="487">
        <v>0</v>
      </c>
      <c r="HS35" s="485">
        <v>0</v>
      </c>
      <c r="HT35" s="485">
        <v>0</v>
      </c>
      <c r="HU35" s="485">
        <v>0</v>
      </c>
      <c r="HV35" s="485">
        <v>0</v>
      </c>
      <c r="HW35" s="485">
        <v>0</v>
      </c>
      <c r="HX35" s="488">
        <v>0</v>
      </c>
      <c r="HY35" s="489">
        <v>0</v>
      </c>
      <c r="HZ35" s="118">
        <v>0</v>
      </c>
      <c r="IA35" s="119">
        <v>0</v>
      </c>
      <c r="IB35" s="120">
        <v>0</v>
      </c>
      <c r="IC35" s="133">
        <v>0</v>
      </c>
      <c r="ID35" s="119">
        <v>48328</v>
      </c>
      <c r="IE35" s="134">
        <v>47096</v>
      </c>
      <c r="IF35" s="120">
        <v>0</v>
      </c>
      <c r="IG35" s="119">
        <v>0</v>
      </c>
      <c r="IH35" s="120">
        <v>0</v>
      </c>
      <c r="II35" s="135">
        <v>95424</v>
      </c>
      <c r="IJ35" s="126">
        <v>95424</v>
      </c>
      <c r="IK35" s="219">
        <v>0</v>
      </c>
      <c r="IL35" s="223">
        <v>0</v>
      </c>
      <c r="IM35" s="224">
        <v>0</v>
      </c>
      <c r="IN35" s="127">
        <v>0</v>
      </c>
      <c r="IO35" s="109">
        <v>0</v>
      </c>
      <c r="IP35" s="109">
        <v>0</v>
      </c>
      <c r="IQ35" s="109">
        <v>0</v>
      </c>
      <c r="IR35" s="109">
        <v>0</v>
      </c>
      <c r="IS35" s="109">
        <v>0</v>
      </c>
      <c r="IT35" s="128">
        <v>0</v>
      </c>
      <c r="IU35" s="296">
        <v>0</v>
      </c>
      <c r="IV35" s="129">
        <v>0</v>
      </c>
      <c r="IW35" s="109">
        <v>0</v>
      </c>
      <c r="IX35" s="110">
        <v>0</v>
      </c>
      <c r="IY35" s="502">
        <v>0</v>
      </c>
      <c r="IZ35" s="109">
        <v>0</v>
      </c>
      <c r="JA35" s="109">
        <v>0</v>
      </c>
      <c r="JB35" s="109">
        <v>0</v>
      </c>
      <c r="JC35" s="109">
        <v>0</v>
      </c>
      <c r="JD35" s="109">
        <v>0</v>
      </c>
      <c r="JE35" s="110">
        <v>0</v>
      </c>
      <c r="JF35" s="111">
        <v>0</v>
      </c>
      <c r="JG35" s="129">
        <v>0</v>
      </c>
      <c r="JH35" s="109">
        <v>0</v>
      </c>
      <c r="JI35" s="128">
        <v>0</v>
      </c>
      <c r="JJ35" s="108">
        <v>0</v>
      </c>
      <c r="JK35" s="109">
        <v>48328</v>
      </c>
      <c r="JL35" s="109">
        <v>0</v>
      </c>
      <c r="JM35" s="109">
        <v>0</v>
      </c>
      <c r="JN35" s="109">
        <v>0</v>
      </c>
      <c r="JO35" s="109">
        <v>0</v>
      </c>
      <c r="JP35" s="110">
        <v>48328</v>
      </c>
      <c r="JQ35" s="296">
        <v>48328</v>
      </c>
      <c r="JR35" s="129">
        <v>0</v>
      </c>
      <c r="JS35" s="109">
        <v>0</v>
      </c>
      <c r="JT35" s="128">
        <v>0</v>
      </c>
      <c r="JU35" s="108">
        <v>0</v>
      </c>
      <c r="JV35" s="109">
        <v>0</v>
      </c>
      <c r="JW35" s="109">
        <v>47096</v>
      </c>
      <c r="JX35" s="109">
        <v>0</v>
      </c>
      <c r="JY35" s="109">
        <v>0</v>
      </c>
      <c r="JZ35" s="109">
        <v>0</v>
      </c>
      <c r="KA35" s="110">
        <v>47096</v>
      </c>
      <c r="KB35" s="296">
        <v>47096</v>
      </c>
      <c r="KC35" s="221">
        <v>0</v>
      </c>
      <c r="KD35" s="217">
        <v>0</v>
      </c>
      <c r="KE35" s="110">
        <v>0</v>
      </c>
      <c r="KF35" s="108">
        <v>0</v>
      </c>
      <c r="KG35" s="109">
        <v>0</v>
      </c>
      <c r="KH35" s="109">
        <v>0</v>
      </c>
      <c r="KI35" s="109">
        <v>0</v>
      </c>
      <c r="KJ35" s="109">
        <v>0</v>
      </c>
      <c r="KK35" s="109">
        <v>0</v>
      </c>
      <c r="KL35" s="110">
        <v>0</v>
      </c>
      <c r="KM35" s="130">
        <v>0</v>
      </c>
      <c r="KN35" s="219">
        <v>0</v>
      </c>
      <c r="KO35" s="223">
        <v>0</v>
      </c>
      <c r="KP35" s="224">
        <v>0</v>
      </c>
      <c r="KQ35" s="506">
        <v>0</v>
      </c>
      <c r="KR35" s="109">
        <v>0</v>
      </c>
      <c r="KS35" s="109">
        <v>0</v>
      </c>
      <c r="KT35" s="109">
        <v>0</v>
      </c>
      <c r="KU35" s="109">
        <v>0</v>
      </c>
      <c r="KV35" s="109">
        <v>0</v>
      </c>
      <c r="KW35" s="110">
        <v>0</v>
      </c>
      <c r="KX35" s="296">
        <v>0</v>
      </c>
      <c r="KY35" s="129">
        <v>0</v>
      </c>
      <c r="KZ35" s="109">
        <v>0</v>
      </c>
      <c r="LA35" s="110">
        <v>0</v>
      </c>
      <c r="LB35" s="510">
        <v>0</v>
      </c>
      <c r="LC35" s="109">
        <v>0</v>
      </c>
      <c r="LD35" s="109">
        <v>0</v>
      </c>
      <c r="LE35" s="109">
        <v>0</v>
      </c>
      <c r="LF35" s="109">
        <v>0</v>
      </c>
      <c r="LG35" s="109">
        <v>0</v>
      </c>
      <c r="LH35" s="110">
        <v>0</v>
      </c>
      <c r="LI35" s="111">
        <v>0</v>
      </c>
      <c r="LJ35" s="129">
        <v>0</v>
      </c>
      <c r="LK35" s="109">
        <v>0</v>
      </c>
      <c r="LL35" s="110">
        <v>0</v>
      </c>
      <c r="LM35" s="510">
        <v>0</v>
      </c>
      <c r="LN35" s="109">
        <v>0</v>
      </c>
      <c r="LO35" s="109">
        <v>0</v>
      </c>
      <c r="LP35" s="109">
        <v>0</v>
      </c>
      <c r="LQ35" s="109">
        <v>0</v>
      </c>
      <c r="LR35" s="109">
        <v>0</v>
      </c>
      <c r="LS35" s="110">
        <v>0</v>
      </c>
      <c r="LT35" s="296">
        <v>0</v>
      </c>
      <c r="LU35" s="129">
        <v>0</v>
      </c>
      <c r="LV35" s="109">
        <v>0</v>
      </c>
      <c r="LW35" s="110">
        <v>0</v>
      </c>
      <c r="LX35" s="510">
        <v>0</v>
      </c>
      <c r="LY35" s="109">
        <v>0</v>
      </c>
      <c r="LZ35" s="109">
        <v>0</v>
      </c>
      <c r="MA35" s="109">
        <v>0</v>
      </c>
      <c r="MB35" s="109">
        <v>0</v>
      </c>
      <c r="MC35" s="109">
        <v>0</v>
      </c>
      <c r="MD35" s="110">
        <v>0</v>
      </c>
      <c r="ME35" s="111">
        <v>0</v>
      </c>
      <c r="MF35" s="129">
        <v>0</v>
      </c>
      <c r="MG35" s="109">
        <v>0</v>
      </c>
      <c r="MH35" s="110">
        <v>0</v>
      </c>
      <c r="MI35" s="510">
        <v>0</v>
      </c>
      <c r="MJ35" s="109">
        <v>0</v>
      </c>
      <c r="MK35" s="109">
        <v>0</v>
      </c>
      <c r="ML35" s="109">
        <v>135632</v>
      </c>
      <c r="MM35" s="109">
        <v>418448</v>
      </c>
      <c r="MN35" s="109">
        <v>249141</v>
      </c>
      <c r="MO35" s="110">
        <v>803221</v>
      </c>
      <c r="MP35" s="130">
        <v>803221</v>
      </c>
      <c r="MQ35" s="129">
        <v>0</v>
      </c>
      <c r="MR35" s="109">
        <v>0</v>
      </c>
      <c r="MS35" s="110">
        <v>0</v>
      </c>
      <c r="MT35" s="510">
        <v>0</v>
      </c>
      <c r="MU35" s="109">
        <v>0</v>
      </c>
      <c r="MV35" s="109">
        <v>0</v>
      </c>
      <c r="MW35" s="109">
        <v>135632</v>
      </c>
      <c r="MX35" s="109">
        <v>418448</v>
      </c>
      <c r="MY35" s="109">
        <v>0</v>
      </c>
      <c r="MZ35" s="110">
        <v>554080</v>
      </c>
      <c r="NA35" s="130">
        <v>554080</v>
      </c>
      <c r="NB35" s="129">
        <v>0</v>
      </c>
      <c r="NC35" s="109">
        <v>0</v>
      </c>
      <c r="ND35" s="110">
        <v>0</v>
      </c>
      <c r="NE35" s="510">
        <v>0</v>
      </c>
      <c r="NF35" s="109">
        <v>0</v>
      </c>
      <c r="NG35" s="109">
        <v>0</v>
      </c>
      <c r="NH35" s="109">
        <v>0</v>
      </c>
      <c r="NI35" s="109">
        <v>0</v>
      </c>
      <c r="NJ35" s="109">
        <v>249141</v>
      </c>
      <c r="NK35" s="110">
        <v>249141</v>
      </c>
      <c r="NL35" s="296">
        <v>249141</v>
      </c>
      <c r="NM35" s="129">
        <v>0</v>
      </c>
      <c r="NN35" s="109">
        <v>0</v>
      </c>
      <c r="NO35" s="110">
        <v>0</v>
      </c>
      <c r="NP35" s="510">
        <v>0</v>
      </c>
      <c r="NQ35" s="109">
        <v>0</v>
      </c>
      <c r="NR35" s="109">
        <v>0</v>
      </c>
      <c r="NS35" s="109">
        <v>0</v>
      </c>
      <c r="NT35" s="109">
        <v>0</v>
      </c>
      <c r="NU35" s="109">
        <v>0</v>
      </c>
      <c r="NV35" s="110">
        <v>0</v>
      </c>
      <c r="NW35" s="111">
        <v>0</v>
      </c>
      <c r="NX35" s="129">
        <v>0</v>
      </c>
      <c r="NY35" s="109">
        <v>0</v>
      </c>
      <c r="NZ35" s="110">
        <v>0</v>
      </c>
      <c r="OA35" s="510">
        <v>0</v>
      </c>
      <c r="OB35" s="109">
        <v>0</v>
      </c>
      <c r="OC35" s="109">
        <v>0</v>
      </c>
      <c r="OD35" s="109">
        <v>0</v>
      </c>
      <c r="OE35" s="109">
        <v>0</v>
      </c>
      <c r="OF35" s="109">
        <v>0</v>
      </c>
      <c r="OG35" s="110">
        <v>0</v>
      </c>
      <c r="OH35" s="111">
        <v>0</v>
      </c>
      <c r="OI35" s="129">
        <v>8190</v>
      </c>
      <c r="OJ35" s="109">
        <v>0</v>
      </c>
      <c r="OK35" s="128">
        <v>8190</v>
      </c>
      <c r="OL35" s="108">
        <v>0</v>
      </c>
      <c r="OM35" s="109">
        <v>592637</v>
      </c>
      <c r="ON35" s="109">
        <v>445742</v>
      </c>
      <c r="OO35" s="109">
        <v>559629</v>
      </c>
      <c r="OP35" s="109">
        <v>666161</v>
      </c>
      <c r="OQ35" s="109">
        <v>249141</v>
      </c>
      <c r="OR35" s="110">
        <v>2513310</v>
      </c>
      <c r="OS35" s="130">
        <v>2521500</v>
      </c>
    </row>
    <row r="36" spans="2:409" ht="21" customHeight="1" x14ac:dyDescent="0.2">
      <c r="B36" s="468" t="s">
        <v>31</v>
      </c>
      <c r="C36" s="100">
        <v>2380</v>
      </c>
      <c r="D36" s="104">
        <v>2100</v>
      </c>
      <c r="E36" s="103">
        <v>4480</v>
      </c>
      <c r="F36" s="99">
        <v>0</v>
      </c>
      <c r="G36" s="104">
        <v>259218</v>
      </c>
      <c r="H36" s="104">
        <v>331264</v>
      </c>
      <c r="I36" s="104">
        <v>217246</v>
      </c>
      <c r="J36" s="104">
        <v>445481</v>
      </c>
      <c r="K36" s="104">
        <v>176581</v>
      </c>
      <c r="L36" s="160">
        <v>1429790</v>
      </c>
      <c r="M36" s="106">
        <v>1434270</v>
      </c>
      <c r="N36" s="100">
        <v>0</v>
      </c>
      <c r="O36" s="104">
        <v>0</v>
      </c>
      <c r="P36" s="103">
        <v>0</v>
      </c>
      <c r="Q36" s="100">
        <v>0</v>
      </c>
      <c r="R36" s="104">
        <v>167175</v>
      </c>
      <c r="S36" s="104">
        <v>71659</v>
      </c>
      <c r="T36" s="104">
        <v>86667</v>
      </c>
      <c r="U36" s="104">
        <v>12810</v>
      </c>
      <c r="V36" s="104">
        <v>105371</v>
      </c>
      <c r="W36" s="103">
        <v>443682</v>
      </c>
      <c r="X36" s="106">
        <v>443682</v>
      </c>
      <c r="Y36" s="100">
        <v>0</v>
      </c>
      <c r="Z36" s="104">
        <v>0</v>
      </c>
      <c r="AA36" s="103">
        <v>0</v>
      </c>
      <c r="AB36" s="100">
        <v>0</v>
      </c>
      <c r="AC36" s="104">
        <v>60067</v>
      </c>
      <c r="AD36" s="104">
        <v>0</v>
      </c>
      <c r="AE36" s="104">
        <v>0</v>
      </c>
      <c r="AF36" s="104">
        <v>0</v>
      </c>
      <c r="AG36" s="104">
        <v>0</v>
      </c>
      <c r="AH36" s="103">
        <v>60067</v>
      </c>
      <c r="AI36" s="106">
        <v>60067</v>
      </c>
      <c r="AJ36" s="100">
        <v>0</v>
      </c>
      <c r="AK36" s="104">
        <v>0</v>
      </c>
      <c r="AL36" s="103">
        <v>0</v>
      </c>
      <c r="AM36" s="100">
        <v>0</v>
      </c>
      <c r="AN36" s="104">
        <v>0</v>
      </c>
      <c r="AO36" s="104">
        <v>0</v>
      </c>
      <c r="AP36" s="104">
        <v>0</v>
      </c>
      <c r="AQ36" s="104">
        <v>0</v>
      </c>
      <c r="AR36" s="104">
        <v>57358</v>
      </c>
      <c r="AS36" s="103">
        <v>57358</v>
      </c>
      <c r="AT36" s="106">
        <v>57358</v>
      </c>
      <c r="AU36" s="100">
        <v>0</v>
      </c>
      <c r="AV36" s="104">
        <v>0</v>
      </c>
      <c r="AW36" s="103">
        <v>0</v>
      </c>
      <c r="AX36" s="100">
        <v>0</v>
      </c>
      <c r="AY36" s="104">
        <v>107108</v>
      </c>
      <c r="AZ36" s="104">
        <v>63259</v>
      </c>
      <c r="BA36" s="104">
        <v>86667</v>
      </c>
      <c r="BB36" s="104">
        <v>0</v>
      </c>
      <c r="BC36" s="104">
        <v>48013</v>
      </c>
      <c r="BD36" s="103">
        <v>305047</v>
      </c>
      <c r="BE36" s="106">
        <v>305047</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8400</v>
      </c>
      <c r="BW36" s="104">
        <v>0</v>
      </c>
      <c r="BX36" s="104">
        <v>12810</v>
      </c>
      <c r="BY36" s="104">
        <v>0</v>
      </c>
      <c r="BZ36" s="103">
        <v>21210</v>
      </c>
      <c r="CA36" s="106">
        <v>21210</v>
      </c>
      <c r="CB36" s="100">
        <v>0</v>
      </c>
      <c r="CC36" s="104">
        <v>0</v>
      </c>
      <c r="CD36" s="103">
        <v>0</v>
      </c>
      <c r="CE36" s="100">
        <v>0</v>
      </c>
      <c r="CF36" s="104">
        <v>82733</v>
      </c>
      <c r="CG36" s="104">
        <v>213580</v>
      </c>
      <c r="CH36" s="104">
        <v>85149</v>
      </c>
      <c r="CI36" s="104">
        <v>0</v>
      </c>
      <c r="CJ36" s="104">
        <v>0</v>
      </c>
      <c r="CK36" s="103">
        <v>381462</v>
      </c>
      <c r="CL36" s="106">
        <v>381462</v>
      </c>
      <c r="CM36" s="100">
        <v>0</v>
      </c>
      <c r="CN36" s="104">
        <v>0</v>
      </c>
      <c r="CO36" s="103">
        <v>0</v>
      </c>
      <c r="CP36" s="101">
        <v>0</v>
      </c>
      <c r="CQ36" s="104">
        <v>67669</v>
      </c>
      <c r="CR36" s="104">
        <v>127774</v>
      </c>
      <c r="CS36" s="104">
        <v>85149</v>
      </c>
      <c r="CT36" s="104">
        <v>0</v>
      </c>
      <c r="CU36" s="104">
        <v>0</v>
      </c>
      <c r="CV36" s="103">
        <v>280592</v>
      </c>
      <c r="CW36" s="106">
        <v>280592</v>
      </c>
      <c r="CX36" s="100">
        <v>0</v>
      </c>
      <c r="CY36" s="104">
        <v>0</v>
      </c>
      <c r="CZ36" s="103">
        <v>0</v>
      </c>
      <c r="DA36" s="100">
        <v>0</v>
      </c>
      <c r="DB36" s="104">
        <v>15064</v>
      </c>
      <c r="DC36" s="104">
        <v>85806</v>
      </c>
      <c r="DD36" s="104">
        <v>0</v>
      </c>
      <c r="DE36" s="104">
        <v>0</v>
      </c>
      <c r="DF36" s="104">
        <v>0</v>
      </c>
      <c r="DG36" s="103">
        <v>100870</v>
      </c>
      <c r="DH36" s="106">
        <v>100870</v>
      </c>
      <c r="DI36" s="100">
        <v>0</v>
      </c>
      <c r="DJ36" s="104">
        <v>0</v>
      </c>
      <c r="DK36" s="102">
        <v>0</v>
      </c>
      <c r="DL36" s="101">
        <v>0</v>
      </c>
      <c r="DM36" s="104">
        <v>0</v>
      </c>
      <c r="DN36" s="104">
        <v>0</v>
      </c>
      <c r="DO36" s="104">
        <v>0</v>
      </c>
      <c r="DP36" s="104">
        <v>425685</v>
      </c>
      <c r="DQ36" s="104">
        <v>40060</v>
      </c>
      <c r="DR36" s="103">
        <v>465745</v>
      </c>
      <c r="DS36" s="106">
        <v>465745</v>
      </c>
      <c r="DT36" s="100">
        <v>0</v>
      </c>
      <c r="DU36" s="104">
        <v>0</v>
      </c>
      <c r="DV36" s="103">
        <v>0</v>
      </c>
      <c r="DW36" s="100">
        <v>0</v>
      </c>
      <c r="DX36" s="104">
        <v>0</v>
      </c>
      <c r="DY36" s="104">
        <v>0</v>
      </c>
      <c r="DZ36" s="104">
        <v>0</v>
      </c>
      <c r="EA36" s="104">
        <v>425685</v>
      </c>
      <c r="EB36" s="104">
        <v>15035</v>
      </c>
      <c r="EC36" s="103">
        <v>440720</v>
      </c>
      <c r="ED36" s="106">
        <v>440720</v>
      </c>
      <c r="EE36" s="100">
        <v>0</v>
      </c>
      <c r="EF36" s="102">
        <v>0</v>
      </c>
      <c r="EG36" s="103">
        <v>0</v>
      </c>
      <c r="EH36" s="100">
        <v>0</v>
      </c>
      <c r="EI36" s="104">
        <v>0</v>
      </c>
      <c r="EJ36" s="104">
        <v>0</v>
      </c>
      <c r="EK36" s="104">
        <v>0</v>
      </c>
      <c r="EL36" s="104">
        <v>0</v>
      </c>
      <c r="EM36" s="104">
        <v>25025</v>
      </c>
      <c r="EN36" s="102">
        <v>25025</v>
      </c>
      <c r="EO36" s="106">
        <v>25025</v>
      </c>
      <c r="EP36" s="100">
        <v>0</v>
      </c>
      <c r="EQ36" s="104">
        <v>0</v>
      </c>
      <c r="ER36" s="102">
        <v>0</v>
      </c>
      <c r="ES36" s="101">
        <v>0</v>
      </c>
      <c r="ET36" s="104">
        <v>0</v>
      </c>
      <c r="EU36" s="104">
        <v>0</v>
      </c>
      <c r="EV36" s="104">
        <v>0</v>
      </c>
      <c r="EW36" s="104">
        <v>0</v>
      </c>
      <c r="EX36" s="104">
        <v>0</v>
      </c>
      <c r="EY36" s="103">
        <v>0</v>
      </c>
      <c r="EZ36" s="106">
        <v>0</v>
      </c>
      <c r="FA36" s="100">
        <v>0</v>
      </c>
      <c r="FB36" s="104">
        <v>0</v>
      </c>
      <c r="FC36" s="102">
        <v>0</v>
      </c>
      <c r="FD36" s="498">
        <v>0</v>
      </c>
      <c r="FE36" s="104">
        <v>0</v>
      </c>
      <c r="FF36" s="104">
        <v>0</v>
      </c>
      <c r="FG36" s="104">
        <v>0</v>
      </c>
      <c r="FH36" s="104">
        <v>0</v>
      </c>
      <c r="FI36" s="104">
        <v>0</v>
      </c>
      <c r="FJ36" s="103">
        <v>0</v>
      </c>
      <c r="FK36" s="106">
        <v>0</v>
      </c>
      <c r="FL36" s="100">
        <v>2380</v>
      </c>
      <c r="FM36" s="104">
        <v>2100</v>
      </c>
      <c r="FN36" s="103">
        <v>4480</v>
      </c>
      <c r="FO36" s="100">
        <v>0</v>
      </c>
      <c r="FP36" s="104">
        <v>9310</v>
      </c>
      <c r="FQ36" s="104">
        <v>46025</v>
      </c>
      <c r="FR36" s="104">
        <v>45430</v>
      </c>
      <c r="FS36" s="104">
        <v>6986</v>
      </c>
      <c r="FT36" s="104">
        <v>31150</v>
      </c>
      <c r="FU36" s="103">
        <v>138901</v>
      </c>
      <c r="FV36" s="106">
        <v>143381</v>
      </c>
      <c r="FW36" s="105">
        <v>2380</v>
      </c>
      <c r="FX36" s="104">
        <v>2100</v>
      </c>
      <c r="FY36" s="102">
        <v>4480</v>
      </c>
      <c r="FZ36" s="101">
        <v>0</v>
      </c>
      <c r="GA36" s="104">
        <v>9310</v>
      </c>
      <c r="GB36" s="104">
        <v>46025</v>
      </c>
      <c r="GC36" s="104">
        <v>45430</v>
      </c>
      <c r="GD36" s="104">
        <v>6986</v>
      </c>
      <c r="GE36" s="104">
        <v>31150</v>
      </c>
      <c r="GF36" s="103">
        <v>138901</v>
      </c>
      <c r="GG36" s="294">
        <v>143381</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484">
        <v>0</v>
      </c>
      <c r="HP36" s="485">
        <v>0</v>
      </c>
      <c r="HQ36" s="486">
        <v>0</v>
      </c>
      <c r="HR36" s="487">
        <v>0</v>
      </c>
      <c r="HS36" s="485">
        <v>0</v>
      </c>
      <c r="HT36" s="485">
        <v>0</v>
      </c>
      <c r="HU36" s="485">
        <v>0</v>
      </c>
      <c r="HV36" s="485">
        <v>0</v>
      </c>
      <c r="HW36" s="485">
        <v>0</v>
      </c>
      <c r="HX36" s="488">
        <v>0</v>
      </c>
      <c r="HY36" s="489">
        <v>0</v>
      </c>
      <c r="HZ36" s="137">
        <v>0</v>
      </c>
      <c r="IA36" s="122">
        <v>0</v>
      </c>
      <c r="IB36" s="137">
        <v>0</v>
      </c>
      <c r="IC36" s="121">
        <v>0</v>
      </c>
      <c r="ID36" s="122">
        <v>46021</v>
      </c>
      <c r="IE36" s="123">
        <v>264980</v>
      </c>
      <c r="IF36" s="124">
        <v>69685</v>
      </c>
      <c r="IG36" s="122">
        <v>0</v>
      </c>
      <c r="IH36" s="124">
        <v>0</v>
      </c>
      <c r="II36" s="125">
        <v>380686</v>
      </c>
      <c r="IJ36" s="137">
        <v>380686</v>
      </c>
      <c r="IK36" s="219">
        <v>0</v>
      </c>
      <c r="IL36" s="223">
        <v>0</v>
      </c>
      <c r="IM36" s="224">
        <v>0</v>
      </c>
      <c r="IN36" s="127">
        <v>0</v>
      </c>
      <c r="IO36" s="109">
        <v>0</v>
      </c>
      <c r="IP36" s="109">
        <v>88424</v>
      </c>
      <c r="IQ36" s="109">
        <v>0</v>
      </c>
      <c r="IR36" s="109">
        <v>0</v>
      </c>
      <c r="IS36" s="109">
        <v>0</v>
      </c>
      <c r="IT36" s="128">
        <v>88424</v>
      </c>
      <c r="IU36" s="296">
        <v>88424</v>
      </c>
      <c r="IV36" s="129">
        <v>0</v>
      </c>
      <c r="IW36" s="109">
        <v>0</v>
      </c>
      <c r="IX36" s="110">
        <v>0</v>
      </c>
      <c r="IY36" s="502">
        <v>0</v>
      </c>
      <c r="IZ36" s="109">
        <v>0</v>
      </c>
      <c r="JA36" s="109">
        <v>0</v>
      </c>
      <c r="JB36" s="109">
        <v>0</v>
      </c>
      <c r="JC36" s="109">
        <v>0</v>
      </c>
      <c r="JD36" s="109">
        <v>0</v>
      </c>
      <c r="JE36" s="110">
        <v>0</v>
      </c>
      <c r="JF36" s="111">
        <v>0</v>
      </c>
      <c r="JG36" s="129">
        <v>0</v>
      </c>
      <c r="JH36" s="109">
        <v>0</v>
      </c>
      <c r="JI36" s="128">
        <v>0</v>
      </c>
      <c r="JJ36" s="108">
        <v>0</v>
      </c>
      <c r="JK36" s="109">
        <v>46021</v>
      </c>
      <c r="JL36" s="109">
        <v>23996</v>
      </c>
      <c r="JM36" s="109">
        <v>69685</v>
      </c>
      <c r="JN36" s="109">
        <v>0</v>
      </c>
      <c r="JO36" s="109">
        <v>0</v>
      </c>
      <c r="JP36" s="110">
        <v>139702</v>
      </c>
      <c r="JQ36" s="296">
        <v>139702</v>
      </c>
      <c r="JR36" s="129">
        <v>0</v>
      </c>
      <c r="JS36" s="109">
        <v>0</v>
      </c>
      <c r="JT36" s="128">
        <v>0</v>
      </c>
      <c r="JU36" s="108">
        <v>0</v>
      </c>
      <c r="JV36" s="109">
        <v>0</v>
      </c>
      <c r="JW36" s="109">
        <v>0</v>
      </c>
      <c r="JX36" s="109">
        <v>0</v>
      </c>
      <c r="JY36" s="109">
        <v>0</v>
      </c>
      <c r="JZ36" s="109">
        <v>0</v>
      </c>
      <c r="KA36" s="110">
        <v>0</v>
      </c>
      <c r="KB36" s="296">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506">
        <v>0</v>
      </c>
      <c r="KR36" s="109">
        <v>0</v>
      </c>
      <c r="KS36" s="109">
        <v>0</v>
      </c>
      <c r="KT36" s="109">
        <v>0</v>
      </c>
      <c r="KU36" s="109">
        <v>0</v>
      </c>
      <c r="KV36" s="109">
        <v>0</v>
      </c>
      <c r="KW36" s="110">
        <v>0</v>
      </c>
      <c r="KX36" s="296">
        <v>0</v>
      </c>
      <c r="KY36" s="129">
        <v>0</v>
      </c>
      <c r="KZ36" s="109">
        <v>0</v>
      </c>
      <c r="LA36" s="110">
        <v>0</v>
      </c>
      <c r="LB36" s="510">
        <v>0</v>
      </c>
      <c r="LC36" s="109">
        <v>0</v>
      </c>
      <c r="LD36" s="109">
        <v>0</v>
      </c>
      <c r="LE36" s="109">
        <v>0</v>
      </c>
      <c r="LF36" s="109">
        <v>0</v>
      </c>
      <c r="LG36" s="109">
        <v>0</v>
      </c>
      <c r="LH36" s="110">
        <v>0</v>
      </c>
      <c r="LI36" s="111">
        <v>0</v>
      </c>
      <c r="LJ36" s="129">
        <v>0</v>
      </c>
      <c r="LK36" s="109">
        <v>0</v>
      </c>
      <c r="LL36" s="110">
        <v>0</v>
      </c>
      <c r="LM36" s="510">
        <v>0</v>
      </c>
      <c r="LN36" s="109">
        <v>0</v>
      </c>
      <c r="LO36" s="109">
        <v>0</v>
      </c>
      <c r="LP36" s="109">
        <v>0</v>
      </c>
      <c r="LQ36" s="109">
        <v>0</v>
      </c>
      <c r="LR36" s="109">
        <v>0</v>
      </c>
      <c r="LS36" s="110">
        <v>0</v>
      </c>
      <c r="LT36" s="296">
        <v>0</v>
      </c>
      <c r="LU36" s="129">
        <v>0</v>
      </c>
      <c r="LV36" s="109">
        <v>0</v>
      </c>
      <c r="LW36" s="110">
        <v>0</v>
      </c>
      <c r="LX36" s="510">
        <v>0</v>
      </c>
      <c r="LY36" s="109">
        <v>0</v>
      </c>
      <c r="LZ36" s="109">
        <v>0</v>
      </c>
      <c r="MA36" s="109">
        <v>0</v>
      </c>
      <c r="MB36" s="109">
        <v>0</v>
      </c>
      <c r="MC36" s="109">
        <v>0</v>
      </c>
      <c r="MD36" s="110">
        <v>0</v>
      </c>
      <c r="ME36" s="111">
        <v>0</v>
      </c>
      <c r="MF36" s="129">
        <v>0</v>
      </c>
      <c r="MG36" s="109">
        <v>0</v>
      </c>
      <c r="MH36" s="110">
        <v>0</v>
      </c>
      <c r="MI36" s="510">
        <v>0</v>
      </c>
      <c r="MJ36" s="109">
        <v>0</v>
      </c>
      <c r="MK36" s="109">
        <v>200459</v>
      </c>
      <c r="ML36" s="109">
        <v>411278</v>
      </c>
      <c r="MM36" s="109">
        <v>156184</v>
      </c>
      <c r="MN36" s="109">
        <v>222670</v>
      </c>
      <c r="MO36" s="110">
        <v>990591</v>
      </c>
      <c r="MP36" s="130">
        <v>990591</v>
      </c>
      <c r="MQ36" s="129">
        <v>0</v>
      </c>
      <c r="MR36" s="109">
        <v>0</v>
      </c>
      <c r="MS36" s="110">
        <v>0</v>
      </c>
      <c r="MT36" s="510">
        <v>0</v>
      </c>
      <c r="MU36" s="109">
        <v>0</v>
      </c>
      <c r="MV36" s="109">
        <v>0</v>
      </c>
      <c r="MW36" s="109">
        <v>199517</v>
      </c>
      <c r="MX36" s="109">
        <v>156184</v>
      </c>
      <c r="MY36" s="109">
        <v>222670</v>
      </c>
      <c r="MZ36" s="110">
        <v>578371</v>
      </c>
      <c r="NA36" s="130">
        <v>578371</v>
      </c>
      <c r="NB36" s="129">
        <v>0</v>
      </c>
      <c r="NC36" s="109">
        <v>0</v>
      </c>
      <c r="ND36" s="110">
        <v>0</v>
      </c>
      <c r="NE36" s="510">
        <v>0</v>
      </c>
      <c r="NF36" s="109">
        <v>0</v>
      </c>
      <c r="NG36" s="109">
        <v>200459</v>
      </c>
      <c r="NH36" s="109">
        <v>211761</v>
      </c>
      <c r="NI36" s="109">
        <v>0</v>
      </c>
      <c r="NJ36" s="109">
        <v>0</v>
      </c>
      <c r="NK36" s="110">
        <v>412220</v>
      </c>
      <c r="NL36" s="296">
        <v>412220</v>
      </c>
      <c r="NM36" s="129">
        <v>0</v>
      </c>
      <c r="NN36" s="109">
        <v>0</v>
      </c>
      <c r="NO36" s="110">
        <v>0</v>
      </c>
      <c r="NP36" s="510">
        <v>0</v>
      </c>
      <c r="NQ36" s="109">
        <v>0</v>
      </c>
      <c r="NR36" s="109">
        <v>0</v>
      </c>
      <c r="NS36" s="109">
        <v>0</v>
      </c>
      <c r="NT36" s="109">
        <v>0</v>
      </c>
      <c r="NU36" s="109">
        <v>0</v>
      </c>
      <c r="NV36" s="110">
        <v>0</v>
      </c>
      <c r="NW36" s="111">
        <v>0</v>
      </c>
      <c r="NX36" s="129">
        <v>0</v>
      </c>
      <c r="NY36" s="109">
        <v>0</v>
      </c>
      <c r="NZ36" s="110">
        <v>0</v>
      </c>
      <c r="OA36" s="510">
        <v>0</v>
      </c>
      <c r="OB36" s="109">
        <v>0</v>
      </c>
      <c r="OC36" s="109">
        <v>0</v>
      </c>
      <c r="OD36" s="109">
        <v>0</v>
      </c>
      <c r="OE36" s="109">
        <v>0</v>
      </c>
      <c r="OF36" s="109">
        <v>0</v>
      </c>
      <c r="OG36" s="110">
        <v>0</v>
      </c>
      <c r="OH36" s="111">
        <v>0</v>
      </c>
      <c r="OI36" s="129">
        <v>2380</v>
      </c>
      <c r="OJ36" s="109">
        <v>2100</v>
      </c>
      <c r="OK36" s="128">
        <v>4480</v>
      </c>
      <c r="OL36" s="108">
        <v>0</v>
      </c>
      <c r="OM36" s="109">
        <v>305239</v>
      </c>
      <c r="ON36" s="109">
        <v>796703</v>
      </c>
      <c r="OO36" s="109">
        <v>698209</v>
      </c>
      <c r="OP36" s="109">
        <v>601665</v>
      </c>
      <c r="OQ36" s="109">
        <v>399251</v>
      </c>
      <c r="OR36" s="110">
        <v>2801067</v>
      </c>
      <c r="OS36" s="130">
        <v>2805547</v>
      </c>
    </row>
    <row r="37" spans="2:409" ht="21" customHeight="1" x14ac:dyDescent="0.2">
      <c r="B37" s="468" t="s">
        <v>32</v>
      </c>
      <c r="C37" s="100">
        <v>10920</v>
      </c>
      <c r="D37" s="104">
        <v>28049</v>
      </c>
      <c r="E37" s="161">
        <v>38969</v>
      </c>
      <c r="F37" s="162">
        <v>0</v>
      </c>
      <c r="G37" s="163">
        <v>334917</v>
      </c>
      <c r="H37" s="163">
        <v>543991</v>
      </c>
      <c r="I37" s="163">
        <v>433179</v>
      </c>
      <c r="J37" s="163">
        <v>606071</v>
      </c>
      <c r="K37" s="163">
        <v>575042</v>
      </c>
      <c r="L37" s="164">
        <v>2493200</v>
      </c>
      <c r="M37" s="106">
        <v>2532169</v>
      </c>
      <c r="N37" s="100">
        <v>0</v>
      </c>
      <c r="O37" s="104">
        <v>0</v>
      </c>
      <c r="P37" s="103">
        <v>0</v>
      </c>
      <c r="Q37" s="100">
        <v>0</v>
      </c>
      <c r="R37" s="104">
        <v>79961</v>
      </c>
      <c r="S37" s="104">
        <v>190743</v>
      </c>
      <c r="T37" s="104">
        <v>40208</v>
      </c>
      <c r="U37" s="104">
        <v>83288</v>
      </c>
      <c r="V37" s="104">
        <v>78813</v>
      </c>
      <c r="W37" s="103">
        <v>473013</v>
      </c>
      <c r="X37" s="106">
        <v>473013</v>
      </c>
      <c r="Y37" s="100">
        <v>0</v>
      </c>
      <c r="Z37" s="104">
        <v>0</v>
      </c>
      <c r="AA37" s="103">
        <v>0</v>
      </c>
      <c r="AB37" s="100">
        <v>0</v>
      </c>
      <c r="AC37" s="104">
        <v>31192</v>
      </c>
      <c r="AD37" s="104">
        <v>49693</v>
      </c>
      <c r="AE37" s="104">
        <v>0</v>
      </c>
      <c r="AF37" s="104">
        <v>59418</v>
      </c>
      <c r="AG37" s="104">
        <v>0</v>
      </c>
      <c r="AH37" s="103">
        <v>140303</v>
      </c>
      <c r="AI37" s="106">
        <v>140303</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48769</v>
      </c>
      <c r="AZ37" s="104">
        <v>88333</v>
      </c>
      <c r="BA37" s="104">
        <v>0</v>
      </c>
      <c r="BB37" s="104">
        <v>0</v>
      </c>
      <c r="BC37" s="104">
        <v>66283</v>
      </c>
      <c r="BD37" s="103">
        <v>203385</v>
      </c>
      <c r="BE37" s="106">
        <v>203385</v>
      </c>
      <c r="BF37" s="100">
        <v>0</v>
      </c>
      <c r="BG37" s="104">
        <v>0</v>
      </c>
      <c r="BH37" s="102">
        <v>0</v>
      </c>
      <c r="BI37" s="101">
        <v>0</v>
      </c>
      <c r="BJ37" s="104">
        <v>0</v>
      </c>
      <c r="BK37" s="104">
        <v>33460</v>
      </c>
      <c r="BL37" s="104">
        <v>0</v>
      </c>
      <c r="BM37" s="104">
        <v>13384</v>
      </c>
      <c r="BN37" s="104">
        <v>0</v>
      </c>
      <c r="BO37" s="103">
        <v>46844</v>
      </c>
      <c r="BP37" s="106">
        <v>46844</v>
      </c>
      <c r="BQ37" s="100">
        <v>0</v>
      </c>
      <c r="BR37" s="104">
        <v>0</v>
      </c>
      <c r="BS37" s="103">
        <v>0</v>
      </c>
      <c r="BT37" s="100">
        <v>0</v>
      </c>
      <c r="BU37" s="104">
        <v>0</v>
      </c>
      <c r="BV37" s="104">
        <v>19257</v>
      </c>
      <c r="BW37" s="104">
        <v>40208</v>
      </c>
      <c r="BX37" s="104">
        <v>10486</v>
      </c>
      <c r="BY37" s="104">
        <v>12530</v>
      </c>
      <c r="BZ37" s="103">
        <v>82481</v>
      </c>
      <c r="CA37" s="106">
        <v>82481</v>
      </c>
      <c r="CB37" s="100">
        <v>0</v>
      </c>
      <c r="CC37" s="104">
        <v>0</v>
      </c>
      <c r="CD37" s="103">
        <v>0</v>
      </c>
      <c r="CE37" s="100">
        <v>0</v>
      </c>
      <c r="CF37" s="104">
        <v>113801</v>
      </c>
      <c r="CG37" s="104">
        <v>254009</v>
      </c>
      <c r="CH37" s="104">
        <v>0</v>
      </c>
      <c r="CI37" s="104">
        <v>194596</v>
      </c>
      <c r="CJ37" s="104">
        <v>55923</v>
      </c>
      <c r="CK37" s="103">
        <v>618329</v>
      </c>
      <c r="CL37" s="106">
        <v>618329</v>
      </c>
      <c r="CM37" s="100">
        <v>0</v>
      </c>
      <c r="CN37" s="104">
        <v>0</v>
      </c>
      <c r="CO37" s="103">
        <v>0</v>
      </c>
      <c r="CP37" s="101">
        <v>0</v>
      </c>
      <c r="CQ37" s="104">
        <v>113801</v>
      </c>
      <c r="CR37" s="104">
        <v>168203</v>
      </c>
      <c r="CS37" s="104">
        <v>0</v>
      </c>
      <c r="CT37" s="104">
        <v>119926</v>
      </c>
      <c r="CU37" s="104">
        <v>0</v>
      </c>
      <c r="CV37" s="103">
        <v>401930</v>
      </c>
      <c r="CW37" s="106">
        <v>401930</v>
      </c>
      <c r="CX37" s="100">
        <v>0</v>
      </c>
      <c r="CY37" s="104">
        <v>0</v>
      </c>
      <c r="CZ37" s="103">
        <v>0</v>
      </c>
      <c r="DA37" s="100">
        <v>0</v>
      </c>
      <c r="DB37" s="104">
        <v>0</v>
      </c>
      <c r="DC37" s="104">
        <v>85806</v>
      </c>
      <c r="DD37" s="104">
        <v>0</v>
      </c>
      <c r="DE37" s="104">
        <v>74670</v>
      </c>
      <c r="DF37" s="104">
        <v>55923</v>
      </c>
      <c r="DG37" s="103">
        <v>216399</v>
      </c>
      <c r="DH37" s="106">
        <v>216399</v>
      </c>
      <c r="DI37" s="100">
        <v>0</v>
      </c>
      <c r="DJ37" s="104">
        <v>25249</v>
      </c>
      <c r="DK37" s="102">
        <v>25249</v>
      </c>
      <c r="DL37" s="101">
        <v>0</v>
      </c>
      <c r="DM37" s="104">
        <v>0</v>
      </c>
      <c r="DN37" s="104">
        <v>17332</v>
      </c>
      <c r="DO37" s="104">
        <v>0</v>
      </c>
      <c r="DP37" s="104">
        <v>54781</v>
      </c>
      <c r="DQ37" s="104">
        <v>230110</v>
      </c>
      <c r="DR37" s="103">
        <v>302223</v>
      </c>
      <c r="DS37" s="106">
        <v>327472</v>
      </c>
      <c r="DT37" s="100">
        <v>0</v>
      </c>
      <c r="DU37" s="104">
        <v>25249</v>
      </c>
      <c r="DV37" s="103">
        <v>25249</v>
      </c>
      <c r="DW37" s="100">
        <v>0</v>
      </c>
      <c r="DX37" s="104">
        <v>0</v>
      </c>
      <c r="DY37" s="104">
        <v>17332</v>
      </c>
      <c r="DZ37" s="104">
        <v>0</v>
      </c>
      <c r="EA37" s="104">
        <v>54781</v>
      </c>
      <c r="EB37" s="104">
        <v>18263</v>
      </c>
      <c r="EC37" s="103">
        <v>90376</v>
      </c>
      <c r="ED37" s="106">
        <v>115625</v>
      </c>
      <c r="EE37" s="100">
        <v>0</v>
      </c>
      <c r="EF37" s="102">
        <v>0</v>
      </c>
      <c r="EG37" s="103">
        <v>0</v>
      </c>
      <c r="EH37" s="100">
        <v>0</v>
      </c>
      <c r="EI37" s="104">
        <v>0</v>
      </c>
      <c r="EJ37" s="104">
        <v>0</v>
      </c>
      <c r="EK37" s="104">
        <v>0</v>
      </c>
      <c r="EL37" s="104">
        <v>0</v>
      </c>
      <c r="EM37" s="104">
        <v>211847</v>
      </c>
      <c r="EN37" s="102">
        <v>211847</v>
      </c>
      <c r="EO37" s="106">
        <v>211847</v>
      </c>
      <c r="EP37" s="100">
        <v>0</v>
      </c>
      <c r="EQ37" s="104">
        <v>0</v>
      </c>
      <c r="ER37" s="102">
        <v>0</v>
      </c>
      <c r="ES37" s="101">
        <v>0</v>
      </c>
      <c r="ET37" s="104">
        <v>0</v>
      </c>
      <c r="EU37" s="104">
        <v>0</v>
      </c>
      <c r="EV37" s="104">
        <v>0</v>
      </c>
      <c r="EW37" s="104">
        <v>0</v>
      </c>
      <c r="EX37" s="104">
        <v>0</v>
      </c>
      <c r="EY37" s="103">
        <v>0</v>
      </c>
      <c r="EZ37" s="106">
        <v>0</v>
      </c>
      <c r="FA37" s="100">
        <v>0</v>
      </c>
      <c r="FB37" s="104">
        <v>0</v>
      </c>
      <c r="FC37" s="102">
        <v>0</v>
      </c>
      <c r="FD37" s="498">
        <v>0</v>
      </c>
      <c r="FE37" s="104">
        <v>0</v>
      </c>
      <c r="FF37" s="104">
        <v>0</v>
      </c>
      <c r="FG37" s="104">
        <v>0</v>
      </c>
      <c r="FH37" s="104">
        <v>0</v>
      </c>
      <c r="FI37" s="104">
        <v>0</v>
      </c>
      <c r="FJ37" s="103">
        <v>0</v>
      </c>
      <c r="FK37" s="106">
        <v>0</v>
      </c>
      <c r="FL37" s="100">
        <v>10920</v>
      </c>
      <c r="FM37" s="104">
        <v>2800</v>
      </c>
      <c r="FN37" s="103">
        <v>13720</v>
      </c>
      <c r="FO37" s="100">
        <v>0</v>
      </c>
      <c r="FP37" s="104">
        <v>11200</v>
      </c>
      <c r="FQ37" s="104">
        <v>81907</v>
      </c>
      <c r="FR37" s="104">
        <v>34671</v>
      </c>
      <c r="FS37" s="104">
        <v>71498</v>
      </c>
      <c r="FT37" s="104">
        <v>17360</v>
      </c>
      <c r="FU37" s="103">
        <v>216636</v>
      </c>
      <c r="FV37" s="106">
        <v>230356</v>
      </c>
      <c r="FW37" s="105">
        <v>10920</v>
      </c>
      <c r="FX37" s="104">
        <v>2800</v>
      </c>
      <c r="FY37" s="102">
        <v>13720</v>
      </c>
      <c r="FZ37" s="101">
        <v>0</v>
      </c>
      <c r="GA37" s="104">
        <v>11200</v>
      </c>
      <c r="GB37" s="104">
        <v>81907</v>
      </c>
      <c r="GC37" s="104">
        <v>34671</v>
      </c>
      <c r="GD37" s="104">
        <v>71498</v>
      </c>
      <c r="GE37" s="104">
        <v>17360</v>
      </c>
      <c r="GF37" s="103">
        <v>216636</v>
      </c>
      <c r="GG37" s="294">
        <v>230356</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29955</v>
      </c>
      <c r="HI37" s="104">
        <v>0</v>
      </c>
      <c r="HJ37" s="104">
        <v>358300</v>
      </c>
      <c r="HK37" s="104">
        <v>201908</v>
      </c>
      <c r="HL37" s="104">
        <v>192836</v>
      </c>
      <c r="HM37" s="103">
        <v>882999</v>
      </c>
      <c r="HN37" s="99">
        <v>882999</v>
      </c>
      <c r="HO37" s="484">
        <v>0</v>
      </c>
      <c r="HP37" s="485">
        <v>0</v>
      </c>
      <c r="HQ37" s="486">
        <v>0</v>
      </c>
      <c r="HR37" s="487">
        <v>0</v>
      </c>
      <c r="HS37" s="485">
        <v>0</v>
      </c>
      <c r="HT37" s="485">
        <v>0</v>
      </c>
      <c r="HU37" s="485">
        <v>0</v>
      </c>
      <c r="HV37" s="485">
        <v>0</v>
      </c>
      <c r="HW37" s="485">
        <v>0</v>
      </c>
      <c r="HX37" s="488">
        <v>0</v>
      </c>
      <c r="HY37" s="489">
        <v>0</v>
      </c>
      <c r="HZ37" s="118">
        <v>0</v>
      </c>
      <c r="IA37" s="119">
        <v>0</v>
      </c>
      <c r="IB37" s="120">
        <v>0</v>
      </c>
      <c r="IC37" s="133">
        <v>0</v>
      </c>
      <c r="ID37" s="119">
        <v>224826</v>
      </c>
      <c r="IE37" s="134">
        <v>84616</v>
      </c>
      <c r="IF37" s="120">
        <v>192430</v>
      </c>
      <c r="IG37" s="119">
        <v>0</v>
      </c>
      <c r="IH37" s="120">
        <v>414708</v>
      </c>
      <c r="II37" s="135">
        <v>916580</v>
      </c>
      <c r="IJ37" s="126">
        <v>916580</v>
      </c>
      <c r="IK37" s="219">
        <v>0</v>
      </c>
      <c r="IL37" s="223">
        <v>0</v>
      </c>
      <c r="IM37" s="224">
        <v>0</v>
      </c>
      <c r="IN37" s="127">
        <v>0</v>
      </c>
      <c r="IO37" s="109">
        <v>62244</v>
      </c>
      <c r="IP37" s="109">
        <v>84616</v>
      </c>
      <c r="IQ37" s="109">
        <v>0</v>
      </c>
      <c r="IR37" s="109">
        <v>0</v>
      </c>
      <c r="IS37" s="109">
        <v>0</v>
      </c>
      <c r="IT37" s="128">
        <v>146860</v>
      </c>
      <c r="IU37" s="296">
        <v>146860</v>
      </c>
      <c r="IV37" s="129">
        <v>0</v>
      </c>
      <c r="IW37" s="109">
        <v>0</v>
      </c>
      <c r="IX37" s="110">
        <v>0</v>
      </c>
      <c r="IY37" s="502">
        <v>0</v>
      </c>
      <c r="IZ37" s="109">
        <v>0</v>
      </c>
      <c r="JA37" s="109">
        <v>0</v>
      </c>
      <c r="JB37" s="109">
        <v>0</v>
      </c>
      <c r="JC37" s="109">
        <v>0</v>
      </c>
      <c r="JD37" s="109">
        <v>0</v>
      </c>
      <c r="JE37" s="110">
        <v>0</v>
      </c>
      <c r="JF37" s="111">
        <v>0</v>
      </c>
      <c r="JG37" s="129">
        <v>0</v>
      </c>
      <c r="JH37" s="109">
        <v>0</v>
      </c>
      <c r="JI37" s="128">
        <v>0</v>
      </c>
      <c r="JJ37" s="108">
        <v>0</v>
      </c>
      <c r="JK37" s="109">
        <v>36596</v>
      </c>
      <c r="JL37" s="109">
        <v>0</v>
      </c>
      <c r="JM37" s="109">
        <v>0</v>
      </c>
      <c r="JN37" s="109">
        <v>0</v>
      </c>
      <c r="JO37" s="109">
        <v>0</v>
      </c>
      <c r="JP37" s="110">
        <v>36596</v>
      </c>
      <c r="JQ37" s="296">
        <v>36596</v>
      </c>
      <c r="JR37" s="129">
        <v>0</v>
      </c>
      <c r="JS37" s="109">
        <v>0</v>
      </c>
      <c r="JT37" s="128">
        <v>0</v>
      </c>
      <c r="JU37" s="108">
        <v>0</v>
      </c>
      <c r="JV37" s="109">
        <v>125986</v>
      </c>
      <c r="JW37" s="109">
        <v>0</v>
      </c>
      <c r="JX37" s="109">
        <v>0</v>
      </c>
      <c r="JY37" s="109">
        <v>0</v>
      </c>
      <c r="JZ37" s="109">
        <v>0</v>
      </c>
      <c r="KA37" s="110">
        <v>125986</v>
      </c>
      <c r="KB37" s="296">
        <v>125986</v>
      </c>
      <c r="KC37" s="221">
        <v>0</v>
      </c>
      <c r="KD37" s="217">
        <v>0</v>
      </c>
      <c r="KE37" s="110">
        <v>0</v>
      </c>
      <c r="KF37" s="108">
        <v>0</v>
      </c>
      <c r="KG37" s="109">
        <v>0</v>
      </c>
      <c r="KH37" s="109">
        <v>0</v>
      </c>
      <c r="KI37" s="109">
        <v>192430</v>
      </c>
      <c r="KJ37" s="109">
        <v>0</v>
      </c>
      <c r="KK37" s="109">
        <v>0</v>
      </c>
      <c r="KL37" s="110">
        <v>192430</v>
      </c>
      <c r="KM37" s="130">
        <v>192430</v>
      </c>
      <c r="KN37" s="219">
        <v>0</v>
      </c>
      <c r="KO37" s="223">
        <v>0</v>
      </c>
      <c r="KP37" s="224">
        <v>0</v>
      </c>
      <c r="KQ37" s="506">
        <v>0</v>
      </c>
      <c r="KR37" s="109">
        <v>0</v>
      </c>
      <c r="KS37" s="109">
        <v>0</v>
      </c>
      <c r="KT37" s="109">
        <v>0</v>
      </c>
      <c r="KU37" s="109">
        <v>0</v>
      </c>
      <c r="KV37" s="109">
        <v>210658</v>
      </c>
      <c r="KW37" s="110">
        <v>210658</v>
      </c>
      <c r="KX37" s="296">
        <v>210658</v>
      </c>
      <c r="KY37" s="129">
        <v>0</v>
      </c>
      <c r="KZ37" s="109">
        <v>0</v>
      </c>
      <c r="LA37" s="110">
        <v>0</v>
      </c>
      <c r="LB37" s="510">
        <v>0</v>
      </c>
      <c r="LC37" s="109">
        <v>0</v>
      </c>
      <c r="LD37" s="109">
        <v>0</v>
      </c>
      <c r="LE37" s="109">
        <v>0</v>
      </c>
      <c r="LF37" s="109">
        <v>0</v>
      </c>
      <c r="LG37" s="109">
        <v>0</v>
      </c>
      <c r="LH37" s="110">
        <v>0</v>
      </c>
      <c r="LI37" s="111">
        <v>0</v>
      </c>
      <c r="LJ37" s="129">
        <v>0</v>
      </c>
      <c r="LK37" s="109">
        <v>0</v>
      </c>
      <c r="LL37" s="110">
        <v>0</v>
      </c>
      <c r="LM37" s="510">
        <v>0</v>
      </c>
      <c r="LN37" s="109">
        <v>0</v>
      </c>
      <c r="LO37" s="109">
        <v>0</v>
      </c>
      <c r="LP37" s="109">
        <v>0</v>
      </c>
      <c r="LQ37" s="109">
        <v>0</v>
      </c>
      <c r="LR37" s="109">
        <v>204050</v>
      </c>
      <c r="LS37" s="110">
        <v>204050</v>
      </c>
      <c r="LT37" s="296">
        <v>204050</v>
      </c>
      <c r="LU37" s="129">
        <v>0</v>
      </c>
      <c r="LV37" s="109">
        <v>0</v>
      </c>
      <c r="LW37" s="110">
        <v>0</v>
      </c>
      <c r="LX37" s="510">
        <v>0</v>
      </c>
      <c r="LY37" s="109">
        <v>0</v>
      </c>
      <c r="LZ37" s="109">
        <v>0</v>
      </c>
      <c r="MA37" s="109">
        <v>0</v>
      </c>
      <c r="MB37" s="109">
        <v>0</v>
      </c>
      <c r="MC37" s="109">
        <v>0</v>
      </c>
      <c r="MD37" s="110">
        <v>0</v>
      </c>
      <c r="ME37" s="111">
        <v>0</v>
      </c>
      <c r="MF37" s="129">
        <v>0</v>
      </c>
      <c r="MG37" s="109">
        <v>0</v>
      </c>
      <c r="MH37" s="110">
        <v>0</v>
      </c>
      <c r="MI37" s="510">
        <v>0</v>
      </c>
      <c r="MJ37" s="109">
        <v>0</v>
      </c>
      <c r="MK37" s="109">
        <v>0</v>
      </c>
      <c r="ML37" s="109">
        <v>195223</v>
      </c>
      <c r="MM37" s="109">
        <v>283562</v>
      </c>
      <c r="MN37" s="109">
        <v>253222</v>
      </c>
      <c r="MO37" s="110">
        <v>732007</v>
      </c>
      <c r="MP37" s="130">
        <v>732007</v>
      </c>
      <c r="MQ37" s="129">
        <v>0</v>
      </c>
      <c r="MR37" s="109">
        <v>0</v>
      </c>
      <c r="MS37" s="110">
        <v>0</v>
      </c>
      <c r="MT37" s="510">
        <v>0</v>
      </c>
      <c r="MU37" s="109">
        <v>0</v>
      </c>
      <c r="MV37" s="109">
        <v>0</v>
      </c>
      <c r="MW37" s="109">
        <v>195223</v>
      </c>
      <c r="MX37" s="109">
        <v>0</v>
      </c>
      <c r="MY37" s="109">
        <v>253222</v>
      </c>
      <c r="MZ37" s="110">
        <v>448445</v>
      </c>
      <c r="NA37" s="130">
        <v>448445</v>
      </c>
      <c r="NB37" s="129">
        <v>0</v>
      </c>
      <c r="NC37" s="109">
        <v>0</v>
      </c>
      <c r="ND37" s="110">
        <v>0</v>
      </c>
      <c r="NE37" s="510">
        <v>0</v>
      </c>
      <c r="NF37" s="109">
        <v>0</v>
      </c>
      <c r="NG37" s="109">
        <v>0</v>
      </c>
      <c r="NH37" s="109">
        <v>0</v>
      </c>
      <c r="NI37" s="109">
        <v>283562</v>
      </c>
      <c r="NJ37" s="109">
        <v>0</v>
      </c>
      <c r="NK37" s="110">
        <v>283562</v>
      </c>
      <c r="NL37" s="296">
        <v>283562</v>
      </c>
      <c r="NM37" s="129">
        <v>0</v>
      </c>
      <c r="NN37" s="109">
        <v>0</v>
      </c>
      <c r="NO37" s="110">
        <v>0</v>
      </c>
      <c r="NP37" s="510">
        <v>0</v>
      </c>
      <c r="NQ37" s="109">
        <v>0</v>
      </c>
      <c r="NR37" s="109">
        <v>0</v>
      </c>
      <c r="NS37" s="109">
        <v>0</v>
      </c>
      <c r="NT37" s="109">
        <v>0</v>
      </c>
      <c r="NU37" s="109">
        <v>0</v>
      </c>
      <c r="NV37" s="110">
        <v>0</v>
      </c>
      <c r="NW37" s="111">
        <v>0</v>
      </c>
      <c r="NX37" s="129">
        <v>0</v>
      </c>
      <c r="NY37" s="109">
        <v>0</v>
      </c>
      <c r="NZ37" s="110">
        <v>0</v>
      </c>
      <c r="OA37" s="510">
        <v>0</v>
      </c>
      <c r="OB37" s="109">
        <v>0</v>
      </c>
      <c r="OC37" s="109">
        <v>0</v>
      </c>
      <c r="OD37" s="109">
        <v>0</v>
      </c>
      <c r="OE37" s="109">
        <v>0</v>
      </c>
      <c r="OF37" s="109">
        <v>0</v>
      </c>
      <c r="OG37" s="110">
        <v>0</v>
      </c>
      <c r="OH37" s="111">
        <v>0</v>
      </c>
      <c r="OI37" s="129">
        <v>10920</v>
      </c>
      <c r="OJ37" s="109">
        <v>28049</v>
      </c>
      <c r="OK37" s="128">
        <v>38969</v>
      </c>
      <c r="OL37" s="108">
        <v>0</v>
      </c>
      <c r="OM37" s="109">
        <v>559743</v>
      </c>
      <c r="ON37" s="109">
        <v>628607</v>
      </c>
      <c r="OO37" s="109">
        <v>820832</v>
      </c>
      <c r="OP37" s="109">
        <v>889633</v>
      </c>
      <c r="OQ37" s="109">
        <v>1242972</v>
      </c>
      <c r="OR37" s="110">
        <v>4141787</v>
      </c>
      <c r="OS37" s="130">
        <v>4180756</v>
      </c>
    </row>
    <row r="38" spans="2:409" ht="21" customHeight="1" x14ac:dyDescent="0.2">
      <c r="B38" s="468" t="s">
        <v>33</v>
      </c>
      <c r="C38" s="100">
        <v>22367</v>
      </c>
      <c r="D38" s="104">
        <v>220506</v>
      </c>
      <c r="E38" s="103">
        <v>242873</v>
      </c>
      <c r="F38" s="99">
        <v>0</v>
      </c>
      <c r="G38" s="104">
        <v>449785</v>
      </c>
      <c r="H38" s="104">
        <v>85915</v>
      </c>
      <c r="I38" s="104">
        <v>735491</v>
      </c>
      <c r="J38" s="104">
        <v>479987</v>
      </c>
      <c r="K38" s="104">
        <v>530091</v>
      </c>
      <c r="L38" s="160">
        <v>2281269</v>
      </c>
      <c r="M38" s="106">
        <v>2524142</v>
      </c>
      <c r="N38" s="100">
        <v>0</v>
      </c>
      <c r="O38" s="104">
        <v>48305</v>
      </c>
      <c r="P38" s="103">
        <v>48305</v>
      </c>
      <c r="Q38" s="100">
        <v>0</v>
      </c>
      <c r="R38" s="104">
        <v>92922</v>
      </c>
      <c r="S38" s="104">
        <v>74365</v>
      </c>
      <c r="T38" s="104">
        <v>67870</v>
      </c>
      <c r="U38" s="104">
        <v>64726</v>
      </c>
      <c r="V38" s="104">
        <v>221257</v>
      </c>
      <c r="W38" s="103">
        <v>521140</v>
      </c>
      <c r="X38" s="106">
        <v>569445</v>
      </c>
      <c r="Y38" s="100">
        <v>0</v>
      </c>
      <c r="Z38" s="104">
        <v>0</v>
      </c>
      <c r="AA38" s="103">
        <v>0</v>
      </c>
      <c r="AB38" s="100">
        <v>0</v>
      </c>
      <c r="AC38" s="104">
        <v>42505</v>
      </c>
      <c r="AD38" s="104">
        <v>0</v>
      </c>
      <c r="AE38" s="104">
        <v>0</v>
      </c>
      <c r="AF38" s="104">
        <v>0</v>
      </c>
      <c r="AG38" s="104">
        <v>168082</v>
      </c>
      <c r="AH38" s="103">
        <v>210587</v>
      </c>
      <c r="AI38" s="106">
        <v>210587</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27573</v>
      </c>
      <c r="BA38" s="104">
        <v>0</v>
      </c>
      <c r="BB38" s="104">
        <v>0</v>
      </c>
      <c r="BC38" s="104">
        <v>14927</v>
      </c>
      <c r="BD38" s="103">
        <v>42500</v>
      </c>
      <c r="BE38" s="106">
        <v>42500</v>
      </c>
      <c r="BF38" s="100">
        <v>0</v>
      </c>
      <c r="BG38" s="104">
        <v>35131</v>
      </c>
      <c r="BH38" s="102">
        <v>35131</v>
      </c>
      <c r="BI38" s="101">
        <v>0</v>
      </c>
      <c r="BJ38" s="104">
        <v>46791</v>
      </c>
      <c r="BK38" s="104">
        <v>46792</v>
      </c>
      <c r="BL38" s="104">
        <v>26738</v>
      </c>
      <c r="BM38" s="104">
        <v>46792</v>
      </c>
      <c r="BN38" s="104">
        <v>0</v>
      </c>
      <c r="BO38" s="103">
        <v>167113</v>
      </c>
      <c r="BP38" s="106">
        <v>202244</v>
      </c>
      <c r="BQ38" s="100">
        <v>0</v>
      </c>
      <c r="BR38" s="104">
        <v>13174</v>
      </c>
      <c r="BS38" s="103">
        <v>13174</v>
      </c>
      <c r="BT38" s="100">
        <v>0</v>
      </c>
      <c r="BU38" s="104">
        <v>3626</v>
      </c>
      <c r="BV38" s="104">
        <v>0</v>
      </c>
      <c r="BW38" s="104">
        <v>41132</v>
      </c>
      <c r="BX38" s="104">
        <v>17934</v>
      </c>
      <c r="BY38" s="104">
        <v>38248</v>
      </c>
      <c r="BZ38" s="103">
        <v>100940</v>
      </c>
      <c r="CA38" s="106">
        <v>114114</v>
      </c>
      <c r="CB38" s="100">
        <v>18167</v>
      </c>
      <c r="CC38" s="104">
        <v>0</v>
      </c>
      <c r="CD38" s="103">
        <v>18167</v>
      </c>
      <c r="CE38" s="100">
        <v>0</v>
      </c>
      <c r="CF38" s="104">
        <v>106302</v>
      </c>
      <c r="CG38" s="104">
        <v>0</v>
      </c>
      <c r="CH38" s="104">
        <v>14479</v>
      </c>
      <c r="CI38" s="104">
        <v>0</v>
      </c>
      <c r="CJ38" s="104">
        <v>61555</v>
      </c>
      <c r="CK38" s="103">
        <v>182336</v>
      </c>
      <c r="CL38" s="106">
        <v>200503</v>
      </c>
      <c r="CM38" s="100">
        <v>0</v>
      </c>
      <c r="CN38" s="104">
        <v>0</v>
      </c>
      <c r="CO38" s="103">
        <v>0</v>
      </c>
      <c r="CP38" s="101">
        <v>0</v>
      </c>
      <c r="CQ38" s="104">
        <v>64231</v>
      </c>
      <c r="CR38" s="104">
        <v>0</v>
      </c>
      <c r="CS38" s="104">
        <v>0</v>
      </c>
      <c r="CT38" s="104">
        <v>0</v>
      </c>
      <c r="CU38" s="104">
        <v>61555</v>
      </c>
      <c r="CV38" s="103">
        <v>125786</v>
      </c>
      <c r="CW38" s="106">
        <v>125786</v>
      </c>
      <c r="CX38" s="100">
        <v>18167</v>
      </c>
      <c r="CY38" s="104">
        <v>0</v>
      </c>
      <c r="CZ38" s="103">
        <v>18167</v>
      </c>
      <c r="DA38" s="100">
        <v>0</v>
      </c>
      <c r="DB38" s="104">
        <v>42071</v>
      </c>
      <c r="DC38" s="104">
        <v>0</v>
      </c>
      <c r="DD38" s="104">
        <v>14479</v>
      </c>
      <c r="DE38" s="104">
        <v>0</v>
      </c>
      <c r="DF38" s="104">
        <v>0</v>
      </c>
      <c r="DG38" s="103">
        <v>56550</v>
      </c>
      <c r="DH38" s="106">
        <v>74717</v>
      </c>
      <c r="DI38" s="100">
        <v>0</v>
      </c>
      <c r="DJ38" s="104">
        <v>0</v>
      </c>
      <c r="DK38" s="102">
        <v>0</v>
      </c>
      <c r="DL38" s="101">
        <v>0</v>
      </c>
      <c r="DM38" s="104">
        <v>88370</v>
      </c>
      <c r="DN38" s="104">
        <v>0</v>
      </c>
      <c r="DO38" s="104">
        <v>21420</v>
      </c>
      <c r="DP38" s="104">
        <v>14892</v>
      </c>
      <c r="DQ38" s="104">
        <v>0</v>
      </c>
      <c r="DR38" s="103">
        <v>124682</v>
      </c>
      <c r="DS38" s="106">
        <v>124682</v>
      </c>
      <c r="DT38" s="100">
        <v>0</v>
      </c>
      <c r="DU38" s="104">
        <v>0</v>
      </c>
      <c r="DV38" s="103">
        <v>0</v>
      </c>
      <c r="DW38" s="100">
        <v>0</v>
      </c>
      <c r="DX38" s="104">
        <v>0</v>
      </c>
      <c r="DY38" s="104">
        <v>0</v>
      </c>
      <c r="DZ38" s="104">
        <v>21420</v>
      </c>
      <c r="EA38" s="104">
        <v>14892</v>
      </c>
      <c r="EB38" s="104">
        <v>0</v>
      </c>
      <c r="EC38" s="103">
        <v>36312</v>
      </c>
      <c r="ED38" s="106">
        <v>36312</v>
      </c>
      <c r="EE38" s="100">
        <v>0</v>
      </c>
      <c r="EF38" s="102">
        <v>0</v>
      </c>
      <c r="EG38" s="103">
        <v>0</v>
      </c>
      <c r="EH38" s="100">
        <v>0</v>
      </c>
      <c r="EI38" s="104">
        <v>88370</v>
      </c>
      <c r="EJ38" s="104">
        <v>0</v>
      </c>
      <c r="EK38" s="104">
        <v>0</v>
      </c>
      <c r="EL38" s="104">
        <v>0</v>
      </c>
      <c r="EM38" s="104">
        <v>0</v>
      </c>
      <c r="EN38" s="102">
        <v>88370</v>
      </c>
      <c r="EO38" s="106">
        <v>8837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498">
        <v>0</v>
      </c>
      <c r="FE38" s="104">
        <v>0</v>
      </c>
      <c r="FF38" s="104">
        <v>0</v>
      </c>
      <c r="FG38" s="104">
        <v>0</v>
      </c>
      <c r="FH38" s="104">
        <v>0</v>
      </c>
      <c r="FI38" s="104">
        <v>0</v>
      </c>
      <c r="FJ38" s="103">
        <v>0</v>
      </c>
      <c r="FK38" s="106">
        <v>0</v>
      </c>
      <c r="FL38" s="100">
        <v>4200</v>
      </c>
      <c r="FM38" s="104">
        <v>10780</v>
      </c>
      <c r="FN38" s="103">
        <v>14980</v>
      </c>
      <c r="FO38" s="100">
        <v>0</v>
      </c>
      <c r="FP38" s="104">
        <v>29715</v>
      </c>
      <c r="FQ38" s="104">
        <v>11550</v>
      </c>
      <c r="FR38" s="104">
        <v>5978</v>
      </c>
      <c r="FS38" s="104">
        <v>16100</v>
      </c>
      <c r="FT38" s="104">
        <v>46256</v>
      </c>
      <c r="FU38" s="103">
        <v>109599</v>
      </c>
      <c r="FV38" s="106">
        <v>124579</v>
      </c>
      <c r="FW38" s="105">
        <v>4200</v>
      </c>
      <c r="FX38" s="104">
        <v>10780</v>
      </c>
      <c r="FY38" s="102">
        <v>14980</v>
      </c>
      <c r="FZ38" s="101">
        <v>0</v>
      </c>
      <c r="GA38" s="104">
        <v>29715</v>
      </c>
      <c r="GB38" s="104">
        <v>11550</v>
      </c>
      <c r="GC38" s="104">
        <v>5978</v>
      </c>
      <c r="GD38" s="104">
        <v>16100</v>
      </c>
      <c r="GE38" s="104">
        <v>46256</v>
      </c>
      <c r="GF38" s="103">
        <v>109599</v>
      </c>
      <c r="GG38" s="294">
        <v>124579</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161421</v>
      </c>
      <c r="HF38" s="102">
        <v>161421</v>
      </c>
      <c r="HG38" s="101">
        <v>0</v>
      </c>
      <c r="HH38" s="104">
        <v>132476</v>
      </c>
      <c r="HI38" s="104">
        <v>0</v>
      </c>
      <c r="HJ38" s="104">
        <v>625744</v>
      </c>
      <c r="HK38" s="104">
        <v>384269</v>
      </c>
      <c r="HL38" s="104">
        <v>201023</v>
      </c>
      <c r="HM38" s="103">
        <v>1343512</v>
      </c>
      <c r="HN38" s="99">
        <v>1504933</v>
      </c>
      <c r="HO38" s="484">
        <v>0</v>
      </c>
      <c r="HP38" s="485">
        <v>0</v>
      </c>
      <c r="HQ38" s="486">
        <v>0</v>
      </c>
      <c r="HR38" s="487">
        <v>0</v>
      </c>
      <c r="HS38" s="485">
        <v>0</v>
      </c>
      <c r="HT38" s="485">
        <v>0</v>
      </c>
      <c r="HU38" s="485">
        <v>0</v>
      </c>
      <c r="HV38" s="485">
        <v>0</v>
      </c>
      <c r="HW38" s="485">
        <v>0</v>
      </c>
      <c r="HX38" s="488">
        <v>0</v>
      </c>
      <c r="HY38" s="489">
        <v>0</v>
      </c>
      <c r="HZ38" s="137">
        <v>0</v>
      </c>
      <c r="IA38" s="122">
        <v>0</v>
      </c>
      <c r="IB38" s="137">
        <v>0</v>
      </c>
      <c r="IC38" s="133">
        <v>0</v>
      </c>
      <c r="ID38" s="119">
        <v>36327</v>
      </c>
      <c r="IE38" s="134">
        <v>0</v>
      </c>
      <c r="IF38" s="120">
        <v>268842</v>
      </c>
      <c r="IG38" s="119">
        <v>70361</v>
      </c>
      <c r="IH38" s="120">
        <v>239532</v>
      </c>
      <c r="II38" s="135">
        <v>615062</v>
      </c>
      <c r="IJ38" s="137">
        <v>615062</v>
      </c>
      <c r="IK38" s="219">
        <v>0</v>
      </c>
      <c r="IL38" s="223">
        <v>0</v>
      </c>
      <c r="IM38" s="224">
        <v>0</v>
      </c>
      <c r="IN38" s="127">
        <v>0</v>
      </c>
      <c r="IO38" s="109">
        <v>0</v>
      </c>
      <c r="IP38" s="109">
        <v>0</v>
      </c>
      <c r="IQ38" s="109">
        <v>0</v>
      </c>
      <c r="IR38" s="109">
        <v>0</v>
      </c>
      <c r="IS38" s="109">
        <v>0</v>
      </c>
      <c r="IT38" s="128">
        <v>0</v>
      </c>
      <c r="IU38" s="296">
        <v>0</v>
      </c>
      <c r="IV38" s="129">
        <v>0</v>
      </c>
      <c r="IW38" s="109">
        <v>0</v>
      </c>
      <c r="IX38" s="110">
        <v>0</v>
      </c>
      <c r="IY38" s="502">
        <v>0</v>
      </c>
      <c r="IZ38" s="109">
        <v>0</v>
      </c>
      <c r="JA38" s="109">
        <v>0</v>
      </c>
      <c r="JB38" s="109">
        <v>0</v>
      </c>
      <c r="JC38" s="109">
        <v>0</v>
      </c>
      <c r="JD38" s="109">
        <v>0</v>
      </c>
      <c r="JE38" s="110">
        <v>0</v>
      </c>
      <c r="JF38" s="111">
        <v>0</v>
      </c>
      <c r="JG38" s="129">
        <v>0</v>
      </c>
      <c r="JH38" s="109">
        <v>0</v>
      </c>
      <c r="JI38" s="128">
        <v>0</v>
      </c>
      <c r="JJ38" s="108">
        <v>0</v>
      </c>
      <c r="JK38" s="109">
        <v>36327</v>
      </c>
      <c r="JL38" s="109">
        <v>0</v>
      </c>
      <c r="JM38" s="109">
        <v>58600</v>
      </c>
      <c r="JN38" s="109">
        <v>70361</v>
      </c>
      <c r="JO38" s="109">
        <v>0</v>
      </c>
      <c r="JP38" s="110">
        <v>165288</v>
      </c>
      <c r="JQ38" s="296">
        <v>165288</v>
      </c>
      <c r="JR38" s="129">
        <v>0</v>
      </c>
      <c r="JS38" s="109">
        <v>0</v>
      </c>
      <c r="JT38" s="128">
        <v>0</v>
      </c>
      <c r="JU38" s="108">
        <v>0</v>
      </c>
      <c r="JV38" s="109">
        <v>0</v>
      </c>
      <c r="JW38" s="109">
        <v>0</v>
      </c>
      <c r="JX38" s="109">
        <v>0</v>
      </c>
      <c r="JY38" s="109">
        <v>0</v>
      </c>
      <c r="JZ38" s="109">
        <v>0</v>
      </c>
      <c r="KA38" s="110">
        <v>0</v>
      </c>
      <c r="KB38" s="296">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506">
        <v>0</v>
      </c>
      <c r="KR38" s="109">
        <v>0</v>
      </c>
      <c r="KS38" s="109">
        <v>0</v>
      </c>
      <c r="KT38" s="109">
        <v>210242</v>
      </c>
      <c r="KU38" s="109">
        <v>0</v>
      </c>
      <c r="KV38" s="109">
        <v>0</v>
      </c>
      <c r="KW38" s="110">
        <v>210242</v>
      </c>
      <c r="KX38" s="296">
        <v>210242</v>
      </c>
      <c r="KY38" s="129">
        <v>0</v>
      </c>
      <c r="KZ38" s="109">
        <v>0</v>
      </c>
      <c r="LA38" s="110">
        <v>0</v>
      </c>
      <c r="LB38" s="510">
        <v>0</v>
      </c>
      <c r="LC38" s="109">
        <v>0</v>
      </c>
      <c r="LD38" s="109">
        <v>0</v>
      </c>
      <c r="LE38" s="109">
        <v>0</v>
      </c>
      <c r="LF38" s="109">
        <v>0</v>
      </c>
      <c r="LG38" s="109">
        <v>0</v>
      </c>
      <c r="LH38" s="110">
        <v>0</v>
      </c>
      <c r="LI38" s="111">
        <v>0</v>
      </c>
      <c r="LJ38" s="129">
        <v>0</v>
      </c>
      <c r="LK38" s="109">
        <v>0</v>
      </c>
      <c r="LL38" s="110">
        <v>0</v>
      </c>
      <c r="LM38" s="510">
        <v>0</v>
      </c>
      <c r="LN38" s="109">
        <v>0</v>
      </c>
      <c r="LO38" s="109">
        <v>0</v>
      </c>
      <c r="LP38" s="109">
        <v>0</v>
      </c>
      <c r="LQ38" s="109">
        <v>0</v>
      </c>
      <c r="LR38" s="109">
        <v>0</v>
      </c>
      <c r="LS38" s="110">
        <v>0</v>
      </c>
      <c r="LT38" s="296">
        <v>0</v>
      </c>
      <c r="LU38" s="129">
        <v>0</v>
      </c>
      <c r="LV38" s="109">
        <v>0</v>
      </c>
      <c r="LW38" s="110">
        <v>0</v>
      </c>
      <c r="LX38" s="510">
        <v>0</v>
      </c>
      <c r="LY38" s="109">
        <v>0</v>
      </c>
      <c r="LZ38" s="109">
        <v>0</v>
      </c>
      <c r="MA38" s="109">
        <v>0</v>
      </c>
      <c r="MB38" s="109">
        <v>0</v>
      </c>
      <c r="MC38" s="109">
        <v>239532</v>
      </c>
      <c r="MD38" s="110">
        <v>239532</v>
      </c>
      <c r="ME38" s="111">
        <v>239532</v>
      </c>
      <c r="MF38" s="129">
        <v>0</v>
      </c>
      <c r="MG38" s="109">
        <v>0</v>
      </c>
      <c r="MH38" s="110">
        <v>0</v>
      </c>
      <c r="MI38" s="510">
        <v>0</v>
      </c>
      <c r="MJ38" s="109">
        <v>0</v>
      </c>
      <c r="MK38" s="109">
        <v>0</v>
      </c>
      <c r="ML38" s="109">
        <v>221029</v>
      </c>
      <c r="MM38" s="109">
        <v>289347</v>
      </c>
      <c r="MN38" s="109">
        <v>1236788</v>
      </c>
      <c r="MO38" s="110">
        <v>1747164</v>
      </c>
      <c r="MP38" s="130">
        <v>1747164</v>
      </c>
      <c r="MQ38" s="129">
        <v>0</v>
      </c>
      <c r="MR38" s="109">
        <v>0</v>
      </c>
      <c r="MS38" s="110">
        <v>0</v>
      </c>
      <c r="MT38" s="510">
        <v>0</v>
      </c>
      <c r="MU38" s="109">
        <v>0</v>
      </c>
      <c r="MV38" s="109">
        <v>0</v>
      </c>
      <c r="MW38" s="109">
        <v>0</v>
      </c>
      <c r="MX38" s="109">
        <v>0</v>
      </c>
      <c r="MY38" s="109">
        <v>0</v>
      </c>
      <c r="MZ38" s="110">
        <v>0</v>
      </c>
      <c r="NA38" s="130">
        <v>0</v>
      </c>
      <c r="NB38" s="129">
        <v>0</v>
      </c>
      <c r="NC38" s="109">
        <v>0</v>
      </c>
      <c r="ND38" s="110">
        <v>0</v>
      </c>
      <c r="NE38" s="510">
        <v>0</v>
      </c>
      <c r="NF38" s="109">
        <v>0</v>
      </c>
      <c r="NG38" s="109">
        <v>0</v>
      </c>
      <c r="NH38" s="109">
        <v>221029</v>
      </c>
      <c r="NI38" s="109">
        <v>0</v>
      </c>
      <c r="NJ38" s="109">
        <v>350391</v>
      </c>
      <c r="NK38" s="110">
        <v>571420</v>
      </c>
      <c r="NL38" s="296">
        <v>571420</v>
      </c>
      <c r="NM38" s="129">
        <v>0</v>
      </c>
      <c r="NN38" s="109">
        <v>0</v>
      </c>
      <c r="NO38" s="110">
        <v>0</v>
      </c>
      <c r="NP38" s="510">
        <v>0</v>
      </c>
      <c r="NQ38" s="109">
        <v>0</v>
      </c>
      <c r="NR38" s="109">
        <v>0</v>
      </c>
      <c r="NS38" s="109">
        <v>0</v>
      </c>
      <c r="NT38" s="109">
        <v>0</v>
      </c>
      <c r="NU38" s="109">
        <v>0</v>
      </c>
      <c r="NV38" s="110">
        <v>0</v>
      </c>
      <c r="NW38" s="111">
        <v>0</v>
      </c>
      <c r="NX38" s="129">
        <v>0</v>
      </c>
      <c r="NY38" s="109">
        <v>0</v>
      </c>
      <c r="NZ38" s="110">
        <v>0</v>
      </c>
      <c r="OA38" s="510">
        <v>0</v>
      </c>
      <c r="OB38" s="109">
        <v>0</v>
      </c>
      <c r="OC38" s="109">
        <v>0</v>
      </c>
      <c r="OD38" s="109">
        <v>0</v>
      </c>
      <c r="OE38" s="109">
        <v>289347</v>
      </c>
      <c r="OF38" s="109">
        <v>886397</v>
      </c>
      <c r="OG38" s="110">
        <v>1175744</v>
      </c>
      <c r="OH38" s="111">
        <v>1175744</v>
      </c>
      <c r="OI38" s="129">
        <v>22367</v>
      </c>
      <c r="OJ38" s="109">
        <v>220506</v>
      </c>
      <c r="OK38" s="128">
        <v>242873</v>
      </c>
      <c r="OL38" s="108">
        <v>0</v>
      </c>
      <c r="OM38" s="109">
        <v>486112</v>
      </c>
      <c r="ON38" s="109">
        <v>85915</v>
      </c>
      <c r="OO38" s="109">
        <v>1225362</v>
      </c>
      <c r="OP38" s="109">
        <v>839695</v>
      </c>
      <c r="OQ38" s="109">
        <v>2006411</v>
      </c>
      <c r="OR38" s="110">
        <v>4643495</v>
      </c>
      <c r="OS38" s="130">
        <v>4886368</v>
      </c>
    </row>
    <row r="39" spans="2:409" ht="21" customHeight="1" x14ac:dyDescent="0.2">
      <c r="B39" s="468" t="s">
        <v>34</v>
      </c>
      <c r="C39" s="100">
        <v>0</v>
      </c>
      <c r="D39" s="104">
        <v>40978</v>
      </c>
      <c r="E39" s="161">
        <v>40978</v>
      </c>
      <c r="F39" s="162">
        <v>0</v>
      </c>
      <c r="G39" s="163">
        <v>55909</v>
      </c>
      <c r="H39" s="163">
        <v>145383</v>
      </c>
      <c r="I39" s="163">
        <v>443339</v>
      </c>
      <c r="J39" s="163">
        <v>0</v>
      </c>
      <c r="K39" s="163">
        <v>0</v>
      </c>
      <c r="L39" s="164">
        <v>644631</v>
      </c>
      <c r="M39" s="106">
        <v>685609</v>
      </c>
      <c r="N39" s="100">
        <v>0</v>
      </c>
      <c r="O39" s="104">
        <v>38178</v>
      </c>
      <c r="P39" s="103">
        <v>38178</v>
      </c>
      <c r="Q39" s="100">
        <v>0</v>
      </c>
      <c r="R39" s="104">
        <v>52409</v>
      </c>
      <c r="S39" s="104">
        <v>39438</v>
      </c>
      <c r="T39" s="104">
        <v>44905</v>
      </c>
      <c r="U39" s="104">
        <v>0</v>
      </c>
      <c r="V39" s="104">
        <v>0</v>
      </c>
      <c r="W39" s="103">
        <v>136752</v>
      </c>
      <c r="X39" s="106">
        <v>174930</v>
      </c>
      <c r="Y39" s="100">
        <v>0</v>
      </c>
      <c r="Z39" s="104">
        <v>0</v>
      </c>
      <c r="AA39" s="103">
        <v>0</v>
      </c>
      <c r="AB39" s="100">
        <v>0</v>
      </c>
      <c r="AC39" s="104">
        <v>36876</v>
      </c>
      <c r="AD39" s="104">
        <v>0</v>
      </c>
      <c r="AE39" s="104">
        <v>0</v>
      </c>
      <c r="AF39" s="104">
        <v>0</v>
      </c>
      <c r="AG39" s="104">
        <v>0</v>
      </c>
      <c r="AH39" s="103">
        <v>36876</v>
      </c>
      <c r="AI39" s="106">
        <v>36876</v>
      </c>
      <c r="AJ39" s="100">
        <v>0</v>
      </c>
      <c r="AK39" s="104">
        <v>0</v>
      </c>
      <c r="AL39" s="103">
        <v>0</v>
      </c>
      <c r="AM39" s="100">
        <v>0</v>
      </c>
      <c r="AN39" s="104">
        <v>0</v>
      </c>
      <c r="AO39" s="104">
        <v>0</v>
      </c>
      <c r="AP39" s="104">
        <v>31367</v>
      </c>
      <c r="AQ39" s="104">
        <v>0</v>
      </c>
      <c r="AR39" s="104">
        <v>0</v>
      </c>
      <c r="AS39" s="103">
        <v>31367</v>
      </c>
      <c r="AT39" s="106">
        <v>31367</v>
      </c>
      <c r="AU39" s="100">
        <v>0</v>
      </c>
      <c r="AV39" s="104">
        <v>38178</v>
      </c>
      <c r="AW39" s="103">
        <v>38178</v>
      </c>
      <c r="AX39" s="100">
        <v>0</v>
      </c>
      <c r="AY39" s="104">
        <v>0</v>
      </c>
      <c r="AZ39" s="104">
        <v>0</v>
      </c>
      <c r="BA39" s="104">
        <v>0</v>
      </c>
      <c r="BB39" s="104">
        <v>0</v>
      </c>
      <c r="BC39" s="104">
        <v>0</v>
      </c>
      <c r="BD39" s="103">
        <v>0</v>
      </c>
      <c r="BE39" s="106">
        <v>38178</v>
      </c>
      <c r="BF39" s="100">
        <v>0</v>
      </c>
      <c r="BG39" s="104">
        <v>0</v>
      </c>
      <c r="BH39" s="102">
        <v>0</v>
      </c>
      <c r="BI39" s="101">
        <v>0</v>
      </c>
      <c r="BJ39" s="104">
        <v>0</v>
      </c>
      <c r="BK39" s="104">
        <v>39438</v>
      </c>
      <c r="BL39" s="104">
        <v>0</v>
      </c>
      <c r="BM39" s="104">
        <v>0</v>
      </c>
      <c r="BN39" s="104">
        <v>0</v>
      </c>
      <c r="BO39" s="103">
        <v>39438</v>
      </c>
      <c r="BP39" s="106">
        <v>39438</v>
      </c>
      <c r="BQ39" s="100">
        <v>0</v>
      </c>
      <c r="BR39" s="104">
        <v>0</v>
      </c>
      <c r="BS39" s="103">
        <v>0</v>
      </c>
      <c r="BT39" s="100">
        <v>0</v>
      </c>
      <c r="BU39" s="104">
        <v>15533</v>
      </c>
      <c r="BV39" s="104">
        <v>0</v>
      </c>
      <c r="BW39" s="104">
        <v>13538</v>
      </c>
      <c r="BX39" s="104">
        <v>0</v>
      </c>
      <c r="BY39" s="104">
        <v>0</v>
      </c>
      <c r="BZ39" s="103">
        <v>29071</v>
      </c>
      <c r="CA39" s="106">
        <v>29071</v>
      </c>
      <c r="CB39" s="100">
        <v>0</v>
      </c>
      <c r="CC39" s="104">
        <v>0</v>
      </c>
      <c r="CD39" s="103">
        <v>0</v>
      </c>
      <c r="CE39" s="100">
        <v>0</v>
      </c>
      <c r="CF39" s="104">
        <v>0</v>
      </c>
      <c r="CG39" s="104">
        <v>98245</v>
      </c>
      <c r="CH39" s="104">
        <v>182728</v>
      </c>
      <c r="CI39" s="104">
        <v>0</v>
      </c>
      <c r="CJ39" s="104">
        <v>0</v>
      </c>
      <c r="CK39" s="103">
        <v>280973</v>
      </c>
      <c r="CL39" s="106">
        <v>280973</v>
      </c>
      <c r="CM39" s="100">
        <v>0</v>
      </c>
      <c r="CN39" s="104">
        <v>0</v>
      </c>
      <c r="CO39" s="103">
        <v>0</v>
      </c>
      <c r="CP39" s="101">
        <v>0</v>
      </c>
      <c r="CQ39" s="104">
        <v>0</v>
      </c>
      <c r="CR39" s="104">
        <v>98245</v>
      </c>
      <c r="CS39" s="104">
        <v>182728</v>
      </c>
      <c r="CT39" s="104">
        <v>0</v>
      </c>
      <c r="CU39" s="104">
        <v>0</v>
      </c>
      <c r="CV39" s="103">
        <v>280973</v>
      </c>
      <c r="CW39" s="106">
        <v>280973</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498">
        <v>0</v>
      </c>
      <c r="FE39" s="104">
        <v>0</v>
      </c>
      <c r="FF39" s="104">
        <v>0</v>
      </c>
      <c r="FG39" s="104">
        <v>0</v>
      </c>
      <c r="FH39" s="104">
        <v>0</v>
      </c>
      <c r="FI39" s="104">
        <v>0</v>
      </c>
      <c r="FJ39" s="103">
        <v>0</v>
      </c>
      <c r="FK39" s="106">
        <v>0</v>
      </c>
      <c r="FL39" s="100">
        <v>0</v>
      </c>
      <c r="FM39" s="104">
        <v>2800</v>
      </c>
      <c r="FN39" s="103">
        <v>2800</v>
      </c>
      <c r="FO39" s="100">
        <v>0</v>
      </c>
      <c r="FP39" s="104">
        <v>3500</v>
      </c>
      <c r="FQ39" s="104">
        <v>7700</v>
      </c>
      <c r="FR39" s="104">
        <v>1400</v>
      </c>
      <c r="FS39" s="104">
        <v>0</v>
      </c>
      <c r="FT39" s="104">
        <v>0</v>
      </c>
      <c r="FU39" s="103">
        <v>12600</v>
      </c>
      <c r="FV39" s="106">
        <v>15400</v>
      </c>
      <c r="FW39" s="105">
        <v>0</v>
      </c>
      <c r="FX39" s="104">
        <v>2800</v>
      </c>
      <c r="FY39" s="102">
        <v>2800</v>
      </c>
      <c r="FZ39" s="101">
        <v>0</v>
      </c>
      <c r="GA39" s="104">
        <v>3500</v>
      </c>
      <c r="GB39" s="104">
        <v>7700</v>
      </c>
      <c r="GC39" s="104">
        <v>1400</v>
      </c>
      <c r="GD39" s="104">
        <v>0</v>
      </c>
      <c r="GE39" s="104">
        <v>0</v>
      </c>
      <c r="GF39" s="103">
        <v>12600</v>
      </c>
      <c r="GG39" s="294">
        <v>1540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214306</v>
      </c>
      <c r="HK39" s="104">
        <v>0</v>
      </c>
      <c r="HL39" s="104">
        <v>0</v>
      </c>
      <c r="HM39" s="103">
        <v>214306</v>
      </c>
      <c r="HN39" s="99">
        <v>214306</v>
      </c>
      <c r="HO39" s="484">
        <v>0</v>
      </c>
      <c r="HP39" s="485">
        <v>0</v>
      </c>
      <c r="HQ39" s="486">
        <v>0</v>
      </c>
      <c r="HR39" s="487">
        <v>0</v>
      </c>
      <c r="HS39" s="485">
        <v>0</v>
      </c>
      <c r="HT39" s="485">
        <v>0</v>
      </c>
      <c r="HU39" s="485">
        <v>0</v>
      </c>
      <c r="HV39" s="485">
        <v>0</v>
      </c>
      <c r="HW39" s="485">
        <v>0</v>
      </c>
      <c r="HX39" s="488">
        <v>0</v>
      </c>
      <c r="HY39" s="489">
        <v>0</v>
      </c>
      <c r="HZ39" s="118">
        <v>0</v>
      </c>
      <c r="IA39" s="119">
        <v>0</v>
      </c>
      <c r="IB39" s="120">
        <v>0</v>
      </c>
      <c r="IC39" s="133">
        <v>0</v>
      </c>
      <c r="ID39" s="119">
        <v>98350</v>
      </c>
      <c r="IE39" s="134">
        <v>0</v>
      </c>
      <c r="IF39" s="120">
        <v>0</v>
      </c>
      <c r="IG39" s="119">
        <v>0</v>
      </c>
      <c r="IH39" s="120">
        <v>0</v>
      </c>
      <c r="II39" s="135">
        <v>98350</v>
      </c>
      <c r="IJ39" s="126">
        <v>98350</v>
      </c>
      <c r="IK39" s="219">
        <v>0</v>
      </c>
      <c r="IL39" s="223">
        <v>0</v>
      </c>
      <c r="IM39" s="224">
        <v>0</v>
      </c>
      <c r="IN39" s="127">
        <v>0</v>
      </c>
      <c r="IO39" s="109">
        <v>0</v>
      </c>
      <c r="IP39" s="109">
        <v>0</v>
      </c>
      <c r="IQ39" s="109">
        <v>0</v>
      </c>
      <c r="IR39" s="109">
        <v>0</v>
      </c>
      <c r="IS39" s="109">
        <v>0</v>
      </c>
      <c r="IT39" s="128">
        <v>0</v>
      </c>
      <c r="IU39" s="296">
        <v>0</v>
      </c>
      <c r="IV39" s="129">
        <v>0</v>
      </c>
      <c r="IW39" s="109">
        <v>0</v>
      </c>
      <c r="IX39" s="110">
        <v>0</v>
      </c>
      <c r="IY39" s="502">
        <v>0</v>
      </c>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6">
        <v>0</v>
      </c>
      <c r="JR39" s="129">
        <v>0</v>
      </c>
      <c r="JS39" s="109">
        <v>0</v>
      </c>
      <c r="JT39" s="128">
        <v>0</v>
      </c>
      <c r="JU39" s="108">
        <v>0</v>
      </c>
      <c r="JV39" s="109">
        <v>0</v>
      </c>
      <c r="JW39" s="109">
        <v>0</v>
      </c>
      <c r="JX39" s="109">
        <v>0</v>
      </c>
      <c r="JY39" s="109">
        <v>0</v>
      </c>
      <c r="JZ39" s="109">
        <v>0</v>
      </c>
      <c r="KA39" s="110">
        <v>0</v>
      </c>
      <c r="KB39" s="296">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506">
        <v>0</v>
      </c>
      <c r="KR39" s="109">
        <v>0</v>
      </c>
      <c r="KS39" s="109">
        <v>0</v>
      </c>
      <c r="KT39" s="109">
        <v>0</v>
      </c>
      <c r="KU39" s="109">
        <v>0</v>
      </c>
      <c r="KV39" s="109">
        <v>0</v>
      </c>
      <c r="KW39" s="110">
        <v>0</v>
      </c>
      <c r="KX39" s="296">
        <v>0</v>
      </c>
      <c r="KY39" s="129">
        <v>0</v>
      </c>
      <c r="KZ39" s="109">
        <v>0</v>
      </c>
      <c r="LA39" s="110">
        <v>0</v>
      </c>
      <c r="LB39" s="510">
        <v>0</v>
      </c>
      <c r="LC39" s="109">
        <v>0</v>
      </c>
      <c r="LD39" s="109">
        <v>0</v>
      </c>
      <c r="LE39" s="109">
        <v>0</v>
      </c>
      <c r="LF39" s="109">
        <v>0</v>
      </c>
      <c r="LG39" s="109">
        <v>0</v>
      </c>
      <c r="LH39" s="110">
        <v>0</v>
      </c>
      <c r="LI39" s="111">
        <v>0</v>
      </c>
      <c r="LJ39" s="129">
        <v>0</v>
      </c>
      <c r="LK39" s="109">
        <v>0</v>
      </c>
      <c r="LL39" s="110">
        <v>0</v>
      </c>
      <c r="LM39" s="510">
        <v>0</v>
      </c>
      <c r="LN39" s="109">
        <v>0</v>
      </c>
      <c r="LO39" s="109">
        <v>0</v>
      </c>
      <c r="LP39" s="109">
        <v>0</v>
      </c>
      <c r="LQ39" s="109">
        <v>0</v>
      </c>
      <c r="LR39" s="109">
        <v>0</v>
      </c>
      <c r="LS39" s="110">
        <v>0</v>
      </c>
      <c r="LT39" s="296">
        <v>0</v>
      </c>
      <c r="LU39" s="129">
        <v>0</v>
      </c>
      <c r="LV39" s="109">
        <v>0</v>
      </c>
      <c r="LW39" s="110">
        <v>0</v>
      </c>
      <c r="LX39" s="510">
        <v>0</v>
      </c>
      <c r="LY39" s="109">
        <v>0</v>
      </c>
      <c r="LZ39" s="109">
        <v>0</v>
      </c>
      <c r="MA39" s="109">
        <v>0</v>
      </c>
      <c r="MB39" s="109">
        <v>0</v>
      </c>
      <c r="MC39" s="109">
        <v>0</v>
      </c>
      <c r="MD39" s="110">
        <v>0</v>
      </c>
      <c r="ME39" s="111">
        <v>0</v>
      </c>
      <c r="MF39" s="129">
        <v>0</v>
      </c>
      <c r="MG39" s="109">
        <v>0</v>
      </c>
      <c r="MH39" s="110">
        <v>0</v>
      </c>
      <c r="MI39" s="510">
        <v>0</v>
      </c>
      <c r="MJ39" s="109">
        <v>0</v>
      </c>
      <c r="MK39" s="109">
        <v>246736</v>
      </c>
      <c r="ML39" s="109">
        <v>0</v>
      </c>
      <c r="MM39" s="109">
        <v>243303</v>
      </c>
      <c r="MN39" s="109">
        <v>0</v>
      </c>
      <c r="MO39" s="110">
        <v>490039</v>
      </c>
      <c r="MP39" s="130">
        <v>490039</v>
      </c>
      <c r="MQ39" s="129">
        <v>0</v>
      </c>
      <c r="MR39" s="109">
        <v>0</v>
      </c>
      <c r="MS39" s="110">
        <v>0</v>
      </c>
      <c r="MT39" s="510">
        <v>0</v>
      </c>
      <c r="MU39" s="109">
        <v>0</v>
      </c>
      <c r="MV39" s="109">
        <v>0</v>
      </c>
      <c r="MW39" s="109">
        <v>0</v>
      </c>
      <c r="MX39" s="109">
        <v>0</v>
      </c>
      <c r="MY39" s="109">
        <v>0</v>
      </c>
      <c r="MZ39" s="110">
        <v>0</v>
      </c>
      <c r="NA39" s="130">
        <v>0</v>
      </c>
      <c r="NB39" s="129">
        <v>0</v>
      </c>
      <c r="NC39" s="109">
        <v>0</v>
      </c>
      <c r="ND39" s="110">
        <v>0</v>
      </c>
      <c r="NE39" s="510">
        <v>0</v>
      </c>
      <c r="NF39" s="109">
        <v>0</v>
      </c>
      <c r="NG39" s="109">
        <v>246736</v>
      </c>
      <c r="NH39" s="109">
        <v>0</v>
      </c>
      <c r="NI39" s="109">
        <v>243303</v>
      </c>
      <c r="NJ39" s="109">
        <v>0</v>
      </c>
      <c r="NK39" s="110">
        <v>490039</v>
      </c>
      <c r="NL39" s="296">
        <v>490039</v>
      </c>
      <c r="NM39" s="129">
        <v>0</v>
      </c>
      <c r="NN39" s="109">
        <v>0</v>
      </c>
      <c r="NO39" s="110">
        <v>0</v>
      </c>
      <c r="NP39" s="510">
        <v>0</v>
      </c>
      <c r="NQ39" s="109">
        <v>0</v>
      </c>
      <c r="NR39" s="109">
        <v>0</v>
      </c>
      <c r="NS39" s="109">
        <v>0</v>
      </c>
      <c r="NT39" s="109">
        <v>0</v>
      </c>
      <c r="NU39" s="109">
        <v>0</v>
      </c>
      <c r="NV39" s="110">
        <v>0</v>
      </c>
      <c r="NW39" s="111">
        <v>0</v>
      </c>
      <c r="NX39" s="129">
        <v>0</v>
      </c>
      <c r="NY39" s="109">
        <v>0</v>
      </c>
      <c r="NZ39" s="110">
        <v>0</v>
      </c>
      <c r="OA39" s="510">
        <v>0</v>
      </c>
      <c r="OB39" s="109">
        <v>0</v>
      </c>
      <c r="OC39" s="109">
        <v>0</v>
      </c>
      <c r="OD39" s="109">
        <v>0</v>
      </c>
      <c r="OE39" s="109">
        <v>0</v>
      </c>
      <c r="OF39" s="109">
        <v>0</v>
      </c>
      <c r="OG39" s="110">
        <v>0</v>
      </c>
      <c r="OH39" s="111">
        <v>0</v>
      </c>
      <c r="OI39" s="129">
        <v>0</v>
      </c>
      <c r="OJ39" s="109">
        <v>40978</v>
      </c>
      <c r="OK39" s="128">
        <v>40978</v>
      </c>
      <c r="OL39" s="108">
        <v>0</v>
      </c>
      <c r="OM39" s="109">
        <v>154259</v>
      </c>
      <c r="ON39" s="109">
        <v>392119</v>
      </c>
      <c r="OO39" s="109">
        <v>443339</v>
      </c>
      <c r="OP39" s="109">
        <v>243303</v>
      </c>
      <c r="OQ39" s="109">
        <v>0</v>
      </c>
      <c r="OR39" s="110">
        <v>1233020</v>
      </c>
      <c r="OS39" s="130">
        <v>1273998</v>
      </c>
    </row>
    <row r="40" spans="2:409" ht="21" customHeight="1" x14ac:dyDescent="0.2">
      <c r="B40" s="468" t="s">
        <v>35</v>
      </c>
      <c r="C40" s="100">
        <v>232542</v>
      </c>
      <c r="D40" s="104">
        <v>261378</v>
      </c>
      <c r="E40" s="103">
        <v>493920</v>
      </c>
      <c r="F40" s="99">
        <v>0</v>
      </c>
      <c r="G40" s="104">
        <v>928759</v>
      </c>
      <c r="H40" s="104">
        <v>465367</v>
      </c>
      <c r="I40" s="104">
        <v>584539</v>
      </c>
      <c r="J40" s="104">
        <v>1001244</v>
      </c>
      <c r="K40" s="104">
        <v>390845</v>
      </c>
      <c r="L40" s="160">
        <v>3370754</v>
      </c>
      <c r="M40" s="106">
        <v>3864674</v>
      </c>
      <c r="N40" s="100">
        <v>44240</v>
      </c>
      <c r="O40" s="104">
        <v>105348</v>
      </c>
      <c r="P40" s="103">
        <v>149588</v>
      </c>
      <c r="Q40" s="100">
        <v>0</v>
      </c>
      <c r="R40" s="104">
        <v>557507</v>
      </c>
      <c r="S40" s="104">
        <v>200067</v>
      </c>
      <c r="T40" s="104">
        <v>157311</v>
      </c>
      <c r="U40" s="104">
        <v>265594</v>
      </c>
      <c r="V40" s="104">
        <v>21084</v>
      </c>
      <c r="W40" s="103">
        <v>1201563</v>
      </c>
      <c r="X40" s="106">
        <v>1351151</v>
      </c>
      <c r="Y40" s="100">
        <v>0</v>
      </c>
      <c r="Z40" s="104">
        <v>0</v>
      </c>
      <c r="AA40" s="103">
        <v>0</v>
      </c>
      <c r="AB40" s="100">
        <v>0</v>
      </c>
      <c r="AC40" s="104">
        <v>162845</v>
      </c>
      <c r="AD40" s="104">
        <v>86772</v>
      </c>
      <c r="AE40" s="104">
        <v>59479</v>
      </c>
      <c r="AF40" s="104">
        <v>25900</v>
      </c>
      <c r="AG40" s="104">
        <v>0</v>
      </c>
      <c r="AH40" s="103">
        <v>334996</v>
      </c>
      <c r="AI40" s="106">
        <v>334996</v>
      </c>
      <c r="AJ40" s="100">
        <v>0</v>
      </c>
      <c r="AK40" s="104">
        <v>0</v>
      </c>
      <c r="AL40" s="103">
        <v>0</v>
      </c>
      <c r="AM40" s="100">
        <v>0</v>
      </c>
      <c r="AN40" s="104">
        <v>0</v>
      </c>
      <c r="AO40" s="104">
        <v>0</v>
      </c>
      <c r="AP40" s="104">
        <v>0</v>
      </c>
      <c r="AQ40" s="104">
        <v>0</v>
      </c>
      <c r="AR40" s="104">
        <v>0</v>
      </c>
      <c r="AS40" s="103">
        <v>0</v>
      </c>
      <c r="AT40" s="106">
        <v>0</v>
      </c>
      <c r="AU40" s="100">
        <v>0</v>
      </c>
      <c r="AV40" s="104">
        <v>38302</v>
      </c>
      <c r="AW40" s="103">
        <v>38302</v>
      </c>
      <c r="AX40" s="100">
        <v>0</v>
      </c>
      <c r="AY40" s="104">
        <v>45334</v>
      </c>
      <c r="AZ40" s="104">
        <v>111209</v>
      </c>
      <c r="BA40" s="104">
        <v>55195</v>
      </c>
      <c r="BB40" s="104">
        <v>131243</v>
      </c>
      <c r="BC40" s="104">
        <v>10598</v>
      </c>
      <c r="BD40" s="103">
        <v>353579</v>
      </c>
      <c r="BE40" s="106">
        <v>391881</v>
      </c>
      <c r="BF40" s="100">
        <v>8764</v>
      </c>
      <c r="BG40" s="104">
        <v>32865</v>
      </c>
      <c r="BH40" s="102">
        <v>41629</v>
      </c>
      <c r="BI40" s="101">
        <v>0</v>
      </c>
      <c r="BJ40" s="104">
        <v>312956</v>
      </c>
      <c r="BK40" s="104">
        <v>0</v>
      </c>
      <c r="BL40" s="104">
        <v>0</v>
      </c>
      <c r="BM40" s="104">
        <v>60417</v>
      </c>
      <c r="BN40" s="104">
        <v>0</v>
      </c>
      <c r="BO40" s="103">
        <v>373373</v>
      </c>
      <c r="BP40" s="106">
        <v>415002</v>
      </c>
      <c r="BQ40" s="100">
        <v>35476</v>
      </c>
      <c r="BR40" s="104">
        <v>34181</v>
      </c>
      <c r="BS40" s="103">
        <v>69657</v>
      </c>
      <c r="BT40" s="100">
        <v>0</v>
      </c>
      <c r="BU40" s="104">
        <v>36372</v>
      </c>
      <c r="BV40" s="104">
        <v>2086</v>
      </c>
      <c r="BW40" s="104">
        <v>42637</v>
      </c>
      <c r="BX40" s="104">
        <v>48034</v>
      </c>
      <c r="BY40" s="104">
        <v>10486</v>
      </c>
      <c r="BZ40" s="103">
        <v>139615</v>
      </c>
      <c r="CA40" s="106">
        <v>209272</v>
      </c>
      <c r="CB40" s="100">
        <v>0</v>
      </c>
      <c r="CC40" s="104">
        <v>64988</v>
      </c>
      <c r="CD40" s="103">
        <v>64988</v>
      </c>
      <c r="CE40" s="100">
        <v>0</v>
      </c>
      <c r="CF40" s="104">
        <v>170415</v>
      </c>
      <c r="CG40" s="104">
        <v>173824</v>
      </c>
      <c r="CH40" s="104">
        <v>12586</v>
      </c>
      <c r="CI40" s="104">
        <v>104990</v>
      </c>
      <c r="CJ40" s="104">
        <v>79345</v>
      </c>
      <c r="CK40" s="103">
        <v>541160</v>
      </c>
      <c r="CL40" s="106">
        <v>606148</v>
      </c>
      <c r="CM40" s="100">
        <v>0</v>
      </c>
      <c r="CN40" s="104">
        <v>0</v>
      </c>
      <c r="CO40" s="103">
        <v>0</v>
      </c>
      <c r="CP40" s="101">
        <v>0</v>
      </c>
      <c r="CQ40" s="104">
        <v>57190</v>
      </c>
      <c r="CR40" s="104">
        <v>105420</v>
      </c>
      <c r="CS40" s="104">
        <v>12586</v>
      </c>
      <c r="CT40" s="104">
        <v>24864</v>
      </c>
      <c r="CU40" s="104">
        <v>79345</v>
      </c>
      <c r="CV40" s="103">
        <v>279405</v>
      </c>
      <c r="CW40" s="106">
        <v>279405</v>
      </c>
      <c r="CX40" s="100">
        <v>0</v>
      </c>
      <c r="CY40" s="104">
        <v>64988</v>
      </c>
      <c r="CZ40" s="103">
        <v>64988</v>
      </c>
      <c r="DA40" s="100">
        <v>0</v>
      </c>
      <c r="DB40" s="104">
        <v>113225</v>
      </c>
      <c r="DC40" s="104">
        <v>68404</v>
      </c>
      <c r="DD40" s="104">
        <v>0</v>
      </c>
      <c r="DE40" s="104">
        <v>80126</v>
      </c>
      <c r="DF40" s="104">
        <v>0</v>
      </c>
      <c r="DG40" s="103">
        <v>261755</v>
      </c>
      <c r="DH40" s="106">
        <v>326743</v>
      </c>
      <c r="DI40" s="100">
        <v>0</v>
      </c>
      <c r="DJ40" s="104">
        <v>0</v>
      </c>
      <c r="DK40" s="102">
        <v>0</v>
      </c>
      <c r="DL40" s="101">
        <v>0</v>
      </c>
      <c r="DM40" s="104">
        <v>0</v>
      </c>
      <c r="DN40" s="104">
        <v>0</v>
      </c>
      <c r="DO40" s="104">
        <v>0</v>
      </c>
      <c r="DP40" s="104">
        <v>31976</v>
      </c>
      <c r="DQ40" s="104">
        <v>76860</v>
      </c>
      <c r="DR40" s="103">
        <v>108836</v>
      </c>
      <c r="DS40" s="106">
        <v>108836</v>
      </c>
      <c r="DT40" s="100">
        <v>0</v>
      </c>
      <c r="DU40" s="104">
        <v>0</v>
      </c>
      <c r="DV40" s="103">
        <v>0</v>
      </c>
      <c r="DW40" s="100">
        <v>0</v>
      </c>
      <c r="DX40" s="104">
        <v>0</v>
      </c>
      <c r="DY40" s="104">
        <v>0</v>
      </c>
      <c r="DZ40" s="104">
        <v>0</v>
      </c>
      <c r="EA40" s="104">
        <v>0</v>
      </c>
      <c r="EB40" s="104">
        <v>76860</v>
      </c>
      <c r="EC40" s="103">
        <v>76860</v>
      </c>
      <c r="ED40" s="106">
        <v>76860</v>
      </c>
      <c r="EE40" s="100">
        <v>0</v>
      </c>
      <c r="EF40" s="102">
        <v>0</v>
      </c>
      <c r="EG40" s="103">
        <v>0</v>
      </c>
      <c r="EH40" s="100">
        <v>0</v>
      </c>
      <c r="EI40" s="104">
        <v>0</v>
      </c>
      <c r="EJ40" s="104">
        <v>0</v>
      </c>
      <c r="EK40" s="104">
        <v>0</v>
      </c>
      <c r="EL40" s="104">
        <v>31976</v>
      </c>
      <c r="EM40" s="104">
        <v>0</v>
      </c>
      <c r="EN40" s="102">
        <v>31976</v>
      </c>
      <c r="EO40" s="106">
        <v>31976</v>
      </c>
      <c r="EP40" s="100">
        <v>0</v>
      </c>
      <c r="EQ40" s="104">
        <v>0</v>
      </c>
      <c r="ER40" s="102">
        <v>0</v>
      </c>
      <c r="ES40" s="101">
        <v>0</v>
      </c>
      <c r="ET40" s="104">
        <v>0</v>
      </c>
      <c r="EU40" s="104">
        <v>0</v>
      </c>
      <c r="EV40" s="104">
        <v>0</v>
      </c>
      <c r="EW40" s="104">
        <v>0</v>
      </c>
      <c r="EX40" s="104">
        <v>0</v>
      </c>
      <c r="EY40" s="103">
        <v>0</v>
      </c>
      <c r="EZ40" s="106">
        <v>0</v>
      </c>
      <c r="FA40" s="100">
        <v>0</v>
      </c>
      <c r="FB40" s="104">
        <v>0</v>
      </c>
      <c r="FC40" s="102">
        <v>0</v>
      </c>
      <c r="FD40" s="498">
        <v>0</v>
      </c>
      <c r="FE40" s="104">
        <v>0</v>
      </c>
      <c r="FF40" s="104">
        <v>0</v>
      </c>
      <c r="FG40" s="104">
        <v>0</v>
      </c>
      <c r="FH40" s="104">
        <v>0</v>
      </c>
      <c r="FI40" s="104">
        <v>0</v>
      </c>
      <c r="FJ40" s="103">
        <v>0</v>
      </c>
      <c r="FK40" s="106">
        <v>0</v>
      </c>
      <c r="FL40" s="100">
        <v>5950</v>
      </c>
      <c r="FM40" s="104">
        <v>11900</v>
      </c>
      <c r="FN40" s="103">
        <v>17850</v>
      </c>
      <c r="FO40" s="100">
        <v>0</v>
      </c>
      <c r="FP40" s="104">
        <v>80885</v>
      </c>
      <c r="FQ40" s="104">
        <v>91476</v>
      </c>
      <c r="FR40" s="104">
        <v>83580</v>
      </c>
      <c r="FS40" s="104">
        <v>75992</v>
      </c>
      <c r="FT40" s="104">
        <v>22120</v>
      </c>
      <c r="FU40" s="103">
        <v>354053</v>
      </c>
      <c r="FV40" s="106">
        <v>371903</v>
      </c>
      <c r="FW40" s="105">
        <v>5950</v>
      </c>
      <c r="FX40" s="104">
        <v>11900</v>
      </c>
      <c r="FY40" s="102">
        <v>17850</v>
      </c>
      <c r="FZ40" s="101">
        <v>0</v>
      </c>
      <c r="GA40" s="104">
        <v>31220</v>
      </c>
      <c r="GB40" s="104">
        <v>91476</v>
      </c>
      <c r="GC40" s="104">
        <v>83580</v>
      </c>
      <c r="GD40" s="104">
        <v>75992</v>
      </c>
      <c r="GE40" s="104">
        <v>22120</v>
      </c>
      <c r="GF40" s="103">
        <v>304388</v>
      </c>
      <c r="GG40" s="294">
        <v>322238</v>
      </c>
      <c r="GH40" s="105">
        <v>0</v>
      </c>
      <c r="GI40" s="104">
        <v>0</v>
      </c>
      <c r="GJ40" s="102">
        <v>0</v>
      </c>
      <c r="GK40" s="101">
        <v>0</v>
      </c>
      <c r="GL40" s="104">
        <v>49665</v>
      </c>
      <c r="GM40" s="104">
        <v>0</v>
      </c>
      <c r="GN40" s="104">
        <v>0</v>
      </c>
      <c r="GO40" s="104">
        <v>0</v>
      </c>
      <c r="GP40" s="104">
        <v>0</v>
      </c>
      <c r="GQ40" s="103">
        <v>49665</v>
      </c>
      <c r="GR40" s="106">
        <v>49665</v>
      </c>
      <c r="GS40" s="100">
        <v>0</v>
      </c>
      <c r="GT40" s="104">
        <v>0</v>
      </c>
      <c r="GU40" s="103">
        <v>0</v>
      </c>
      <c r="GV40" s="100">
        <v>0</v>
      </c>
      <c r="GW40" s="104">
        <v>0</v>
      </c>
      <c r="GX40" s="104">
        <v>0</v>
      </c>
      <c r="GY40" s="104">
        <v>0</v>
      </c>
      <c r="GZ40" s="104">
        <v>0</v>
      </c>
      <c r="HA40" s="104">
        <v>0</v>
      </c>
      <c r="HB40" s="102">
        <v>0</v>
      </c>
      <c r="HC40" s="106">
        <v>0</v>
      </c>
      <c r="HD40" s="100">
        <v>182352</v>
      </c>
      <c r="HE40" s="104">
        <v>79142</v>
      </c>
      <c r="HF40" s="102">
        <v>261494</v>
      </c>
      <c r="HG40" s="101">
        <v>0</v>
      </c>
      <c r="HH40" s="104">
        <v>119952</v>
      </c>
      <c r="HI40" s="104">
        <v>0</v>
      </c>
      <c r="HJ40" s="104">
        <v>331062</v>
      </c>
      <c r="HK40" s="104">
        <v>522692</v>
      </c>
      <c r="HL40" s="104">
        <v>191436</v>
      </c>
      <c r="HM40" s="103">
        <v>1165142</v>
      </c>
      <c r="HN40" s="99">
        <v>1426636</v>
      </c>
      <c r="HO40" s="484">
        <v>0</v>
      </c>
      <c r="HP40" s="485">
        <v>0</v>
      </c>
      <c r="HQ40" s="486">
        <v>0</v>
      </c>
      <c r="HR40" s="487">
        <v>0</v>
      </c>
      <c r="HS40" s="485">
        <v>0</v>
      </c>
      <c r="HT40" s="485">
        <v>0</v>
      </c>
      <c r="HU40" s="485">
        <v>0</v>
      </c>
      <c r="HV40" s="485">
        <v>0</v>
      </c>
      <c r="HW40" s="485">
        <v>0</v>
      </c>
      <c r="HX40" s="488">
        <v>0</v>
      </c>
      <c r="HY40" s="489">
        <v>0</v>
      </c>
      <c r="HZ40" s="137">
        <v>0</v>
      </c>
      <c r="IA40" s="122">
        <v>0</v>
      </c>
      <c r="IB40" s="137">
        <v>0</v>
      </c>
      <c r="IC40" s="133">
        <v>0</v>
      </c>
      <c r="ID40" s="119">
        <v>193893</v>
      </c>
      <c r="IE40" s="134">
        <v>0</v>
      </c>
      <c r="IF40" s="120">
        <v>0</v>
      </c>
      <c r="IG40" s="119">
        <v>0</v>
      </c>
      <c r="IH40" s="120">
        <v>66507</v>
      </c>
      <c r="II40" s="135">
        <v>260400</v>
      </c>
      <c r="IJ40" s="137">
        <v>260400</v>
      </c>
      <c r="IK40" s="219">
        <v>0</v>
      </c>
      <c r="IL40" s="223">
        <v>0</v>
      </c>
      <c r="IM40" s="224">
        <v>0</v>
      </c>
      <c r="IN40" s="127">
        <v>0</v>
      </c>
      <c r="IO40" s="109">
        <v>0</v>
      </c>
      <c r="IP40" s="109">
        <v>0</v>
      </c>
      <c r="IQ40" s="109">
        <v>0</v>
      </c>
      <c r="IR40" s="109">
        <v>0</v>
      </c>
      <c r="IS40" s="109">
        <v>0</v>
      </c>
      <c r="IT40" s="128">
        <v>0</v>
      </c>
      <c r="IU40" s="296">
        <v>0</v>
      </c>
      <c r="IV40" s="129">
        <v>0</v>
      </c>
      <c r="IW40" s="109">
        <v>0</v>
      </c>
      <c r="IX40" s="110">
        <v>0</v>
      </c>
      <c r="IY40" s="502">
        <v>0</v>
      </c>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6">
        <v>0</v>
      </c>
      <c r="JR40" s="129">
        <v>0</v>
      </c>
      <c r="JS40" s="109">
        <v>0</v>
      </c>
      <c r="JT40" s="128">
        <v>0</v>
      </c>
      <c r="JU40" s="108">
        <v>0</v>
      </c>
      <c r="JV40" s="109">
        <v>0</v>
      </c>
      <c r="JW40" s="109">
        <v>0</v>
      </c>
      <c r="JX40" s="109">
        <v>0</v>
      </c>
      <c r="JY40" s="109">
        <v>0</v>
      </c>
      <c r="JZ40" s="109">
        <v>0</v>
      </c>
      <c r="KA40" s="110">
        <v>0</v>
      </c>
      <c r="KB40" s="296">
        <v>0</v>
      </c>
      <c r="KC40" s="221">
        <v>0</v>
      </c>
      <c r="KD40" s="217">
        <v>0</v>
      </c>
      <c r="KE40" s="110">
        <v>0</v>
      </c>
      <c r="KF40" s="108">
        <v>0</v>
      </c>
      <c r="KG40" s="109">
        <v>0</v>
      </c>
      <c r="KH40" s="109">
        <v>0</v>
      </c>
      <c r="KI40" s="109">
        <v>0</v>
      </c>
      <c r="KJ40" s="109">
        <v>0</v>
      </c>
      <c r="KK40" s="109">
        <v>66507</v>
      </c>
      <c r="KL40" s="110">
        <v>66507</v>
      </c>
      <c r="KM40" s="130">
        <v>66507</v>
      </c>
      <c r="KN40" s="219">
        <v>0</v>
      </c>
      <c r="KO40" s="223">
        <v>0</v>
      </c>
      <c r="KP40" s="224">
        <v>0</v>
      </c>
      <c r="KQ40" s="506">
        <v>0</v>
      </c>
      <c r="KR40" s="109">
        <v>193893</v>
      </c>
      <c r="KS40" s="109">
        <v>0</v>
      </c>
      <c r="KT40" s="109">
        <v>0</v>
      </c>
      <c r="KU40" s="109">
        <v>0</v>
      </c>
      <c r="KV40" s="109">
        <v>0</v>
      </c>
      <c r="KW40" s="110">
        <v>193893</v>
      </c>
      <c r="KX40" s="296">
        <v>193893</v>
      </c>
      <c r="KY40" s="129">
        <v>0</v>
      </c>
      <c r="KZ40" s="109">
        <v>0</v>
      </c>
      <c r="LA40" s="110">
        <v>0</v>
      </c>
      <c r="LB40" s="510">
        <v>0</v>
      </c>
      <c r="LC40" s="109">
        <v>0</v>
      </c>
      <c r="LD40" s="109">
        <v>0</v>
      </c>
      <c r="LE40" s="109">
        <v>0</v>
      </c>
      <c r="LF40" s="109">
        <v>0</v>
      </c>
      <c r="LG40" s="109">
        <v>0</v>
      </c>
      <c r="LH40" s="110">
        <v>0</v>
      </c>
      <c r="LI40" s="111">
        <v>0</v>
      </c>
      <c r="LJ40" s="129">
        <v>0</v>
      </c>
      <c r="LK40" s="109">
        <v>0</v>
      </c>
      <c r="LL40" s="110">
        <v>0</v>
      </c>
      <c r="LM40" s="510">
        <v>0</v>
      </c>
      <c r="LN40" s="109">
        <v>0</v>
      </c>
      <c r="LO40" s="109">
        <v>0</v>
      </c>
      <c r="LP40" s="109">
        <v>0</v>
      </c>
      <c r="LQ40" s="109">
        <v>0</v>
      </c>
      <c r="LR40" s="109">
        <v>0</v>
      </c>
      <c r="LS40" s="110">
        <v>0</v>
      </c>
      <c r="LT40" s="296">
        <v>0</v>
      </c>
      <c r="LU40" s="129">
        <v>0</v>
      </c>
      <c r="LV40" s="109">
        <v>0</v>
      </c>
      <c r="LW40" s="110">
        <v>0</v>
      </c>
      <c r="LX40" s="510">
        <v>0</v>
      </c>
      <c r="LY40" s="109">
        <v>0</v>
      </c>
      <c r="LZ40" s="109">
        <v>0</v>
      </c>
      <c r="MA40" s="109">
        <v>0</v>
      </c>
      <c r="MB40" s="109">
        <v>0</v>
      </c>
      <c r="MC40" s="109">
        <v>0</v>
      </c>
      <c r="MD40" s="110">
        <v>0</v>
      </c>
      <c r="ME40" s="111">
        <v>0</v>
      </c>
      <c r="MF40" s="129">
        <v>0</v>
      </c>
      <c r="MG40" s="109">
        <v>0</v>
      </c>
      <c r="MH40" s="110">
        <v>0</v>
      </c>
      <c r="MI40" s="510">
        <v>0</v>
      </c>
      <c r="MJ40" s="109">
        <v>0</v>
      </c>
      <c r="MK40" s="109">
        <v>0</v>
      </c>
      <c r="ML40" s="109">
        <v>0</v>
      </c>
      <c r="MM40" s="109">
        <v>224483</v>
      </c>
      <c r="MN40" s="109">
        <v>0</v>
      </c>
      <c r="MO40" s="110">
        <v>224483</v>
      </c>
      <c r="MP40" s="130">
        <v>224483</v>
      </c>
      <c r="MQ40" s="129">
        <v>0</v>
      </c>
      <c r="MR40" s="109">
        <v>0</v>
      </c>
      <c r="MS40" s="110">
        <v>0</v>
      </c>
      <c r="MT40" s="510">
        <v>0</v>
      </c>
      <c r="MU40" s="109">
        <v>0</v>
      </c>
      <c r="MV40" s="109">
        <v>0</v>
      </c>
      <c r="MW40" s="109">
        <v>0</v>
      </c>
      <c r="MX40" s="109">
        <v>224483</v>
      </c>
      <c r="MY40" s="109">
        <v>0</v>
      </c>
      <c r="MZ40" s="110">
        <v>224483</v>
      </c>
      <c r="NA40" s="130">
        <v>224483</v>
      </c>
      <c r="NB40" s="129">
        <v>0</v>
      </c>
      <c r="NC40" s="109">
        <v>0</v>
      </c>
      <c r="ND40" s="110">
        <v>0</v>
      </c>
      <c r="NE40" s="510">
        <v>0</v>
      </c>
      <c r="NF40" s="109">
        <v>0</v>
      </c>
      <c r="NG40" s="109">
        <v>0</v>
      </c>
      <c r="NH40" s="109">
        <v>0</v>
      </c>
      <c r="NI40" s="109">
        <v>0</v>
      </c>
      <c r="NJ40" s="109">
        <v>0</v>
      </c>
      <c r="NK40" s="110">
        <v>0</v>
      </c>
      <c r="NL40" s="296">
        <v>0</v>
      </c>
      <c r="NM40" s="129">
        <v>0</v>
      </c>
      <c r="NN40" s="109">
        <v>0</v>
      </c>
      <c r="NO40" s="110">
        <v>0</v>
      </c>
      <c r="NP40" s="510">
        <v>0</v>
      </c>
      <c r="NQ40" s="109">
        <v>0</v>
      </c>
      <c r="NR40" s="109">
        <v>0</v>
      </c>
      <c r="NS40" s="109">
        <v>0</v>
      </c>
      <c r="NT40" s="109">
        <v>0</v>
      </c>
      <c r="NU40" s="109">
        <v>0</v>
      </c>
      <c r="NV40" s="110">
        <v>0</v>
      </c>
      <c r="NW40" s="111">
        <v>0</v>
      </c>
      <c r="NX40" s="129">
        <v>0</v>
      </c>
      <c r="NY40" s="109">
        <v>0</v>
      </c>
      <c r="NZ40" s="110">
        <v>0</v>
      </c>
      <c r="OA40" s="510">
        <v>0</v>
      </c>
      <c r="OB40" s="109">
        <v>0</v>
      </c>
      <c r="OC40" s="109">
        <v>0</v>
      </c>
      <c r="OD40" s="109">
        <v>0</v>
      </c>
      <c r="OE40" s="109">
        <v>0</v>
      </c>
      <c r="OF40" s="109">
        <v>0</v>
      </c>
      <c r="OG40" s="110">
        <v>0</v>
      </c>
      <c r="OH40" s="111">
        <v>0</v>
      </c>
      <c r="OI40" s="129">
        <v>232542</v>
      </c>
      <c r="OJ40" s="109">
        <v>261378</v>
      </c>
      <c r="OK40" s="128">
        <v>493920</v>
      </c>
      <c r="OL40" s="108">
        <v>0</v>
      </c>
      <c r="OM40" s="109">
        <v>1122652</v>
      </c>
      <c r="ON40" s="109">
        <v>465367</v>
      </c>
      <c r="OO40" s="109">
        <v>584539</v>
      </c>
      <c r="OP40" s="109">
        <v>1225727</v>
      </c>
      <c r="OQ40" s="109">
        <v>457352</v>
      </c>
      <c r="OR40" s="110">
        <v>3855637</v>
      </c>
      <c r="OS40" s="130">
        <v>4349557</v>
      </c>
    </row>
    <row r="41" spans="2:409" ht="21" customHeight="1" x14ac:dyDescent="0.2">
      <c r="B41" s="468" t="s">
        <v>36</v>
      </c>
      <c r="C41" s="100">
        <v>24038</v>
      </c>
      <c r="D41" s="104">
        <v>58113</v>
      </c>
      <c r="E41" s="103">
        <v>82151</v>
      </c>
      <c r="F41" s="99">
        <v>0</v>
      </c>
      <c r="G41" s="104">
        <v>181432</v>
      </c>
      <c r="H41" s="104">
        <v>1062933</v>
      </c>
      <c r="I41" s="104">
        <v>211194</v>
      </c>
      <c r="J41" s="104">
        <v>753158</v>
      </c>
      <c r="K41" s="104">
        <v>302413</v>
      </c>
      <c r="L41" s="160">
        <v>2511130</v>
      </c>
      <c r="M41" s="106">
        <v>2593281</v>
      </c>
      <c r="N41" s="100">
        <v>24038</v>
      </c>
      <c r="O41" s="104">
        <v>28363</v>
      </c>
      <c r="P41" s="103">
        <v>52401</v>
      </c>
      <c r="Q41" s="100">
        <v>0</v>
      </c>
      <c r="R41" s="104">
        <v>111999</v>
      </c>
      <c r="S41" s="104">
        <v>110510</v>
      </c>
      <c r="T41" s="104">
        <v>25116</v>
      </c>
      <c r="U41" s="104">
        <v>274208</v>
      </c>
      <c r="V41" s="104">
        <v>273965</v>
      </c>
      <c r="W41" s="103">
        <v>795798</v>
      </c>
      <c r="X41" s="106">
        <v>848199</v>
      </c>
      <c r="Y41" s="100">
        <v>0</v>
      </c>
      <c r="Z41" s="104">
        <v>0</v>
      </c>
      <c r="AA41" s="103">
        <v>0</v>
      </c>
      <c r="AB41" s="100">
        <v>0</v>
      </c>
      <c r="AC41" s="104">
        <v>51965</v>
      </c>
      <c r="AD41" s="104">
        <v>30526</v>
      </c>
      <c r="AE41" s="104">
        <v>0</v>
      </c>
      <c r="AF41" s="104">
        <v>212872</v>
      </c>
      <c r="AG41" s="104">
        <v>192065</v>
      </c>
      <c r="AH41" s="103">
        <v>487428</v>
      </c>
      <c r="AI41" s="106">
        <v>487428</v>
      </c>
      <c r="AJ41" s="100">
        <v>0</v>
      </c>
      <c r="AK41" s="104">
        <v>0</v>
      </c>
      <c r="AL41" s="103">
        <v>0</v>
      </c>
      <c r="AM41" s="100">
        <v>0</v>
      </c>
      <c r="AN41" s="104">
        <v>0</v>
      </c>
      <c r="AO41" s="104">
        <v>0</v>
      </c>
      <c r="AP41" s="104">
        <v>0</v>
      </c>
      <c r="AQ41" s="104">
        <v>0</v>
      </c>
      <c r="AR41" s="104">
        <v>0</v>
      </c>
      <c r="AS41" s="103">
        <v>0</v>
      </c>
      <c r="AT41" s="106">
        <v>0</v>
      </c>
      <c r="AU41" s="100">
        <v>24038</v>
      </c>
      <c r="AV41" s="104">
        <v>28363</v>
      </c>
      <c r="AW41" s="103">
        <v>52401</v>
      </c>
      <c r="AX41" s="100">
        <v>0</v>
      </c>
      <c r="AY41" s="104">
        <v>18233</v>
      </c>
      <c r="AZ41" s="104">
        <v>8983</v>
      </c>
      <c r="BA41" s="104">
        <v>0</v>
      </c>
      <c r="BB41" s="104">
        <v>12140</v>
      </c>
      <c r="BC41" s="104">
        <v>59423</v>
      </c>
      <c r="BD41" s="103">
        <v>98779</v>
      </c>
      <c r="BE41" s="106">
        <v>151180</v>
      </c>
      <c r="BF41" s="100">
        <v>0</v>
      </c>
      <c r="BG41" s="104">
        <v>0</v>
      </c>
      <c r="BH41" s="102">
        <v>0</v>
      </c>
      <c r="BI41" s="101">
        <v>0</v>
      </c>
      <c r="BJ41" s="104">
        <v>32050</v>
      </c>
      <c r="BK41" s="104">
        <v>0</v>
      </c>
      <c r="BL41" s="104">
        <v>0</v>
      </c>
      <c r="BM41" s="104">
        <v>0</v>
      </c>
      <c r="BN41" s="104">
        <v>0</v>
      </c>
      <c r="BO41" s="103">
        <v>32050</v>
      </c>
      <c r="BP41" s="106">
        <v>32050</v>
      </c>
      <c r="BQ41" s="100">
        <v>0</v>
      </c>
      <c r="BR41" s="104">
        <v>0</v>
      </c>
      <c r="BS41" s="103">
        <v>0</v>
      </c>
      <c r="BT41" s="100">
        <v>0</v>
      </c>
      <c r="BU41" s="104">
        <v>9751</v>
      </c>
      <c r="BV41" s="104">
        <v>71001</v>
      </c>
      <c r="BW41" s="104">
        <v>25116</v>
      </c>
      <c r="BX41" s="104">
        <v>49196</v>
      </c>
      <c r="BY41" s="104">
        <v>22477</v>
      </c>
      <c r="BZ41" s="103">
        <v>177541</v>
      </c>
      <c r="CA41" s="106">
        <v>177541</v>
      </c>
      <c r="CB41" s="100">
        <v>0</v>
      </c>
      <c r="CC41" s="104">
        <v>0</v>
      </c>
      <c r="CD41" s="103">
        <v>0</v>
      </c>
      <c r="CE41" s="100">
        <v>0</v>
      </c>
      <c r="CF41" s="104">
        <v>41902</v>
      </c>
      <c r="CG41" s="104">
        <v>251407</v>
      </c>
      <c r="CH41" s="104">
        <v>0</v>
      </c>
      <c r="CI41" s="104">
        <v>79010</v>
      </c>
      <c r="CJ41" s="104">
        <v>0</v>
      </c>
      <c r="CK41" s="103">
        <v>372319</v>
      </c>
      <c r="CL41" s="106">
        <v>372319</v>
      </c>
      <c r="CM41" s="100">
        <v>0</v>
      </c>
      <c r="CN41" s="104">
        <v>0</v>
      </c>
      <c r="CO41" s="103">
        <v>0</v>
      </c>
      <c r="CP41" s="101">
        <v>0</v>
      </c>
      <c r="CQ41" s="104">
        <v>23898</v>
      </c>
      <c r="CR41" s="104">
        <v>251407</v>
      </c>
      <c r="CS41" s="104">
        <v>0</v>
      </c>
      <c r="CT41" s="104">
        <v>79010</v>
      </c>
      <c r="CU41" s="104">
        <v>0</v>
      </c>
      <c r="CV41" s="103">
        <v>354315</v>
      </c>
      <c r="CW41" s="106">
        <v>354315</v>
      </c>
      <c r="CX41" s="100">
        <v>0</v>
      </c>
      <c r="CY41" s="104">
        <v>0</v>
      </c>
      <c r="CZ41" s="103">
        <v>0</v>
      </c>
      <c r="DA41" s="100">
        <v>0</v>
      </c>
      <c r="DB41" s="104">
        <v>18004</v>
      </c>
      <c r="DC41" s="104">
        <v>0</v>
      </c>
      <c r="DD41" s="104">
        <v>0</v>
      </c>
      <c r="DE41" s="104">
        <v>0</v>
      </c>
      <c r="DF41" s="104">
        <v>0</v>
      </c>
      <c r="DG41" s="103">
        <v>18004</v>
      </c>
      <c r="DH41" s="106">
        <v>18004</v>
      </c>
      <c r="DI41" s="100">
        <v>0</v>
      </c>
      <c r="DJ41" s="104">
        <v>0</v>
      </c>
      <c r="DK41" s="102">
        <v>0</v>
      </c>
      <c r="DL41" s="101">
        <v>0</v>
      </c>
      <c r="DM41" s="104">
        <v>0</v>
      </c>
      <c r="DN41" s="104">
        <v>151002</v>
      </c>
      <c r="DO41" s="104">
        <v>0</v>
      </c>
      <c r="DP41" s="104">
        <v>0</v>
      </c>
      <c r="DQ41" s="104">
        <v>0</v>
      </c>
      <c r="DR41" s="103">
        <v>151002</v>
      </c>
      <c r="DS41" s="106">
        <v>151002</v>
      </c>
      <c r="DT41" s="100">
        <v>0</v>
      </c>
      <c r="DU41" s="104">
        <v>0</v>
      </c>
      <c r="DV41" s="103">
        <v>0</v>
      </c>
      <c r="DW41" s="100">
        <v>0</v>
      </c>
      <c r="DX41" s="104">
        <v>0</v>
      </c>
      <c r="DY41" s="104">
        <v>151002</v>
      </c>
      <c r="DZ41" s="104">
        <v>0</v>
      </c>
      <c r="EA41" s="104">
        <v>0</v>
      </c>
      <c r="EB41" s="104">
        <v>0</v>
      </c>
      <c r="EC41" s="103">
        <v>151002</v>
      </c>
      <c r="ED41" s="106">
        <v>151002</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498">
        <v>0</v>
      </c>
      <c r="FE41" s="104">
        <v>0</v>
      </c>
      <c r="FF41" s="104">
        <v>0</v>
      </c>
      <c r="FG41" s="104">
        <v>0</v>
      </c>
      <c r="FH41" s="104">
        <v>0</v>
      </c>
      <c r="FI41" s="104">
        <v>0</v>
      </c>
      <c r="FJ41" s="103">
        <v>0</v>
      </c>
      <c r="FK41" s="106">
        <v>0</v>
      </c>
      <c r="FL41" s="100">
        <v>0</v>
      </c>
      <c r="FM41" s="104">
        <v>29750</v>
      </c>
      <c r="FN41" s="103">
        <v>29750</v>
      </c>
      <c r="FO41" s="100">
        <v>0</v>
      </c>
      <c r="FP41" s="104">
        <v>27531</v>
      </c>
      <c r="FQ41" s="104">
        <v>96915</v>
      </c>
      <c r="FR41" s="104">
        <v>20804</v>
      </c>
      <c r="FS41" s="104">
        <v>38780</v>
      </c>
      <c r="FT41" s="104">
        <v>28448</v>
      </c>
      <c r="FU41" s="103">
        <v>212478</v>
      </c>
      <c r="FV41" s="106">
        <v>242228</v>
      </c>
      <c r="FW41" s="105">
        <v>0</v>
      </c>
      <c r="FX41" s="104">
        <v>29750</v>
      </c>
      <c r="FY41" s="102">
        <v>29750</v>
      </c>
      <c r="FZ41" s="101">
        <v>0</v>
      </c>
      <c r="GA41" s="104">
        <v>27531</v>
      </c>
      <c r="GB41" s="104">
        <v>75915</v>
      </c>
      <c r="GC41" s="104">
        <v>20804</v>
      </c>
      <c r="GD41" s="104">
        <v>38780</v>
      </c>
      <c r="GE41" s="104">
        <v>28448</v>
      </c>
      <c r="GF41" s="103">
        <v>191478</v>
      </c>
      <c r="GG41" s="294">
        <v>221228</v>
      </c>
      <c r="GH41" s="105">
        <v>0</v>
      </c>
      <c r="GI41" s="104">
        <v>0</v>
      </c>
      <c r="GJ41" s="102">
        <v>0</v>
      </c>
      <c r="GK41" s="101">
        <v>0</v>
      </c>
      <c r="GL41" s="104">
        <v>0</v>
      </c>
      <c r="GM41" s="104">
        <v>21000</v>
      </c>
      <c r="GN41" s="104">
        <v>0</v>
      </c>
      <c r="GO41" s="104">
        <v>0</v>
      </c>
      <c r="GP41" s="104">
        <v>0</v>
      </c>
      <c r="GQ41" s="103">
        <v>21000</v>
      </c>
      <c r="GR41" s="106">
        <v>2100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453099</v>
      </c>
      <c r="HJ41" s="104">
        <v>165274</v>
      </c>
      <c r="HK41" s="104">
        <v>361160</v>
      </c>
      <c r="HL41" s="104">
        <v>0</v>
      </c>
      <c r="HM41" s="103">
        <v>979533</v>
      </c>
      <c r="HN41" s="99">
        <v>979533</v>
      </c>
      <c r="HO41" s="484">
        <v>0</v>
      </c>
      <c r="HP41" s="485">
        <v>0</v>
      </c>
      <c r="HQ41" s="486">
        <v>0</v>
      </c>
      <c r="HR41" s="487">
        <v>0</v>
      </c>
      <c r="HS41" s="485">
        <v>0</v>
      </c>
      <c r="HT41" s="485">
        <v>0</v>
      </c>
      <c r="HU41" s="485">
        <v>0</v>
      </c>
      <c r="HV41" s="485">
        <v>0</v>
      </c>
      <c r="HW41" s="485">
        <v>0</v>
      </c>
      <c r="HX41" s="488">
        <v>0</v>
      </c>
      <c r="HY41" s="489">
        <v>0</v>
      </c>
      <c r="HZ41" s="118">
        <v>0</v>
      </c>
      <c r="IA41" s="119">
        <v>0</v>
      </c>
      <c r="IB41" s="120">
        <v>0</v>
      </c>
      <c r="IC41" s="133">
        <v>0</v>
      </c>
      <c r="ID41" s="119">
        <v>35228</v>
      </c>
      <c r="IE41" s="134">
        <v>334045</v>
      </c>
      <c r="IF41" s="120">
        <v>416973</v>
      </c>
      <c r="IG41" s="119">
        <v>0</v>
      </c>
      <c r="IH41" s="120">
        <v>224189</v>
      </c>
      <c r="II41" s="135">
        <v>1010435</v>
      </c>
      <c r="IJ41" s="126">
        <v>1010435</v>
      </c>
      <c r="IK41" s="219">
        <v>0</v>
      </c>
      <c r="IL41" s="223">
        <v>0</v>
      </c>
      <c r="IM41" s="224">
        <v>0</v>
      </c>
      <c r="IN41" s="127">
        <v>0</v>
      </c>
      <c r="IO41" s="109">
        <v>0</v>
      </c>
      <c r="IP41" s="109">
        <v>0</v>
      </c>
      <c r="IQ41" s="109">
        <v>0</v>
      </c>
      <c r="IR41" s="109">
        <v>0</v>
      </c>
      <c r="IS41" s="109">
        <v>0</v>
      </c>
      <c r="IT41" s="128">
        <v>0</v>
      </c>
      <c r="IU41" s="296">
        <v>0</v>
      </c>
      <c r="IV41" s="129">
        <v>0</v>
      </c>
      <c r="IW41" s="109">
        <v>0</v>
      </c>
      <c r="IX41" s="110">
        <v>0</v>
      </c>
      <c r="IY41" s="502">
        <v>0</v>
      </c>
      <c r="IZ41" s="109">
        <v>0</v>
      </c>
      <c r="JA41" s="109">
        <v>0</v>
      </c>
      <c r="JB41" s="109">
        <v>0</v>
      </c>
      <c r="JC41" s="109">
        <v>0</v>
      </c>
      <c r="JD41" s="109">
        <v>0</v>
      </c>
      <c r="JE41" s="110">
        <v>0</v>
      </c>
      <c r="JF41" s="111">
        <v>0</v>
      </c>
      <c r="JG41" s="129">
        <v>0</v>
      </c>
      <c r="JH41" s="109">
        <v>0</v>
      </c>
      <c r="JI41" s="128">
        <v>0</v>
      </c>
      <c r="JJ41" s="108">
        <v>0</v>
      </c>
      <c r="JK41" s="109">
        <v>35228</v>
      </c>
      <c r="JL41" s="109">
        <v>0</v>
      </c>
      <c r="JM41" s="109">
        <v>0</v>
      </c>
      <c r="JN41" s="109">
        <v>0</v>
      </c>
      <c r="JO41" s="109">
        <v>0</v>
      </c>
      <c r="JP41" s="110">
        <v>35228</v>
      </c>
      <c r="JQ41" s="296">
        <v>35228</v>
      </c>
      <c r="JR41" s="129">
        <v>0</v>
      </c>
      <c r="JS41" s="109">
        <v>0</v>
      </c>
      <c r="JT41" s="128">
        <v>0</v>
      </c>
      <c r="JU41" s="108">
        <v>0</v>
      </c>
      <c r="JV41" s="109">
        <v>0</v>
      </c>
      <c r="JW41" s="109">
        <v>0</v>
      </c>
      <c r="JX41" s="109">
        <v>0</v>
      </c>
      <c r="JY41" s="109">
        <v>0</v>
      </c>
      <c r="JZ41" s="109">
        <v>0</v>
      </c>
      <c r="KA41" s="110">
        <v>0</v>
      </c>
      <c r="KB41" s="296">
        <v>0</v>
      </c>
      <c r="KC41" s="221">
        <v>0</v>
      </c>
      <c r="KD41" s="217">
        <v>0</v>
      </c>
      <c r="KE41" s="110">
        <v>0</v>
      </c>
      <c r="KF41" s="108">
        <v>0</v>
      </c>
      <c r="KG41" s="109">
        <v>0</v>
      </c>
      <c r="KH41" s="109">
        <v>124318</v>
      </c>
      <c r="KI41" s="109">
        <v>201145</v>
      </c>
      <c r="KJ41" s="109">
        <v>0</v>
      </c>
      <c r="KK41" s="109">
        <v>0</v>
      </c>
      <c r="KL41" s="110">
        <v>325463</v>
      </c>
      <c r="KM41" s="130">
        <v>325463</v>
      </c>
      <c r="KN41" s="219">
        <v>0</v>
      </c>
      <c r="KO41" s="223">
        <v>0</v>
      </c>
      <c r="KP41" s="224">
        <v>0</v>
      </c>
      <c r="KQ41" s="506">
        <v>0</v>
      </c>
      <c r="KR41" s="109">
        <v>0</v>
      </c>
      <c r="KS41" s="109">
        <v>209727</v>
      </c>
      <c r="KT41" s="109">
        <v>215828</v>
      </c>
      <c r="KU41" s="109">
        <v>0</v>
      </c>
      <c r="KV41" s="109">
        <v>224189</v>
      </c>
      <c r="KW41" s="110">
        <v>649744</v>
      </c>
      <c r="KX41" s="296">
        <v>649744</v>
      </c>
      <c r="KY41" s="129">
        <v>0</v>
      </c>
      <c r="KZ41" s="109">
        <v>0</v>
      </c>
      <c r="LA41" s="110">
        <v>0</v>
      </c>
      <c r="LB41" s="510">
        <v>0</v>
      </c>
      <c r="LC41" s="109">
        <v>0</v>
      </c>
      <c r="LD41" s="109">
        <v>0</v>
      </c>
      <c r="LE41" s="109">
        <v>0</v>
      </c>
      <c r="LF41" s="109">
        <v>0</v>
      </c>
      <c r="LG41" s="109">
        <v>0</v>
      </c>
      <c r="LH41" s="110">
        <v>0</v>
      </c>
      <c r="LI41" s="111">
        <v>0</v>
      </c>
      <c r="LJ41" s="129">
        <v>0</v>
      </c>
      <c r="LK41" s="109">
        <v>0</v>
      </c>
      <c r="LL41" s="110">
        <v>0</v>
      </c>
      <c r="LM41" s="510">
        <v>0</v>
      </c>
      <c r="LN41" s="109">
        <v>0</v>
      </c>
      <c r="LO41" s="109">
        <v>0</v>
      </c>
      <c r="LP41" s="109">
        <v>0</v>
      </c>
      <c r="LQ41" s="109">
        <v>0</v>
      </c>
      <c r="LR41" s="109">
        <v>0</v>
      </c>
      <c r="LS41" s="110">
        <v>0</v>
      </c>
      <c r="LT41" s="296">
        <v>0</v>
      </c>
      <c r="LU41" s="129">
        <v>0</v>
      </c>
      <c r="LV41" s="109">
        <v>0</v>
      </c>
      <c r="LW41" s="110">
        <v>0</v>
      </c>
      <c r="LX41" s="510">
        <v>0</v>
      </c>
      <c r="LY41" s="109">
        <v>0</v>
      </c>
      <c r="LZ41" s="109">
        <v>0</v>
      </c>
      <c r="MA41" s="109">
        <v>0</v>
      </c>
      <c r="MB41" s="109">
        <v>0</v>
      </c>
      <c r="MC41" s="109">
        <v>0</v>
      </c>
      <c r="MD41" s="110">
        <v>0</v>
      </c>
      <c r="ME41" s="111">
        <v>0</v>
      </c>
      <c r="MF41" s="129">
        <v>0</v>
      </c>
      <c r="MG41" s="109">
        <v>0</v>
      </c>
      <c r="MH41" s="110">
        <v>0</v>
      </c>
      <c r="MI41" s="510">
        <v>0</v>
      </c>
      <c r="MJ41" s="109">
        <v>0</v>
      </c>
      <c r="MK41" s="109">
        <v>0</v>
      </c>
      <c r="ML41" s="109">
        <v>372602</v>
      </c>
      <c r="MM41" s="109">
        <v>232303</v>
      </c>
      <c r="MN41" s="109">
        <v>228432</v>
      </c>
      <c r="MO41" s="110">
        <v>833337</v>
      </c>
      <c r="MP41" s="130">
        <v>833337</v>
      </c>
      <c r="MQ41" s="129">
        <v>0</v>
      </c>
      <c r="MR41" s="109">
        <v>0</v>
      </c>
      <c r="MS41" s="110">
        <v>0</v>
      </c>
      <c r="MT41" s="510">
        <v>0</v>
      </c>
      <c r="MU41" s="109">
        <v>0</v>
      </c>
      <c r="MV41" s="109">
        <v>0</v>
      </c>
      <c r="MW41" s="109">
        <v>151573</v>
      </c>
      <c r="MX41" s="109">
        <v>0</v>
      </c>
      <c r="MY41" s="109">
        <v>228432</v>
      </c>
      <c r="MZ41" s="110">
        <v>380005</v>
      </c>
      <c r="NA41" s="130">
        <v>380005</v>
      </c>
      <c r="NB41" s="129">
        <v>0</v>
      </c>
      <c r="NC41" s="109">
        <v>0</v>
      </c>
      <c r="ND41" s="110">
        <v>0</v>
      </c>
      <c r="NE41" s="510">
        <v>0</v>
      </c>
      <c r="NF41" s="109">
        <v>0</v>
      </c>
      <c r="NG41" s="109">
        <v>0</v>
      </c>
      <c r="NH41" s="109">
        <v>221029</v>
      </c>
      <c r="NI41" s="109">
        <v>232303</v>
      </c>
      <c r="NJ41" s="109">
        <v>0</v>
      </c>
      <c r="NK41" s="110">
        <v>453332</v>
      </c>
      <c r="NL41" s="296">
        <v>453332</v>
      </c>
      <c r="NM41" s="129">
        <v>0</v>
      </c>
      <c r="NN41" s="109">
        <v>0</v>
      </c>
      <c r="NO41" s="110">
        <v>0</v>
      </c>
      <c r="NP41" s="510">
        <v>0</v>
      </c>
      <c r="NQ41" s="109">
        <v>0</v>
      </c>
      <c r="NR41" s="109">
        <v>0</v>
      </c>
      <c r="NS41" s="109">
        <v>0</v>
      </c>
      <c r="NT41" s="109">
        <v>0</v>
      </c>
      <c r="NU41" s="109">
        <v>0</v>
      </c>
      <c r="NV41" s="110">
        <v>0</v>
      </c>
      <c r="NW41" s="111">
        <v>0</v>
      </c>
      <c r="NX41" s="129">
        <v>0</v>
      </c>
      <c r="NY41" s="109">
        <v>0</v>
      </c>
      <c r="NZ41" s="110">
        <v>0</v>
      </c>
      <c r="OA41" s="510">
        <v>0</v>
      </c>
      <c r="OB41" s="109">
        <v>0</v>
      </c>
      <c r="OC41" s="109">
        <v>0</v>
      </c>
      <c r="OD41" s="109">
        <v>0</v>
      </c>
      <c r="OE41" s="109">
        <v>0</v>
      </c>
      <c r="OF41" s="109">
        <v>0</v>
      </c>
      <c r="OG41" s="110">
        <v>0</v>
      </c>
      <c r="OH41" s="111">
        <v>0</v>
      </c>
      <c r="OI41" s="129">
        <v>24038</v>
      </c>
      <c r="OJ41" s="109">
        <v>58113</v>
      </c>
      <c r="OK41" s="128">
        <v>82151</v>
      </c>
      <c r="OL41" s="108">
        <v>0</v>
      </c>
      <c r="OM41" s="109">
        <v>216660</v>
      </c>
      <c r="ON41" s="109">
        <v>1396978</v>
      </c>
      <c r="OO41" s="109">
        <v>1000769</v>
      </c>
      <c r="OP41" s="109">
        <v>985461</v>
      </c>
      <c r="OQ41" s="109">
        <v>755034</v>
      </c>
      <c r="OR41" s="110">
        <v>4354902</v>
      </c>
      <c r="OS41" s="130">
        <v>4437053</v>
      </c>
    </row>
    <row r="42" spans="2:409" ht="21" customHeight="1" thickBot="1" x14ac:dyDescent="0.25">
      <c r="B42" s="469" t="s">
        <v>37</v>
      </c>
      <c r="C42" s="107">
        <v>0</v>
      </c>
      <c r="D42" s="165">
        <v>0</v>
      </c>
      <c r="E42" s="166">
        <v>0</v>
      </c>
      <c r="F42" s="167">
        <v>0</v>
      </c>
      <c r="G42" s="165">
        <v>0</v>
      </c>
      <c r="H42" s="165">
        <v>0</v>
      </c>
      <c r="I42" s="165">
        <v>0</v>
      </c>
      <c r="J42" s="165">
        <v>293063</v>
      </c>
      <c r="K42" s="165">
        <v>145002</v>
      </c>
      <c r="L42" s="167">
        <v>438065</v>
      </c>
      <c r="M42" s="168">
        <v>438065</v>
      </c>
      <c r="N42" s="107">
        <v>0</v>
      </c>
      <c r="O42" s="165">
        <v>0</v>
      </c>
      <c r="P42" s="166">
        <v>0</v>
      </c>
      <c r="Q42" s="107">
        <v>0</v>
      </c>
      <c r="R42" s="165">
        <v>0</v>
      </c>
      <c r="S42" s="165">
        <v>0</v>
      </c>
      <c r="T42" s="165">
        <v>0</v>
      </c>
      <c r="U42" s="165">
        <v>63884</v>
      </c>
      <c r="V42" s="165">
        <v>66088</v>
      </c>
      <c r="W42" s="166">
        <v>129972</v>
      </c>
      <c r="X42" s="168">
        <v>129972</v>
      </c>
      <c r="Y42" s="107">
        <v>0</v>
      </c>
      <c r="Z42" s="165">
        <v>0</v>
      </c>
      <c r="AA42" s="166">
        <v>0</v>
      </c>
      <c r="AB42" s="107">
        <v>0</v>
      </c>
      <c r="AC42" s="165">
        <v>0</v>
      </c>
      <c r="AD42" s="165">
        <v>0</v>
      </c>
      <c r="AE42" s="165">
        <v>0</v>
      </c>
      <c r="AF42" s="165">
        <v>0</v>
      </c>
      <c r="AG42" s="165">
        <v>25313</v>
      </c>
      <c r="AH42" s="166">
        <v>25313</v>
      </c>
      <c r="AI42" s="168">
        <v>25313</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55484</v>
      </c>
      <c r="BC42" s="165">
        <v>29365</v>
      </c>
      <c r="BD42" s="166">
        <v>84849</v>
      </c>
      <c r="BE42" s="168">
        <v>84849</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11410</v>
      </c>
      <c r="BZ42" s="166">
        <v>19810</v>
      </c>
      <c r="CA42" s="168">
        <v>19810</v>
      </c>
      <c r="CB42" s="107">
        <v>0</v>
      </c>
      <c r="CC42" s="165">
        <v>0</v>
      </c>
      <c r="CD42" s="166">
        <v>0</v>
      </c>
      <c r="CE42" s="107">
        <v>0</v>
      </c>
      <c r="CF42" s="165">
        <v>0</v>
      </c>
      <c r="CG42" s="165">
        <v>0</v>
      </c>
      <c r="CH42" s="165">
        <v>0</v>
      </c>
      <c r="CI42" s="165">
        <v>16590</v>
      </c>
      <c r="CJ42" s="165">
        <v>0</v>
      </c>
      <c r="CK42" s="166">
        <v>16590</v>
      </c>
      <c r="CL42" s="168">
        <v>16590</v>
      </c>
      <c r="CM42" s="107">
        <v>0</v>
      </c>
      <c r="CN42" s="165">
        <v>0</v>
      </c>
      <c r="CO42" s="166">
        <v>0</v>
      </c>
      <c r="CP42" s="169">
        <v>0</v>
      </c>
      <c r="CQ42" s="165">
        <v>0</v>
      </c>
      <c r="CR42" s="165">
        <v>0</v>
      </c>
      <c r="CS42" s="165">
        <v>0</v>
      </c>
      <c r="CT42" s="165">
        <v>16590</v>
      </c>
      <c r="CU42" s="165">
        <v>0</v>
      </c>
      <c r="CV42" s="166">
        <v>16590</v>
      </c>
      <c r="CW42" s="168">
        <v>16590</v>
      </c>
      <c r="CX42" s="107">
        <v>0</v>
      </c>
      <c r="CY42" s="165">
        <v>0</v>
      </c>
      <c r="CZ42" s="166">
        <v>0</v>
      </c>
      <c r="DA42" s="107">
        <v>0</v>
      </c>
      <c r="DB42" s="165">
        <v>0</v>
      </c>
      <c r="DC42" s="165">
        <v>0</v>
      </c>
      <c r="DD42" s="165">
        <v>0</v>
      </c>
      <c r="DE42" s="165">
        <v>0</v>
      </c>
      <c r="DF42" s="165">
        <v>0</v>
      </c>
      <c r="DG42" s="166">
        <v>0</v>
      </c>
      <c r="DH42" s="168">
        <v>0</v>
      </c>
      <c r="DI42" s="107">
        <v>0</v>
      </c>
      <c r="DJ42" s="165">
        <v>0</v>
      </c>
      <c r="DK42" s="170">
        <v>0</v>
      </c>
      <c r="DL42" s="169">
        <v>0</v>
      </c>
      <c r="DM42" s="165">
        <v>0</v>
      </c>
      <c r="DN42" s="165">
        <v>0</v>
      </c>
      <c r="DO42" s="165">
        <v>0</v>
      </c>
      <c r="DP42" s="165">
        <v>0</v>
      </c>
      <c r="DQ42" s="165">
        <v>44754</v>
      </c>
      <c r="DR42" s="166">
        <v>44754</v>
      </c>
      <c r="DS42" s="168">
        <v>44754</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44754</v>
      </c>
      <c r="EN42" s="170">
        <v>44754</v>
      </c>
      <c r="EO42" s="168">
        <v>44754</v>
      </c>
      <c r="EP42" s="107">
        <v>0</v>
      </c>
      <c r="EQ42" s="165">
        <v>0</v>
      </c>
      <c r="ER42" s="170">
        <v>0</v>
      </c>
      <c r="ES42" s="169">
        <v>0</v>
      </c>
      <c r="ET42" s="165">
        <v>0</v>
      </c>
      <c r="EU42" s="165">
        <v>0</v>
      </c>
      <c r="EV42" s="165">
        <v>0</v>
      </c>
      <c r="EW42" s="165">
        <v>0</v>
      </c>
      <c r="EX42" s="165">
        <v>0</v>
      </c>
      <c r="EY42" s="166">
        <v>0</v>
      </c>
      <c r="EZ42" s="168">
        <v>0</v>
      </c>
      <c r="FA42" s="107">
        <v>0</v>
      </c>
      <c r="FB42" s="165">
        <v>0</v>
      </c>
      <c r="FC42" s="170">
        <v>0</v>
      </c>
      <c r="FD42" s="499">
        <v>0</v>
      </c>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32333</v>
      </c>
      <c r="FT42" s="165">
        <v>34160</v>
      </c>
      <c r="FU42" s="166">
        <v>66493</v>
      </c>
      <c r="FV42" s="168">
        <v>66493</v>
      </c>
      <c r="FW42" s="171">
        <v>0</v>
      </c>
      <c r="FX42" s="165">
        <v>0</v>
      </c>
      <c r="FY42" s="170">
        <v>0</v>
      </c>
      <c r="FZ42" s="169">
        <v>0</v>
      </c>
      <c r="GA42" s="165">
        <v>0</v>
      </c>
      <c r="GB42" s="165">
        <v>0</v>
      </c>
      <c r="GC42" s="165">
        <v>0</v>
      </c>
      <c r="GD42" s="165">
        <v>14126</v>
      </c>
      <c r="GE42" s="165">
        <v>34160</v>
      </c>
      <c r="GF42" s="166">
        <v>48286</v>
      </c>
      <c r="GG42" s="295">
        <v>48286</v>
      </c>
      <c r="GH42" s="171">
        <v>0</v>
      </c>
      <c r="GI42" s="165">
        <v>0</v>
      </c>
      <c r="GJ42" s="170">
        <v>0</v>
      </c>
      <c r="GK42" s="169">
        <v>0</v>
      </c>
      <c r="GL42" s="165">
        <v>0</v>
      </c>
      <c r="GM42" s="165">
        <v>0</v>
      </c>
      <c r="GN42" s="165">
        <v>0</v>
      </c>
      <c r="GO42" s="165">
        <v>18207</v>
      </c>
      <c r="GP42" s="165">
        <v>0</v>
      </c>
      <c r="GQ42" s="166">
        <v>18207</v>
      </c>
      <c r="GR42" s="168">
        <v>18207</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0256</v>
      </c>
      <c r="HL42" s="165">
        <v>0</v>
      </c>
      <c r="HM42" s="166">
        <v>180256</v>
      </c>
      <c r="HN42" s="167">
        <v>180256</v>
      </c>
      <c r="HO42" s="490">
        <v>0</v>
      </c>
      <c r="HP42" s="491">
        <v>0</v>
      </c>
      <c r="HQ42" s="492">
        <v>0</v>
      </c>
      <c r="HR42" s="493">
        <v>0</v>
      </c>
      <c r="HS42" s="491">
        <v>0</v>
      </c>
      <c r="HT42" s="491">
        <v>0</v>
      </c>
      <c r="HU42" s="491">
        <v>0</v>
      </c>
      <c r="HV42" s="491">
        <v>0</v>
      </c>
      <c r="HW42" s="491">
        <v>0</v>
      </c>
      <c r="HX42" s="494">
        <v>0</v>
      </c>
      <c r="HY42" s="495">
        <v>0</v>
      </c>
      <c r="HZ42" s="138">
        <v>0</v>
      </c>
      <c r="IA42" s="139">
        <v>0</v>
      </c>
      <c r="IB42" s="140">
        <v>0</v>
      </c>
      <c r="IC42" s="141">
        <v>0</v>
      </c>
      <c r="ID42" s="142">
        <v>0</v>
      </c>
      <c r="IE42" s="143">
        <v>0</v>
      </c>
      <c r="IF42" s="144">
        <v>0</v>
      </c>
      <c r="IG42" s="142">
        <v>0</v>
      </c>
      <c r="IH42" s="144">
        <v>145699</v>
      </c>
      <c r="II42" s="145">
        <v>145699</v>
      </c>
      <c r="IJ42" s="146">
        <v>145699</v>
      </c>
      <c r="IK42" s="220">
        <v>0</v>
      </c>
      <c r="IL42" s="225">
        <v>0</v>
      </c>
      <c r="IM42" s="226">
        <v>0</v>
      </c>
      <c r="IN42" s="147">
        <v>0</v>
      </c>
      <c r="IO42" s="148">
        <v>0</v>
      </c>
      <c r="IP42" s="148">
        <v>0</v>
      </c>
      <c r="IQ42" s="148">
        <v>0</v>
      </c>
      <c r="IR42" s="148">
        <v>0</v>
      </c>
      <c r="IS42" s="148">
        <v>0</v>
      </c>
      <c r="IT42" s="149">
        <v>0</v>
      </c>
      <c r="IU42" s="297">
        <v>0</v>
      </c>
      <c r="IV42" s="150">
        <v>0</v>
      </c>
      <c r="IW42" s="148">
        <v>0</v>
      </c>
      <c r="IX42" s="152">
        <v>0</v>
      </c>
      <c r="IY42" s="503">
        <v>0</v>
      </c>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45699</v>
      </c>
      <c r="JP42" s="152">
        <v>145699</v>
      </c>
      <c r="JQ42" s="297">
        <v>145699</v>
      </c>
      <c r="JR42" s="150">
        <v>0</v>
      </c>
      <c r="JS42" s="148">
        <v>0</v>
      </c>
      <c r="JT42" s="149">
        <v>0</v>
      </c>
      <c r="JU42" s="151">
        <v>0</v>
      </c>
      <c r="JV42" s="148">
        <v>0</v>
      </c>
      <c r="JW42" s="148">
        <v>0</v>
      </c>
      <c r="JX42" s="148">
        <v>0</v>
      </c>
      <c r="JY42" s="148">
        <v>0</v>
      </c>
      <c r="JZ42" s="148">
        <v>0</v>
      </c>
      <c r="KA42" s="152">
        <v>0</v>
      </c>
      <c r="KB42" s="297">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507">
        <v>0</v>
      </c>
      <c r="KR42" s="148">
        <v>0</v>
      </c>
      <c r="KS42" s="148">
        <v>0</v>
      </c>
      <c r="KT42" s="148">
        <v>0</v>
      </c>
      <c r="KU42" s="148">
        <v>0</v>
      </c>
      <c r="KV42" s="148">
        <v>0</v>
      </c>
      <c r="KW42" s="152">
        <v>0</v>
      </c>
      <c r="KX42" s="297">
        <v>0</v>
      </c>
      <c r="KY42" s="150">
        <v>0</v>
      </c>
      <c r="KZ42" s="148">
        <v>0</v>
      </c>
      <c r="LA42" s="152">
        <v>0</v>
      </c>
      <c r="LB42" s="511">
        <v>0</v>
      </c>
      <c r="LC42" s="148">
        <v>0</v>
      </c>
      <c r="LD42" s="148">
        <v>0</v>
      </c>
      <c r="LE42" s="148">
        <v>0</v>
      </c>
      <c r="LF42" s="148">
        <v>0</v>
      </c>
      <c r="LG42" s="148">
        <v>0</v>
      </c>
      <c r="LH42" s="152">
        <v>0</v>
      </c>
      <c r="LI42" s="153">
        <v>0</v>
      </c>
      <c r="LJ42" s="150">
        <v>0</v>
      </c>
      <c r="LK42" s="148">
        <v>0</v>
      </c>
      <c r="LL42" s="152">
        <v>0</v>
      </c>
      <c r="LM42" s="511">
        <v>0</v>
      </c>
      <c r="LN42" s="148">
        <v>0</v>
      </c>
      <c r="LO42" s="148">
        <v>0</v>
      </c>
      <c r="LP42" s="148">
        <v>0</v>
      </c>
      <c r="LQ42" s="148">
        <v>0</v>
      </c>
      <c r="LR42" s="148">
        <v>0</v>
      </c>
      <c r="LS42" s="152">
        <v>0</v>
      </c>
      <c r="LT42" s="297">
        <v>0</v>
      </c>
      <c r="LU42" s="150">
        <v>0</v>
      </c>
      <c r="LV42" s="148">
        <v>0</v>
      </c>
      <c r="LW42" s="152">
        <v>0</v>
      </c>
      <c r="LX42" s="511">
        <v>0</v>
      </c>
      <c r="LY42" s="148">
        <v>0</v>
      </c>
      <c r="LZ42" s="148">
        <v>0</v>
      </c>
      <c r="MA42" s="148">
        <v>0</v>
      </c>
      <c r="MB42" s="148">
        <v>0</v>
      </c>
      <c r="MC42" s="148">
        <v>0</v>
      </c>
      <c r="MD42" s="152">
        <v>0</v>
      </c>
      <c r="ME42" s="153">
        <v>0</v>
      </c>
      <c r="MF42" s="150">
        <v>0</v>
      </c>
      <c r="MG42" s="148">
        <v>0</v>
      </c>
      <c r="MH42" s="152">
        <v>0</v>
      </c>
      <c r="MI42" s="511">
        <v>0</v>
      </c>
      <c r="MJ42" s="148">
        <v>0</v>
      </c>
      <c r="MK42" s="148">
        <v>0</v>
      </c>
      <c r="ML42" s="148">
        <v>0</v>
      </c>
      <c r="MM42" s="148">
        <v>0</v>
      </c>
      <c r="MN42" s="148">
        <v>0</v>
      </c>
      <c r="MO42" s="152">
        <v>0</v>
      </c>
      <c r="MP42" s="154">
        <v>0</v>
      </c>
      <c r="MQ42" s="150">
        <v>0</v>
      </c>
      <c r="MR42" s="148">
        <v>0</v>
      </c>
      <c r="MS42" s="152">
        <v>0</v>
      </c>
      <c r="MT42" s="511">
        <v>0</v>
      </c>
      <c r="MU42" s="148">
        <v>0</v>
      </c>
      <c r="MV42" s="148">
        <v>0</v>
      </c>
      <c r="MW42" s="148">
        <v>0</v>
      </c>
      <c r="MX42" s="148">
        <v>0</v>
      </c>
      <c r="MY42" s="148">
        <v>0</v>
      </c>
      <c r="MZ42" s="152">
        <v>0</v>
      </c>
      <c r="NA42" s="154">
        <v>0</v>
      </c>
      <c r="NB42" s="150">
        <v>0</v>
      </c>
      <c r="NC42" s="148">
        <v>0</v>
      </c>
      <c r="ND42" s="152">
        <v>0</v>
      </c>
      <c r="NE42" s="511">
        <v>0</v>
      </c>
      <c r="NF42" s="148">
        <v>0</v>
      </c>
      <c r="NG42" s="148">
        <v>0</v>
      </c>
      <c r="NH42" s="148">
        <v>0</v>
      </c>
      <c r="NI42" s="148">
        <v>0</v>
      </c>
      <c r="NJ42" s="148">
        <v>0</v>
      </c>
      <c r="NK42" s="152">
        <v>0</v>
      </c>
      <c r="NL42" s="297">
        <v>0</v>
      </c>
      <c r="NM42" s="150">
        <v>0</v>
      </c>
      <c r="NN42" s="148">
        <v>0</v>
      </c>
      <c r="NO42" s="152">
        <v>0</v>
      </c>
      <c r="NP42" s="511">
        <v>0</v>
      </c>
      <c r="NQ42" s="148">
        <v>0</v>
      </c>
      <c r="NR42" s="148">
        <v>0</v>
      </c>
      <c r="NS42" s="148">
        <v>0</v>
      </c>
      <c r="NT42" s="148">
        <v>0</v>
      </c>
      <c r="NU42" s="148">
        <v>0</v>
      </c>
      <c r="NV42" s="152">
        <v>0</v>
      </c>
      <c r="NW42" s="153">
        <v>0</v>
      </c>
      <c r="NX42" s="150">
        <v>0</v>
      </c>
      <c r="NY42" s="148">
        <v>0</v>
      </c>
      <c r="NZ42" s="152">
        <v>0</v>
      </c>
      <c r="OA42" s="511">
        <v>0</v>
      </c>
      <c r="OB42" s="148">
        <v>0</v>
      </c>
      <c r="OC42" s="148">
        <v>0</v>
      </c>
      <c r="OD42" s="148">
        <v>0</v>
      </c>
      <c r="OE42" s="148">
        <v>0</v>
      </c>
      <c r="OF42" s="148">
        <v>0</v>
      </c>
      <c r="OG42" s="152">
        <v>0</v>
      </c>
      <c r="OH42" s="153">
        <v>0</v>
      </c>
      <c r="OI42" s="150">
        <v>0</v>
      </c>
      <c r="OJ42" s="148">
        <v>0</v>
      </c>
      <c r="OK42" s="149">
        <v>0</v>
      </c>
      <c r="OL42" s="151">
        <v>0</v>
      </c>
      <c r="OM42" s="148">
        <v>0</v>
      </c>
      <c r="ON42" s="148">
        <v>0</v>
      </c>
      <c r="OO42" s="148">
        <v>0</v>
      </c>
      <c r="OP42" s="148">
        <v>293063</v>
      </c>
      <c r="OQ42" s="148">
        <v>290701</v>
      </c>
      <c r="OR42" s="152">
        <v>583764</v>
      </c>
      <c r="OS42" s="154">
        <v>583764</v>
      </c>
    </row>
    <row r="43" spans="2:409" x14ac:dyDescent="0.2">
      <c r="B43" s="39"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161</v>
      </c>
      <c r="C1" s="34"/>
      <c r="D1" s="34"/>
      <c r="E1" s="464">
        <f>第１表!F2</f>
        <v>6</v>
      </c>
      <c r="F1" s="465">
        <v>1</v>
      </c>
      <c r="G1" s="687">
        <f>IF(F1&lt;3,F1-2+12,F1-2)</f>
        <v>11</v>
      </c>
      <c r="H1" s="687"/>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62</v>
      </c>
    </row>
    <row r="3" spans="2:233" ht="21" customHeight="1" thickBot="1" x14ac:dyDescent="0.25">
      <c r="B3" s="755"/>
      <c r="C3" s="768" t="s">
        <v>116</v>
      </c>
      <c r="D3" s="769"/>
      <c r="E3" s="769"/>
      <c r="F3" s="769"/>
      <c r="G3" s="769"/>
      <c r="H3" s="769"/>
      <c r="I3" s="769"/>
      <c r="J3" s="769"/>
      <c r="K3" s="769"/>
      <c r="L3" s="769"/>
      <c r="M3" s="769"/>
      <c r="N3" s="520"/>
      <c r="O3" s="520"/>
      <c r="P3" s="520"/>
      <c r="Q3" s="520"/>
      <c r="R3" s="520"/>
      <c r="S3" s="520"/>
      <c r="T3" s="520"/>
      <c r="U3" s="520"/>
      <c r="V3" s="520"/>
      <c r="W3" s="520"/>
      <c r="X3" s="520"/>
      <c r="Y3" s="520"/>
      <c r="Z3" s="520"/>
      <c r="AA3" s="520"/>
      <c r="AB3" s="520"/>
      <c r="AC3" s="520"/>
      <c r="AD3" s="520"/>
      <c r="AE3" s="520"/>
      <c r="AF3" s="520"/>
      <c r="AG3" s="520"/>
      <c r="AH3" s="520"/>
      <c r="AI3" s="520"/>
      <c r="AJ3" s="520"/>
      <c r="AK3" s="520"/>
      <c r="AL3" s="520"/>
      <c r="AM3" s="520"/>
      <c r="AN3" s="520"/>
      <c r="AO3" s="520"/>
      <c r="AP3" s="520"/>
      <c r="AQ3" s="520"/>
      <c r="AR3" s="520"/>
      <c r="AS3" s="520"/>
      <c r="AT3" s="520"/>
      <c r="AU3" s="520"/>
      <c r="AV3" s="520"/>
      <c r="AW3" s="520"/>
      <c r="AX3" s="520"/>
      <c r="AY3" s="520"/>
      <c r="AZ3" s="520"/>
      <c r="BA3" s="520"/>
      <c r="BB3" s="520"/>
      <c r="BC3" s="520"/>
      <c r="BD3" s="520"/>
      <c r="BE3" s="520"/>
      <c r="BF3" s="520"/>
      <c r="BG3" s="520"/>
      <c r="BH3" s="520"/>
      <c r="BI3" s="520"/>
      <c r="BJ3" s="520"/>
      <c r="BK3" s="520"/>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0"/>
      <c r="CO3" s="520"/>
      <c r="CP3" s="520"/>
      <c r="CQ3" s="520"/>
      <c r="CR3" s="520"/>
      <c r="CS3" s="520"/>
      <c r="CT3" s="520"/>
      <c r="CU3" s="520"/>
      <c r="CV3" s="520"/>
      <c r="CW3" s="520"/>
      <c r="CX3" s="520"/>
      <c r="CY3" s="520"/>
      <c r="CZ3" s="520"/>
      <c r="DA3" s="520"/>
      <c r="DB3" s="520"/>
      <c r="DC3" s="520"/>
      <c r="DD3" s="520"/>
      <c r="DE3" s="520"/>
      <c r="DF3" s="520"/>
      <c r="DG3" s="520"/>
      <c r="DH3" s="521"/>
      <c r="DI3" s="768" t="s">
        <v>118</v>
      </c>
      <c r="DJ3" s="769"/>
      <c r="DK3" s="769"/>
      <c r="DL3" s="769"/>
      <c r="DM3" s="769"/>
      <c r="DN3" s="769"/>
      <c r="DO3" s="769"/>
      <c r="DP3" s="769"/>
      <c r="DQ3" s="769"/>
      <c r="DR3" s="769"/>
      <c r="DS3" s="769"/>
      <c r="DT3" s="769"/>
      <c r="DU3" s="769"/>
      <c r="DV3" s="769"/>
      <c r="DW3" s="769"/>
      <c r="DX3" s="769"/>
      <c r="DY3" s="769"/>
      <c r="DZ3" s="769"/>
      <c r="EA3" s="769"/>
      <c r="EB3" s="769"/>
      <c r="EC3" s="769"/>
      <c r="ED3" s="769"/>
      <c r="EE3" s="769"/>
      <c r="EF3" s="769"/>
      <c r="EG3" s="769"/>
      <c r="EH3" s="769"/>
      <c r="EI3" s="769"/>
      <c r="EJ3" s="769"/>
      <c r="EK3" s="769"/>
      <c r="EL3" s="769"/>
      <c r="EM3" s="769"/>
      <c r="EN3" s="769"/>
      <c r="EO3" s="769"/>
      <c r="EP3" s="769"/>
      <c r="EQ3" s="769"/>
      <c r="ER3" s="769"/>
      <c r="ES3" s="769"/>
      <c r="ET3" s="769"/>
      <c r="EU3" s="769"/>
      <c r="EV3" s="769"/>
      <c r="EW3" s="769"/>
      <c r="EX3" s="769"/>
      <c r="EY3" s="769"/>
      <c r="EZ3" s="769"/>
      <c r="FA3" s="769"/>
      <c r="FB3" s="769"/>
      <c r="FC3" s="769"/>
      <c r="FD3" s="769"/>
      <c r="FE3" s="769"/>
      <c r="FF3" s="769"/>
      <c r="FG3" s="769"/>
      <c r="FH3" s="769"/>
      <c r="FI3" s="769"/>
      <c r="FJ3" s="769"/>
      <c r="FK3" s="769"/>
      <c r="FL3" s="769"/>
      <c r="FM3" s="769"/>
      <c r="FN3" s="769"/>
      <c r="FO3" s="769"/>
      <c r="FP3" s="769"/>
      <c r="FQ3" s="769"/>
      <c r="FR3" s="769"/>
      <c r="FS3" s="769"/>
      <c r="FT3" s="769"/>
      <c r="FU3" s="769"/>
      <c r="FV3" s="769"/>
      <c r="FW3" s="769"/>
      <c r="FX3" s="769"/>
      <c r="FY3" s="769"/>
      <c r="FZ3" s="769"/>
      <c r="GA3" s="769"/>
      <c r="GB3" s="769"/>
      <c r="GC3" s="769"/>
      <c r="GD3" s="769"/>
      <c r="GE3" s="769"/>
      <c r="GF3" s="769"/>
      <c r="GG3" s="769"/>
      <c r="GH3" s="769"/>
      <c r="GI3" s="769"/>
      <c r="GJ3" s="769"/>
      <c r="GK3" s="769"/>
      <c r="GL3" s="769"/>
      <c r="GM3" s="769"/>
      <c r="GN3" s="769"/>
      <c r="GO3" s="769"/>
      <c r="GP3" s="769"/>
      <c r="GQ3" s="769"/>
      <c r="GR3" s="769"/>
      <c r="GS3" s="769"/>
      <c r="GT3" s="769"/>
      <c r="GU3" s="769"/>
      <c r="GV3" s="769"/>
      <c r="GW3" s="769"/>
      <c r="GX3" s="769"/>
      <c r="GY3" s="769"/>
      <c r="GZ3" s="769"/>
      <c r="HA3" s="769"/>
      <c r="HB3" s="769"/>
      <c r="HC3" s="769"/>
      <c r="HD3" s="769"/>
      <c r="HE3" s="769"/>
      <c r="HF3" s="769"/>
      <c r="HG3" s="769"/>
      <c r="HH3" s="769"/>
      <c r="HI3" s="769"/>
      <c r="HJ3" s="769"/>
      <c r="HK3" s="769"/>
      <c r="HL3" s="769"/>
      <c r="HM3" s="769"/>
      <c r="HN3" s="770"/>
      <c r="HO3" s="762" t="s">
        <v>60</v>
      </c>
      <c r="HP3" s="763"/>
      <c r="HQ3" s="763"/>
      <c r="HR3" s="763"/>
      <c r="HS3" s="763"/>
      <c r="HT3" s="763"/>
      <c r="HU3" s="763"/>
      <c r="HV3" s="763"/>
      <c r="HW3" s="763"/>
      <c r="HX3" s="763"/>
      <c r="HY3" s="764"/>
    </row>
    <row r="4" spans="2:233" ht="21" customHeight="1" thickBot="1" x14ac:dyDescent="0.25">
      <c r="B4" s="756"/>
      <c r="C4" s="743"/>
      <c r="D4" s="744"/>
      <c r="E4" s="744"/>
      <c r="F4" s="744"/>
      <c r="G4" s="744"/>
      <c r="H4" s="744"/>
      <c r="I4" s="744"/>
      <c r="J4" s="744"/>
      <c r="K4" s="744"/>
      <c r="L4" s="744"/>
      <c r="M4" s="771"/>
      <c r="N4" s="758" t="s">
        <v>57</v>
      </c>
      <c r="O4" s="759"/>
      <c r="P4" s="759"/>
      <c r="Q4" s="759"/>
      <c r="R4" s="759"/>
      <c r="S4" s="759"/>
      <c r="T4" s="759"/>
      <c r="U4" s="759"/>
      <c r="V4" s="759"/>
      <c r="W4" s="759"/>
      <c r="X4" s="760"/>
      <c r="Y4" s="758" t="s">
        <v>58</v>
      </c>
      <c r="Z4" s="759"/>
      <c r="AA4" s="759"/>
      <c r="AB4" s="759"/>
      <c r="AC4" s="759"/>
      <c r="AD4" s="759"/>
      <c r="AE4" s="759"/>
      <c r="AF4" s="759"/>
      <c r="AG4" s="759"/>
      <c r="AH4" s="759"/>
      <c r="AI4" s="760"/>
      <c r="AJ4" s="758" t="s">
        <v>59</v>
      </c>
      <c r="AK4" s="759"/>
      <c r="AL4" s="759"/>
      <c r="AM4" s="759"/>
      <c r="AN4" s="759"/>
      <c r="AO4" s="759"/>
      <c r="AP4" s="759"/>
      <c r="AQ4" s="759"/>
      <c r="AR4" s="759"/>
      <c r="AS4" s="759"/>
      <c r="AT4" s="760"/>
      <c r="AU4" s="758" t="s">
        <v>149</v>
      </c>
      <c r="AV4" s="759"/>
      <c r="AW4" s="759"/>
      <c r="AX4" s="759"/>
      <c r="AY4" s="759"/>
      <c r="AZ4" s="759"/>
      <c r="BA4" s="759"/>
      <c r="BB4" s="759"/>
      <c r="BC4" s="759"/>
      <c r="BD4" s="759"/>
      <c r="BE4" s="760"/>
      <c r="BF4" s="758" t="s">
        <v>117</v>
      </c>
      <c r="BG4" s="759"/>
      <c r="BH4" s="759"/>
      <c r="BI4" s="759"/>
      <c r="BJ4" s="759"/>
      <c r="BK4" s="759"/>
      <c r="BL4" s="759"/>
      <c r="BM4" s="759"/>
      <c r="BN4" s="759"/>
      <c r="BO4" s="759"/>
      <c r="BP4" s="760"/>
      <c r="BQ4" s="758" t="s">
        <v>77</v>
      </c>
      <c r="BR4" s="759"/>
      <c r="BS4" s="759"/>
      <c r="BT4" s="759"/>
      <c r="BU4" s="759"/>
      <c r="BV4" s="759"/>
      <c r="BW4" s="759"/>
      <c r="BX4" s="759"/>
      <c r="BY4" s="759"/>
      <c r="BZ4" s="759"/>
      <c r="CA4" s="760"/>
      <c r="CB4" s="758" t="s">
        <v>78</v>
      </c>
      <c r="CC4" s="759"/>
      <c r="CD4" s="759"/>
      <c r="CE4" s="759"/>
      <c r="CF4" s="759"/>
      <c r="CG4" s="759"/>
      <c r="CH4" s="759"/>
      <c r="CI4" s="759"/>
      <c r="CJ4" s="759"/>
      <c r="CK4" s="759"/>
      <c r="CL4" s="760"/>
      <c r="CM4" s="758" t="s">
        <v>79</v>
      </c>
      <c r="CN4" s="759"/>
      <c r="CO4" s="759"/>
      <c r="CP4" s="759"/>
      <c r="CQ4" s="759"/>
      <c r="CR4" s="759"/>
      <c r="CS4" s="759"/>
      <c r="CT4" s="759"/>
      <c r="CU4" s="759"/>
      <c r="CV4" s="759"/>
      <c r="CW4" s="760"/>
      <c r="CX4" s="758" t="s">
        <v>150</v>
      </c>
      <c r="CY4" s="759"/>
      <c r="CZ4" s="759"/>
      <c r="DA4" s="759"/>
      <c r="DB4" s="759"/>
      <c r="DC4" s="759"/>
      <c r="DD4" s="759"/>
      <c r="DE4" s="759"/>
      <c r="DF4" s="759"/>
      <c r="DG4" s="759"/>
      <c r="DH4" s="760"/>
      <c r="DI4" s="743"/>
      <c r="DJ4" s="744"/>
      <c r="DK4" s="744"/>
      <c r="DL4" s="744"/>
      <c r="DM4" s="744"/>
      <c r="DN4" s="744"/>
      <c r="DO4" s="744"/>
      <c r="DP4" s="744"/>
      <c r="DQ4" s="744"/>
      <c r="DR4" s="744"/>
      <c r="DS4" s="745"/>
      <c r="DT4" s="758" t="s">
        <v>57</v>
      </c>
      <c r="DU4" s="759"/>
      <c r="DV4" s="759"/>
      <c r="DW4" s="759"/>
      <c r="DX4" s="759"/>
      <c r="DY4" s="759"/>
      <c r="DZ4" s="759"/>
      <c r="EA4" s="759"/>
      <c r="EB4" s="759"/>
      <c r="EC4" s="759"/>
      <c r="ED4" s="760"/>
      <c r="EE4" s="758" t="s">
        <v>58</v>
      </c>
      <c r="EF4" s="759"/>
      <c r="EG4" s="759"/>
      <c r="EH4" s="759"/>
      <c r="EI4" s="759"/>
      <c r="EJ4" s="759"/>
      <c r="EK4" s="759"/>
      <c r="EL4" s="759"/>
      <c r="EM4" s="759"/>
      <c r="EN4" s="759"/>
      <c r="EO4" s="760"/>
      <c r="EP4" s="758" t="s">
        <v>59</v>
      </c>
      <c r="EQ4" s="759"/>
      <c r="ER4" s="759"/>
      <c r="ES4" s="759"/>
      <c r="ET4" s="759"/>
      <c r="EU4" s="759"/>
      <c r="EV4" s="759"/>
      <c r="EW4" s="759"/>
      <c r="EX4" s="759"/>
      <c r="EY4" s="759"/>
      <c r="EZ4" s="760"/>
      <c r="FA4" s="758" t="s">
        <v>149</v>
      </c>
      <c r="FB4" s="759"/>
      <c r="FC4" s="759"/>
      <c r="FD4" s="759"/>
      <c r="FE4" s="759"/>
      <c r="FF4" s="759"/>
      <c r="FG4" s="759"/>
      <c r="FH4" s="759"/>
      <c r="FI4" s="759"/>
      <c r="FJ4" s="759"/>
      <c r="FK4" s="760"/>
      <c r="FL4" s="758" t="s">
        <v>117</v>
      </c>
      <c r="FM4" s="759"/>
      <c r="FN4" s="759"/>
      <c r="FO4" s="759"/>
      <c r="FP4" s="759"/>
      <c r="FQ4" s="759"/>
      <c r="FR4" s="759"/>
      <c r="FS4" s="759"/>
      <c r="FT4" s="759"/>
      <c r="FU4" s="759"/>
      <c r="FV4" s="760"/>
      <c r="FW4" s="758" t="s">
        <v>77</v>
      </c>
      <c r="FX4" s="759"/>
      <c r="FY4" s="759"/>
      <c r="FZ4" s="759"/>
      <c r="GA4" s="759"/>
      <c r="GB4" s="759"/>
      <c r="GC4" s="759"/>
      <c r="GD4" s="759"/>
      <c r="GE4" s="759"/>
      <c r="GF4" s="759"/>
      <c r="GG4" s="760"/>
      <c r="GH4" s="758" t="s">
        <v>78</v>
      </c>
      <c r="GI4" s="759"/>
      <c r="GJ4" s="759"/>
      <c r="GK4" s="759"/>
      <c r="GL4" s="759"/>
      <c r="GM4" s="759"/>
      <c r="GN4" s="759"/>
      <c r="GO4" s="759"/>
      <c r="GP4" s="759"/>
      <c r="GQ4" s="759"/>
      <c r="GR4" s="760"/>
      <c r="GS4" s="758" t="s">
        <v>79</v>
      </c>
      <c r="GT4" s="759"/>
      <c r="GU4" s="759"/>
      <c r="GV4" s="759"/>
      <c r="GW4" s="759"/>
      <c r="GX4" s="759"/>
      <c r="GY4" s="759"/>
      <c r="GZ4" s="759"/>
      <c r="HA4" s="759"/>
      <c r="HB4" s="759"/>
      <c r="HC4" s="760"/>
      <c r="HD4" s="758" t="s">
        <v>150</v>
      </c>
      <c r="HE4" s="759"/>
      <c r="HF4" s="759"/>
      <c r="HG4" s="759"/>
      <c r="HH4" s="759"/>
      <c r="HI4" s="759"/>
      <c r="HJ4" s="759"/>
      <c r="HK4" s="759"/>
      <c r="HL4" s="759"/>
      <c r="HM4" s="759"/>
      <c r="HN4" s="760"/>
      <c r="HO4" s="765"/>
      <c r="HP4" s="766"/>
      <c r="HQ4" s="766"/>
      <c r="HR4" s="766"/>
      <c r="HS4" s="766"/>
      <c r="HT4" s="766"/>
      <c r="HU4" s="766"/>
      <c r="HV4" s="766"/>
      <c r="HW4" s="766"/>
      <c r="HX4" s="766"/>
      <c r="HY4" s="767"/>
    </row>
    <row r="5" spans="2:233" ht="21" customHeight="1" x14ac:dyDescent="0.2">
      <c r="B5" s="756"/>
      <c r="C5" s="748" t="s">
        <v>61</v>
      </c>
      <c r="D5" s="749"/>
      <c r="E5" s="750"/>
      <c r="F5" s="751" t="s">
        <v>62</v>
      </c>
      <c r="G5" s="749"/>
      <c r="H5" s="749"/>
      <c r="I5" s="749"/>
      <c r="J5" s="749"/>
      <c r="K5" s="749"/>
      <c r="L5" s="752"/>
      <c r="M5" s="761" t="s">
        <v>52</v>
      </c>
      <c r="N5" s="743" t="s">
        <v>61</v>
      </c>
      <c r="O5" s="744"/>
      <c r="P5" s="745"/>
      <c r="Q5" s="746" t="s">
        <v>62</v>
      </c>
      <c r="R5" s="744"/>
      <c r="S5" s="744"/>
      <c r="T5" s="744"/>
      <c r="U5" s="744"/>
      <c r="V5" s="744"/>
      <c r="W5" s="747"/>
      <c r="X5" s="643" t="s">
        <v>52</v>
      </c>
      <c r="Y5" s="743" t="s">
        <v>61</v>
      </c>
      <c r="Z5" s="744"/>
      <c r="AA5" s="745"/>
      <c r="AB5" s="746" t="s">
        <v>62</v>
      </c>
      <c r="AC5" s="744"/>
      <c r="AD5" s="744"/>
      <c r="AE5" s="744"/>
      <c r="AF5" s="744"/>
      <c r="AG5" s="744"/>
      <c r="AH5" s="747"/>
      <c r="AI5" s="643" t="s">
        <v>52</v>
      </c>
      <c r="AJ5" s="743" t="s">
        <v>61</v>
      </c>
      <c r="AK5" s="744"/>
      <c r="AL5" s="745"/>
      <c r="AM5" s="746" t="s">
        <v>62</v>
      </c>
      <c r="AN5" s="744"/>
      <c r="AO5" s="744"/>
      <c r="AP5" s="744"/>
      <c r="AQ5" s="744"/>
      <c r="AR5" s="744"/>
      <c r="AS5" s="747"/>
      <c r="AT5" s="643" t="s">
        <v>52</v>
      </c>
      <c r="AU5" s="743" t="s">
        <v>61</v>
      </c>
      <c r="AV5" s="744"/>
      <c r="AW5" s="745"/>
      <c r="AX5" s="746" t="s">
        <v>62</v>
      </c>
      <c r="AY5" s="744"/>
      <c r="AZ5" s="744"/>
      <c r="BA5" s="744"/>
      <c r="BB5" s="744"/>
      <c r="BC5" s="744"/>
      <c r="BD5" s="747"/>
      <c r="BE5" s="643" t="s">
        <v>52</v>
      </c>
      <c r="BF5" s="743" t="s">
        <v>61</v>
      </c>
      <c r="BG5" s="744"/>
      <c r="BH5" s="745"/>
      <c r="BI5" s="746" t="s">
        <v>62</v>
      </c>
      <c r="BJ5" s="744"/>
      <c r="BK5" s="744"/>
      <c r="BL5" s="744"/>
      <c r="BM5" s="744"/>
      <c r="BN5" s="744"/>
      <c r="BO5" s="747"/>
      <c r="BP5" s="643" t="s">
        <v>52</v>
      </c>
      <c r="BQ5" s="743" t="s">
        <v>61</v>
      </c>
      <c r="BR5" s="744"/>
      <c r="BS5" s="745"/>
      <c r="BT5" s="746" t="s">
        <v>62</v>
      </c>
      <c r="BU5" s="744"/>
      <c r="BV5" s="744"/>
      <c r="BW5" s="744"/>
      <c r="BX5" s="744"/>
      <c r="BY5" s="744"/>
      <c r="BZ5" s="747"/>
      <c r="CA5" s="643" t="s">
        <v>52</v>
      </c>
      <c r="CB5" s="743" t="s">
        <v>61</v>
      </c>
      <c r="CC5" s="744"/>
      <c r="CD5" s="745"/>
      <c r="CE5" s="746" t="s">
        <v>62</v>
      </c>
      <c r="CF5" s="744"/>
      <c r="CG5" s="744"/>
      <c r="CH5" s="744"/>
      <c r="CI5" s="744"/>
      <c r="CJ5" s="744"/>
      <c r="CK5" s="747"/>
      <c r="CL5" s="643" t="s">
        <v>52</v>
      </c>
      <c r="CM5" s="743" t="s">
        <v>61</v>
      </c>
      <c r="CN5" s="744"/>
      <c r="CO5" s="745"/>
      <c r="CP5" s="746" t="s">
        <v>62</v>
      </c>
      <c r="CQ5" s="744"/>
      <c r="CR5" s="744"/>
      <c r="CS5" s="744"/>
      <c r="CT5" s="744"/>
      <c r="CU5" s="744"/>
      <c r="CV5" s="747"/>
      <c r="CW5" s="643" t="s">
        <v>52</v>
      </c>
      <c r="CX5" s="743" t="s">
        <v>61</v>
      </c>
      <c r="CY5" s="744"/>
      <c r="CZ5" s="745"/>
      <c r="DA5" s="746" t="s">
        <v>62</v>
      </c>
      <c r="DB5" s="744"/>
      <c r="DC5" s="744"/>
      <c r="DD5" s="744"/>
      <c r="DE5" s="744"/>
      <c r="DF5" s="744"/>
      <c r="DG5" s="747"/>
      <c r="DH5" s="643" t="s">
        <v>52</v>
      </c>
      <c r="DI5" s="748" t="s">
        <v>61</v>
      </c>
      <c r="DJ5" s="749"/>
      <c r="DK5" s="750"/>
      <c r="DL5" s="751" t="s">
        <v>62</v>
      </c>
      <c r="DM5" s="749"/>
      <c r="DN5" s="749"/>
      <c r="DO5" s="749"/>
      <c r="DP5" s="749"/>
      <c r="DQ5" s="749"/>
      <c r="DR5" s="752"/>
      <c r="DS5" s="753" t="s">
        <v>52</v>
      </c>
      <c r="DT5" s="743" t="s">
        <v>61</v>
      </c>
      <c r="DU5" s="744"/>
      <c r="DV5" s="745"/>
      <c r="DW5" s="746" t="s">
        <v>62</v>
      </c>
      <c r="DX5" s="744"/>
      <c r="DY5" s="744"/>
      <c r="DZ5" s="744"/>
      <c r="EA5" s="744"/>
      <c r="EB5" s="744"/>
      <c r="EC5" s="747"/>
      <c r="ED5" s="643" t="s">
        <v>52</v>
      </c>
      <c r="EE5" s="743" t="s">
        <v>61</v>
      </c>
      <c r="EF5" s="744"/>
      <c r="EG5" s="745"/>
      <c r="EH5" s="746" t="s">
        <v>62</v>
      </c>
      <c r="EI5" s="744"/>
      <c r="EJ5" s="744"/>
      <c r="EK5" s="744"/>
      <c r="EL5" s="744"/>
      <c r="EM5" s="744"/>
      <c r="EN5" s="747"/>
      <c r="EO5" s="643" t="s">
        <v>52</v>
      </c>
      <c r="EP5" s="743" t="s">
        <v>61</v>
      </c>
      <c r="EQ5" s="744"/>
      <c r="ER5" s="745"/>
      <c r="ES5" s="746" t="s">
        <v>62</v>
      </c>
      <c r="ET5" s="744"/>
      <c r="EU5" s="744"/>
      <c r="EV5" s="744"/>
      <c r="EW5" s="744"/>
      <c r="EX5" s="744"/>
      <c r="EY5" s="747"/>
      <c r="EZ5" s="643" t="s">
        <v>52</v>
      </c>
      <c r="FA5" s="743" t="s">
        <v>61</v>
      </c>
      <c r="FB5" s="744"/>
      <c r="FC5" s="745"/>
      <c r="FD5" s="746" t="s">
        <v>62</v>
      </c>
      <c r="FE5" s="744"/>
      <c r="FF5" s="744"/>
      <c r="FG5" s="744"/>
      <c r="FH5" s="744"/>
      <c r="FI5" s="744"/>
      <c r="FJ5" s="747"/>
      <c r="FK5" s="643" t="s">
        <v>52</v>
      </c>
      <c r="FL5" s="743" t="s">
        <v>61</v>
      </c>
      <c r="FM5" s="744"/>
      <c r="FN5" s="745"/>
      <c r="FO5" s="746" t="s">
        <v>62</v>
      </c>
      <c r="FP5" s="744"/>
      <c r="FQ5" s="744"/>
      <c r="FR5" s="744"/>
      <c r="FS5" s="744"/>
      <c r="FT5" s="744"/>
      <c r="FU5" s="747"/>
      <c r="FV5" s="643" t="s">
        <v>52</v>
      </c>
      <c r="FW5" s="743" t="s">
        <v>61</v>
      </c>
      <c r="FX5" s="744"/>
      <c r="FY5" s="745"/>
      <c r="FZ5" s="746" t="s">
        <v>62</v>
      </c>
      <c r="GA5" s="744"/>
      <c r="GB5" s="744"/>
      <c r="GC5" s="744"/>
      <c r="GD5" s="744"/>
      <c r="GE5" s="744"/>
      <c r="GF5" s="747"/>
      <c r="GG5" s="643" t="s">
        <v>52</v>
      </c>
      <c r="GH5" s="743" t="s">
        <v>61</v>
      </c>
      <c r="GI5" s="744"/>
      <c r="GJ5" s="745"/>
      <c r="GK5" s="746" t="s">
        <v>62</v>
      </c>
      <c r="GL5" s="744"/>
      <c r="GM5" s="744"/>
      <c r="GN5" s="744"/>
      <c r="GO5" s="744"/>
      <c r="GP5" s="744"/>
      <c r="GQ5" s="747"/>
      <c r="GR5" s="643" t="s">
        <v>52</v>
      </c>
      <c r="GS5" s="743" t="s">
        <v>61</v>
      </c>
      <c r="GT5" s="744"/>
      <c r="GU5" s="745"/>
      <c r="GV5" s="746" t="s">
        <v>62</v>
      </c>
      <c r="GW5" s="744"/>
      <c r="GX5" s="744"/>
      <c r="GY5" s="744"/>
      <c r="GZ5" s="744"/>
      <c r="HA5" s="744"/>
      <c r="HB5" s="747"/>
      <c r="HC5" s="643" t="s">
        <v>52</v>
      </c>
      <c r="HD5" s="743" t="s">
        <v>61</v>
      </c>
      <c r="HE5" s="744"/>
      <c r="HF5" s="745"/>
      <c r="HG5" s="746" t="s">
        <v>62</v>
      </c>
      <c r="HH5" s="744"/>
      <c r="HI5" s="744"/>
      <c r="HJ5" s="744"/>
      <c r="HK5" s="744"/>
      <c r="HL5" s="744"/>
      <c r="HM5" s="747"/>
      <c r="HN5" s="643" t="s">
        <v>52</v>
      </c>
      <c r="HO5" s="743" t="s">
        <v>61</v>
      </c>
      <c r="HP5" s="744"/>
      <c r="HQ5" s="745"/>
      <c r="HR5" s="746" t="s">
        <v>62</v>
      </c>
      <c r="HS5" s="744"/>
      <c r="HT5" s="744"/>
      <c r="HU5" s="744"/>
      <c r="HV5" s="744"/>
      <c r="HW5" s="744"/>
      <c r="HX5" s="747"/>
      <c r="HY5" s="643" t="s">
        <v>52</v>
      </c>
    </row>
    <row r="6" spans="2:233" ht="30" customHeight="1" thickBot="1" x14ac:dyDescent="0.25">
      <c r="B6" s="757"/>
      <c r="C6" s="343" t="s">
        <v>119</v>
      </c>
      <c r="D6" s="344" t="s">
        <v>44</v>
      </c>
      <c r="E6" s="351" t="s">
        <v>45</v>
      </c>
      <c r="F6" s="352" t="s">
        <v>83</v>
      </c>
      <c r="G6" s="344" t="s">
        <v>47</v>
      </c>
      <c r="H6" s="344" t="s">
        <v>48</v>
      </c>
      <c r="I6" s="344" t="s">
        <v>49</v>
      </c>
      <c r="J6" s="344" t="s">
        <v>50</v>
      </c>
      <c r="K6" s="344" t="s">
        <v>51</v>
      </c>
      <c r="L6" s="353" t="s">
        <v>45</v>
      </c>
      <c r="M6" s="742"/>
      <c r="N6" s="343" t="s">
        <v>119</v>
      </c>
      <c r="O6" s="344" t="s">
        <v>44</v>
      </c>
      <c r="P6" s="351" t="s">
        <v>45</v>
      </c>
      <c r="Q6" s="352" t="s">
        <v>83</v>
      </c>
      <c r="R6" s="344" t="s">
        <v>47</v>
      </c>
      <c r="S6" s="344" t="s">
        <v>48</v>
      </c>
      <c r="T6" s="344" t="s">
        <v>49</v>
      </c>
      <c r="U6" s="344" t="s">
        <v>50</v>
      </c>
      <c r="V6" s="344" t="s">
        <v>51</v>
      </c>
      <c r="W6" s="353" t="s">
        <v>45</v>
      </c>
      <c r="X6" s="742"/>
      <c r="Y6" s="343" t="s">
        <v>119</v>
      </c>
      <c r="Z6" s="344" t="s">
        <v>44</v>
      </c>
      <c r="AA6" s="351" t="s">
        <v>45</v>
      </c>
      <c r="AB6" s="352" t="s">
        <v>83</v>
      </c>
      <c r="AC6" s="344" t="s">
        <v>47</v>
      </c>
      <c r="AD6" s="344" t="s">
        <v>48</v>
      </c>
      <c r="AE6" s="344" t="s">
        <v>49</v>
      </c>
      <c r="AF6" s="344" t="s">
        <v>50</v>
      </c>
      <c r="AG6" s="344" t="s">
        <v>51</v>
      </c>
      <c r="AH6" s="353" t="s">
        <v>45</v>
      </c>
      <c r="AI6" s="742"/>
      <c r="AJ6" s="343" t="s">
        <v>119</v>
      </c>
      <c r="AK6" s="344" t="s">
        <v>44</v>
      </c>
      <c r="AL6" s="351" t="s">
        <v>45</v>
      </c>
      <c r="AM6" s="352" t="s">
        <v>83</v>
      </c>
      <c r="AN6" s="344" t="s">
        <v>47</v>
      </c>
      <c r="AO6" s="344" t="s">
        <v>48</v>
      </c>
      <c r="AP6" s="344" t="s">
        <v>49</v>
      </c>
      <c r="AQ6" s="344" t="s">
        <v>50</v>
      </c>
      <c r="AR6" s="344" t="s">
        <v>51</v>
      </c>
      <c r="AS6" s="353" t="s">
        <v>45</v>
      </c>
      <c r="AT6" s="742"/>
      <c r="AU6" s="343" t="s">
        <v>119</v>
      </c>
      <c r="AV6" s="344" t="s">
        <v>44</v>
      </c>
      <c r="AW6" s="351" t="s">
        <v>45</v>
      </c>
      <c r="AX6" s="352" t="s">
        <v>83</v>
      </c>
      <c r="AY6" s="344" t="s">
        <v>47</v>
      </c>
      <c r="AZ6" s="344" t="s">
        <v>48</v>
      </c>
      <c r="BA6" s="344" t="s">
        <v>49</v>
      </c>
      <c r="BB6" s="344" t="s">
        <v>50</v>
      </c>
      <c r="BC6" s="344" t="s">
        <v>51</v>
      </c>
      <c r="BD6" s="353" t="s">
        <v>45</v>
      </c>
      <c r="BE6" s="742"/>
      <c r="BF6" s="343" t="s">
        <v>119</v>
      </c>
      <c r="BG6" s="344" t="s">
        <v>44</v>
      </c>
      <c r="BH6" s="351" t="s">
        <v>45</v>
      </c>
      <c r="BI6" s="352" t="s">
        <v>83</v>
      </c>
      <c r="BJ6" s="344" t="s">
        <v>47</v>
      </c>
      <c r="BK6" s="344" t="s">
        <v>48</v>
      </c>
      <c r="BL6" s="344" t="s">
        <v>49</v>
      </c>
      <c r="BM6" s="344" t="s">
        <v>50</v>
      </c>
      <c r="BN6" s="344" t="s">
        <v>51</v>
      </c>
      <c r="BO6" s="353" t="s">
        <v>45</v>
      </c>
      <c r="BP6" s="742"/>
      <c r="BQ6" s="343" t="s">
        <v>119</v>
      </c>
      <c r="BR6" s="344" t="s">
        <v>44</v>
      </c>
      <c r="BS6" s="351" t="s">
        <v>45</v>
      </c>
      <c r="BT6" s="352" t="s">
        <v>83</v>
      </c>
      <c r="BU6" s="344" t="s">
        <v>47</v>
      </c>
      <c r="BV6" s="344" t="s">
        <v>48</v>
      </c>
      <c r="BW6" s="344" t="s">
        <v>49</v>
      </c>
      <c r="BX6" s="344" t="s">
        <v>50</v>
      </c>
      <c r="BY6" s="344" t="s">
        <v>51</v>
      </c>
      <c r="BZ6" s="353" t="s">
        <v>45</v>
      </c>
      <c r="CA6" s="742"/>
      <c r="CB6" s="343" t="s">
        <v>119</v>
      </c>
      <c r="CC6" s="344" t="s">
        <v>44</v>
      </c>
      <c r="CD6" s="351" t="s">
        <v>45</v>
      </c>
      <c r="CE6" s="352" t="s">
        <v>83</v>
      </c>
      <c r="CF6" s="344" t="s">
        <v>47</v>
      </c>
      <c r="CG6" s="344" t="s">
        <v>48</v>
      </c>
      <c r="CH6" s="344" t="s">
        <v>49</v>
      </c>
      <c r="CI6" s="344" t="s">
        <v>50</v>
      </c>
      <c r="CJ6" s="344" t="s">
        <v>51</v>
      </c>
      <c r="CK6" s="353" t="s">
        <v>45</v>
      </c>
      <c r="CL6" s="742"/>
      <c r="CM6" s="343" t="s">
        <v>119</v>
      </c>
      <c r="CN6" s="344" t="s">
        <v>44</v>
      </c>
      <c r="CO6" s="351" t="s">
        <v>45</v>
      </c>
      <c r="CP6" s="352" t="s">
        <v>83</v>
      </c>
      <c r="CQ6" s="344" t="s">
        <v>47</v>
      </c>
      <c r="CR6" s="344" t="s">
        <v>48</v>
      </c>
      <c r="CS6" s="344" t="s">
        <v>49</v>
      </c>
      <c r="CT6" s="344" t="s">
        <v>50</v>
      </c>
      <c r="CU6" s="344" t="s">
        <v>51</v>
      </c>
      <c r="CV6" s="353" t="s">
        <v>45</v>
      </c>
      <c r="CW6" s="742"/>
      <c r="CX6" s="343" t="s">
        <v>119</v>
      </c>
      <c r="CY6" s="344" t="s">
        <v>44</v>
      </c>
      <c r="CZ6" s="351" t="s">
        <v>45</v>
      </c>
      <c r="DA6" s="352" t="s">
        <v>83</v>
      </c>
      <c r="DB6" s="344" t="s">
        <v>47</v>
      </c>
      <c r="DC6" s="344" t="s">
        <v>48</v>
      </c>
      <c r="DD6" s="344" t="s">
        <v>49</v>
      </c>
      <c r="DE6" s="344" t="s">
        <v>50</v>
      </c>
      <c r="DF6" s="344" t="s">
        <v>51</v>
      </c>
      <c r="DG6" s="353" t="s">
        <v>45</v>
      </c>
      <c r="DH6" s="742"/>
      <c r="DI6" s="343" t="s">
        <v>119</v>
      </c>
      <c r="DJ6" s="344" t="s">
        <v>44</v>
      </c>
      <c r="DK6" s="351" t="s">
        <v>45</v>
      </c>
      <c r="DL6" s="352" t="s">
        <v>83</v>
      </c>
      <c r="DM6" s="344" t="s">
        <v>47</v>
      </c>
      <c r="DN6" s="344" t="s">
        <v>48</v>
      </c>
      <c r="DO6" s="344" t="s">
        <v>49</v>
      </c>
      <c r="DP6" s="344" t="s">
        <v>50</v>
      </c>
      <c r="DQ6" s="344" t="s">
        <v>51</v>
      </c>
      <c r="DR6" s="353" t="s">
        <v>45</v>
      </c>
      <c r="DS6" s="754"/>
      <c r="DT6" s="343" t="s">
        <v>119</v>
      </c>
      <c r="DU6" s="344" t="s">
        <v>44</v>
      </c>
      <c r="DV6" s="351" t="s">
        <v>45</v>
      </c>
      <c r="DW6" s="352" t="s">
        <v>83</v>
      </c>
      <c r="DX6" s="344" t="s">
        <v>47</v>
      </c>
      <c r="DY6" s="344" t="s">
        <v>48</v>
      </c>
      <c r="DZ6" s="344" t="s">
        <v>49</v>
      </c>
      <c r="EA6" s="344" t="s">
        <v>50</v>
      </c>
      <c r="EB6" s="344" t="s">
        <v>51</v>
      </c>
      <c r="EC6" s="353" t="s">
        <v>45</v>
      </c>
      <c r="ED6" s="742"/>
      <c r="EE6" s="343" t="s">
        <v>119</v>
      </c>
      <c r="EF6" s="344" t="s">
        <v>44</v>
      </c>
      <c r="EG6" s="351" t="s">
        <v>45</v>
      </c>
      <c r="EH6" s="352" t="s">
        <v>83</v>
      </c>
      <c r="EI6" s="344" t="s">
        <v>47</v>
      </c>
      <c r="EJ6" s="344" t="s">
        <v>48</v>
      </c>
      <c r="EK6" s="344" t="s">
        <v>49</v>
      </c>
      <c r="EL6" s="344" t="s">
        <v>50</v>
      </c>
      <c r="EM6" s="344" t="s">
        <v>51</v>
      </c>
      <c r="EN6" s="353" t="s">
        <v>45</v>
      </c>
      <c r="EO6" s="742"/>
      <c r="EP6" s="343" t="s">
        <v>119</v>
      </c>
      <c r="EQ6" s="344" t="s">
        <v>44</v>
      </c>
      <c r="ER6" s="351" t="s">
        <v>45</v>
      </c>
      <c r="ES6" s="352" t="s">
        <v>83</v>
      </c>
      <c r="ET6" s="344" t="s">
        <v>47</v>
      </c>
      <c r="EU6" s="344" t="s">
        <v>48</v>
      </c>
      <c r="EV6" s="344" t="s">
        <v>49</v>
      </c>
      <c r="EW6" s="344" t="s">
        <v>50</v>
      </c>
      <c r="EX6" s="344" t="s">
        <v>51</v>
      </c>
      <c r="EY6" s="353" t="s">
        <v>45</v>
      </c>
      <c r="EZ6" s="742"/>
      <c r="FA6" s="343" t="s">
        <v>119</v>
      </c>
      <c r="FB6" s="344" t="s">
        <v>44</v>
      </c>
      <c r="FC6" s="351" t="s">
        <v>45</v>
      </c>
      <c r="FD6" s="352" t="s">
        <v>83</v>
      </c>
      <c r="FE6" s="344" t="s">
        <v>47</v>
      </c>
      <c r="FF6" s="344" t="s">
        <v>48</v>
      </c>
      <c r="FG6" s="344" t="s">
        <v>49</v>
      </c>
      <c r="FH6" s="344" t="s">
        <v>50</v>
      </c>
      <c r="FI6" s="344" t="s">
        <v>51</v>
      </c>
      <c r="FJ6" s="353" t="s">
        <v>45</v>
      </c>
      <c r="FK6" s="742"/>
      <c r="FL6" s="343" t="s">
        <v>119</v>
      </c>
      <c r="FM6" s="344" t="s">
        <v>44</v>
      </c>
      <c r="FN6" s="351" t="s">
        <v>45</v>
      </c>
      <c r="FO6" s="352" t="s">
        <v>83</v>
      </c>
      <c r="FP6" s="344" t="s">
        <v>47</v>
      </c>
      <c r="FQ6" s="344" t="s">
        <v>48</v>
      </c>
      <c r="FR6" s="344" t="s">
        <v>49</v>
      </c>
      <c r="FS6" s="344" t="s">
        <v>50</v>
      </c>
      <c r="FT6" s="344" t="s">
        <v>51</v>
      </c>
      <c r="FU6" s="353" t="s">
        <v>45</v>
      </c>
      <c r="FV6" s="742"/>
      <c r="FW6" s="343" t="s">
        <v>119</v>
      </c>
      <c r="FX6" s="344" t="s">
        <v>44</v>
      </c>
      <c r="FY6" s="351" t="s">
        <v>45</v>
      </c>
      <c r="FZ6" s="352" t="s">
        <v>83</v>
      </c>
      <c r="GA6" s="344" t="s">
        <v>47</v>
      </c>
      <c r="GB6" s="344" t="s">
        <v>48</v>
      </c>
      <c r="GC6" s="344" t="s">
        <v>49</v>
      </c>
      <c r="GD6" s="344" t="s">
        <v>50</v>
      </c>
      <c r="GE6" s="344" t="s">
        <v>51</v>
      </c>
      <c r="GF6" s="353" t="s">
        <v>45</v>
      </c>
      <c r="GG6" s="742"/>
      <c r="GH6" s="343" t="s">
        <v>119</v>
      </c>
      <c r="GI6" s="344" t="s">
        <v>44</v>
      </c>
      <c r="GJ6" s="351" t="s">
        <v>45</v>
      </c>
      <c r="GK6" s="352" t="s">
        <v>83</v>
      </c>
      <c r="GL6" s="344" t="s">
        <v>47</v>
      </c>
      <c r="GM6" s="344" t="s">
        <v>48</v>
      </c>
      <c r="GN6" s="344" t="s">
        <v>49</v>
      </c>
      <c r="GO6" s="344" t="s">
        <v>50</v>
      </c>
      <c r="GP6" s="344" t="s">
        <v>51</v>
      </c>
      <c r="GQ6" s="353" t="s">
        <v>45</v>
      </c>
      <c r="GR6" s="742"/>
      <c r="GS6" s="343" t="s">
        <v>119</v>
      </c>
      <c r="GT6" s="344" t="s">
        <v>44</v>
      </c>
      <c r="GU6" s="351" t="s">
        <v>45</v>
      </c>
      <c r="GV6" s="352" t="s">
        <v>83</v>
      </c>
      <c r="GW6" s="344" t="s">
        <v>47</v>
      </c>
      <c r="GX6" s="344" t="s">
        <v>48</v>
      </c>
      <c r="GY6" s="344" t="s">
        <v>49</v>
      </c>
      <c r="GZ6" s="344" t="s">
        <v>50</v>
      </c>
      <c r="HA6" s="344" t="s">
        <v>51</v>
      </c>
      <c r="HB6" s="353" t="s">
        <v>45</v>
      </c>
      <c r="HC6" s="742"/>
      <c r="HD6" s="343" t="s">
        <v>119</v>
      </c>
      <c r="HE6" s="344" t="s">
        <v>44</v>
      </c>
      <c r="HF6" s="351" t="s">
        <v>45</v>
      </c>
      <c r="HG6" s="352" t="s">
        <v>83</v>
      </c>
      <c r="HH6" s="344" t="s">
        <v>47</v>
      </c>
      <c r="HI6" s="344" t="s">
        <v>48</v>
      </c>
      <c r="HJ6" s="344" t="s">
        <v>49</v>
      </c>
      <c r="HK6" s="344" t="s">
        <v>50</v>
      </c>
      <c r="HL6" s="344" t="s">
        <v>51</v>
      </c>
      <c r="HM6" s="353" t="s">
        <v>45</v>
      </c>
      <c r="HN6" s="742"/>
      <c r="HO6" s="343" t="s">
        <v>119</v>
      </c>
      <c r="HP6" s="344" t="s">
        <v>44</v>
      </c>
      <c r="HQ6" s="351" t="s">
        <v>45</v>
      </c>
      <c r="HR6" s="352" t="s">
        <v>83</v>
      </c>
      <c r="HS6" s="344" t="s">
        <v>47</v>
      </c>
      <c r="HT6" s="344" t="s">
        <v>48</v>
      </c>
      <c r="HU6" s="344" t="s">
        <v>49</v>
      </c>
      <c r="HV6" s="344" t="s">
        <v>50</v>
      </c>
      <c r="HW6" s="344" t="s">
        <v>51</v>
      </c>
      <c r="HX6" s="353" t="s">
        <v>45</v>
      </c>
      <c r="HY6" s="742"/>
    </row>
    <row r="7" spans="2:233" s="456" customFormat="1" ht="21" customHeight="1" x14ac:dyDescent="0.2">
      <c r="B7" s="466" t="s">
        <v>4</v>
      </c>
      <c r="C7" s="449">
        <v>20595</v>
      </c>
      <c r="D7" s="450">
        <v>74114</v>
      </c>
      <c r="E7" s="451">
        <v>94709</v>
      </c>
      <c r="F7" s="452">
        <v>0</v>
      </c>
      <c r="G7" s="450">
        <v>16398253</v>
      </c>
      <c r="H7" s="450">
        <v>39636623</v>
      </c>
      <c r="I7" s="450">
        <v>113207870</v>
      </c>
      <c r="J7" s="450">
        <v>155844235</v>
      </c>
      <c r="K7" s="450">
        <v>96218124</v>
      </c>
      <c r="L7" s="453">
        <v>421305105</v>
      </c>
      <c r="M7" s="454">
        <v>421399814</v>
      </c>
      <c r="N7" s="449">
        <v>0</v>
      </c>
      <c r="O7" s="450">
        <v>0</v>
      </c>
      <c r="P7" s="451">
        <v>0</v>
      </c>
      <c r="Q7" s="512">
        <v>0</v>
      </c>
      <c r="R7" s="450">
        <v>4557607</v>
      </c>
      <c r="S7" s="450">
        <v>14536960</v>
      </c>
      <c r="T7" s="450">
        <v>77649327</v>
      </c>
      <c r="U7" s="450">
        <v>114439253</v>
      </c>
      <c r="V7" s="450">
        <v>74022151</v>
      </c>
      <c r="W7" s="453">
        <v>285205298</v>
      </c>
      <c r="X7" s="454">
        <v>285205298</v>
      </c>
      <c r="Y7" s="449">
        <v>0</v>
      </c>
      <c r="Z7" s="450">
        <v>0</v>
      </c>
      <c r="AA7" s="451">
        <v>0</v>
      </c>
      <c r="AB7" s="512">
        <v>0</v>
      </c>
      <c r="AC7" s="450">
        <v>9779236</v>
      </c>
      <c r="AD7" s="450">
        <v>20606630</v>
      </c>
      <c r="AE7" s="450">
        <v>25918957</v>
      </c>
      <c r="AF7" s="450">
        <v>29896961</v>
      </c>
      <c r="AG7" s="450">
        <v>14021586</v>
      </c>
      <c r="AH7" s="453">
        <v>100223370</v>
      </c>
      <c r="AI7" s="454">
        <v>100223370</v>
      </c>
      <c r="AJ7" s="449">
        <v>0</v>
      </c>
      <c r="AK7" s="450">
        <v>0</v>
      </c>
      <c r="AL7" s="451">
        <v>0</v>
      </c>
      <c r="AM7" s="512">
        <v>0</v>
      </c>
      <c r="AN7" s="450">
        <v>34350</v>
      </c>
      <c r="AO7" s="450">
        <v>0</v>
      </c>
      <c r="AP7" s="450">
        <v>0</v>
      </c>
      <c r="AQ7" s="450">
        <v>685405</v>
      </c>
      <c r="AR7" s="450">
        <v>500975</v>
      </c>
      <c r="AS7" s="453">
        <v>1220730</v>
      </c>
      <c r="AT7" s="454">
        <v>1220730</v>
      </c>
      <c r="AU7" s="449">
        <v>0</v>
      </c>
      <c r="AV7" s="450">
        <v>0</v>
      </c>
      <c r="AW7" s="451">
        <v>0</v>
      </c>
      <c r="AX7" s="512">
        <v>0</v>
      </c>
      <c r="AY7" s="450">
        <v>314890</v>
      </c>
      <c r="AZ7" s="450">
        <v>191640</v>
      </c>
      <c r="BA7" s="450">
        <v>537875</v>
      </c>
      <c r="BB7" s="450">
        <v>2155695</v>
      </c>
      <c r="BC7" s="450">
        <v>2425370</v>
      </c>
      <c r="BD7" s="453">
        <v>5625470</v>
      </c>
      <c r="BE7" s="454">
        <v>5625470</v>
      </c>
      <c r="BF7" s="449">
        <v>0</v>
      </c>
      <c r="BG7" s="450">
        <v>0</v>
      </c>
      <c r="BH7" s="451">
        <v>0</v>
      </c>
      <c r="BI7" s="512">
        <v>0</v>
      </c>
      <c r="BJ7" s="450">
        <v>58050</v>
      </c>
      <c r="BK7" s="450">
        <v>263765</v>
      </c>
      <c r="BL7" s="450">
        <v>1534920</v>
      </c>
      <c r="BM7" s="450">
        <v>1710070</v>
      </c>
      <c r="BN7" s="450">
        <v>1494625</v>
      </c>
      <c r="BO7" s="453">
        <v>5061430</v>
      </c>
      <c r="BP7" s="454">
        <v>5061430</v>
      </c>
      <c r="BQ7" s="449">
        <v>20595</v>
      </c>
      <c r="BR7" s="450">
        <v>74114</v>
      </c>
      <c r="BS7" s="451">
        <v>94709</v>
      </c>
      <c r="BT7" s="452">
        <v>0</v>
      </c>
      <c r="BU7" s="450">
        <v>1588486</v>
      </c>
      <c r="BV7" s="450">
        <v>3785150</v>
      </c>
      <c r="BW7" s="450">
        <v>7151925</v>
      </c>
      <c r="BX7" s="450">
        <v>6610696</v>
      </c>
      <c r="BY7" s="450">
        <v>3473448</v>
      </c>
      <c r="BZ7" s="453">
        <v>22609705</v>
      </c>
      <c r="CA7" s="454">
        <v>22704414</v>
      </c>
      <c r="CB7" s="449">
        <v>0</v>
      </c>
      <c r="CC7" s="450">
        <v>0</v>
      </c>
      <c r="CD7" s="451">
        <v>0</v>
      </c>
      <c r="CE7" s="452">
        <v>0</v>
      </c>
      <c r="CF7" s="450">
        <v>65634</v>
      </c>
      <c r="CG7" s="450">
        <v>252478</v>
      </c>
      <c r="CH7" s="450">
        <v>414866</v>
      </c>
      <c r="CI7" s="450">
        <v>346155</v>
      </c>
      <c r="CJ7" s="450">
        <v>279969</v>
      </c>
      <c r="CK7" s="453">
        <v>1359102</v>
      </c>
      <c r="CL7" s="454">
        <v>1359102</v>
      </c>
      <c r="CM7" s="449">
        <v>0</v>
      </c>
      <c r="CN7" s="450">
        <v>0</v>
      </c>
      <c r="CO7" s="451">
        <v>0</v>
      </c>
      <c r="CP7" s="452">
        <v>0</v>
      </c>
      <c r="CQ7" s="450">
        <v>0</v>
      </c>
      <c r="CR7" s="450">
        <v>0</v>
      </c>
      <c r="CS7" s="450">
        <v>0</v>
      </c>
      <c r="CT7" s="450">
        <v>0</v>
      </c>
      <c r="CU7" s="450">
        <v>0</v>
      </c>
      <c r="CV7" s="453">
        <v>0</v>
      </c>
      <c r="CW7" s="454">
        <v>0</v>
      </c>
      <c r="CX7" s="449">
        <v>0</v>
      </c>
      <c r="CY7" s="450">
        <v>0</v>
      </c>
      <c r="CZ7" s="451">
        <v>0</v>
      </c>
      <c r="DA7" s="512">
        <v>0</v>
      </c>
      <c r="DB7" s="450">
        <v>0</v>
      </c>
      <c r="DC7" s="450">
        <v>0</v>
      </c>
      <c r="DD7" s="450">
        <v>0</v>
      </c>
      <c r="DE7" s="450">
        <v>0</v>
      </c>
      <c r="DF7" s="450">
        <v>0</v>
      </c>
      <c r="DG7" s="453">
        <v>0</v>
      </c>
      <c r="DH7" s="454">
        <v>0</v>
      </c>
      <c r="DI7" s="449">
        <v>30160</v>
      </c>
      <c r="DJ7" s="450">
        <v>153205</v>
      </c>
      <c r="DK7" s="451">
        <v>183365</v>
      </c>
      <c r="DL7" s="452">
        <v>0</v>
      </c>
      <c r="DM7" s="450">
        <v>10857408</v>
      </c>
      <c r="DN7" s="450">
        <v>31909456</v>
      </c>
      <c r="DO7" s="450">
        <v>124463613</v>
      </c>
      <c r="DP7" s="450">
        <v>165002521</v>
      </c>
      <c r="DQ7" s="450">
        <v>103061006</v>
      </c>
      <c r="DR7" s="453">
        <v>435294004</v>
      </c>
      <c r="DS7" s="455">
        <v>435477369</v>
      </c>
      <c r="DT7" s="449">
        <v>0</v>
      </c>
      <c r="DU7" s="450">
        <v>0</v>
      </c>
      <c r="DV7" s="451">
        <v>0</v>
      </c>
      <c r="DW7" s="512">
        <v>0</v>
      </c>
      <c r="DX7" s="450">
        <v>5707762</v>
      </c>
      <c r="DY7" s="450">
        <v>20159510</v>
      </c>
      <c r="DZ7" s="450">
        <v>103859058</v>
      </c>
      <c r="EA7" s="450">
        <v>143933048</v>
      </c>
      <c r="EB7" s="450">
        <v>91079224</v>
      </c>
      <c r="EC7" s="453">
        <v>364738602</v>
      </c>
      <c r="ED7" s="454">
        <v>364738602</v>
      </c>
      <c r="EE7" s="449">
        <v>0</v>
      </c>
      <c r="EF7" s="450">
        <v>0</v>
      </c>
      <c r="EG7" s="451">
        <v>0</v>
      </c>
      <c r="EH7" s="512">
        <v>0</v>
      </c>
      <c r="EI7" s="450">
        <v>2394033</v>
      </c>
      <c r="EJ7" s="450">
        <v>4872886</v>
      </c>
      <c r="EK7" s="450">
        <v>6132274</v>
      </c>
      <c r="EL7" s="450">
        <v>7039760</v>
      </c>
      <c r="EM7" s="450">
        <v>3368818</v>
      </c>
      <c r="EN7" s="453">
        <v>23807771</v>
      </c>
      <c r="EO7" s="454">
        <v>23807771</v>
      </c>
      <c r="EP7" s="449">
        <v>0</v>
      </c>
      <c r="EQ7" s="450">
        <v>0</v>
      </c>
      <c r="ER7" s="451">
        <v>0</v>
      </c>
      <c r="ES7" s="512">
        <v>0</v>
      </c>
      <c r="ET7" s="450">
        <v>11310</v>
      </c>
      <c r="EU7" s="450">
        <v>0</v>
      </c>
      <c r="EV7" s="450">
        <v>0</v>
      </c>
      <c r="EW7" s="450">
        <v>138932</v>
      </c>
      <c r="EX7" s="450">
        <v>105646</v>
      </c>
      <c r="EY7" s="453">
        <v>255888</v>
      </c>
      <c r="EZ7" s="454">
        <v>255888</v>
      </c>
      <c r="FA7" s="449">
        <v>0</v>
      </c>
      <c r="FB7" s="450">
        <v>0</v>
      </c>
      <c r="FC7" s="451">
        <v>0</v>
      </c>
      <c r="FD7" s="512">
        <v>0</v>
      </c>
      <c r="FE7" s="450">
        <v>24602</v>
      </c>
      <c r="FF7" s="450">
        <v>56264</v>
      </c>
      <c r="FG7" s="450">
        <v>64618</v>
      </c>
      <c r="FH7" s="450">
        <v>327368</v>
      </c>
      <c r="FI7" s="450">
        <v>404033</v>
      </c>
      <c r="FJ7" s="453">
        <v>876885</v>
      </c>
      <c r="FK7" s="454">
        <v>876885</v>
      </c>
      <c r="FL7" s="449">
        <v>0</v>
      </c>
      <c r="FM7" s="450">
        <v>0</v>
      </c>
      <c r="FN7" s="451">
        <v>0</v>
      </c>
      <c r="FO7" s="512">
        <v>0</v>
      </c>
      <c r="FP7" s="450">
        <v>77340</v>
      </c>
      <c r="FQ7" s="450">
        <v>351720</v>
      </c>
      <c r="FR7" s="450">
        <v>2551211</v>
      </c>
      <c r="FS7" s="450">
        <v>3020990</v>
      </c>
      <c r="FT7" s="450">
        <v>2633767</v>
      </c>
      <c r="FU7" s="453">
        <v>8635028</v>
      </c>
      <c r="FV7" s="454">
        <v>8635028</v>
      </c>
      <c r="FW7" s="449">
        <v>30160</v>
      </c>
      <c r="FX7" s="450">
        <v>153205</v>
      </c>
      <c r="FY7" s="451">
        <v>183365</v>
      </c>
      <c r="FZ7" s="452">
        <v>0</v>
      </c>
      <c r="GA7" s="450">
        <v>2580380</v>
      </c>
      <c r="GB7" s="450">
        <v>6324790</v>
      </c>
      <c r="GC7" s="450">
        <v>11579484</v>
      </c>
      <c r="GD7" s="450">
        <v>10332874</v>
      </c>
      <c r="GE7" s="450">
        <v>5308076</v>
      </c>
      <c r="GF7" s="453">
        <v>36125604</v>
      </c>
      <c r="GG7" s="454">
        <v>36308969</v>
      </c>
      <c r="GH7" s="449">
        <v>0</v>
      </c>
      <c r="GI7" s="450">
        <v>0</v>
      </c>
      <c r="GJ7" s="451">
        <v>0</v>
      </c>
      <c r="GK7" s="452">
        <v>0</v>
      </c>
      <c r="GL7" s="450">
        <v>61981</v>
      </c>
      <c r="GM7" s="450">
        <v>144286</v>
      </c>
      <c r="GN7" s="450">
        <v>276968</v>
      </c>
      <c r="GO7" s="450">
        <v>209549</v>
      </c>
      <c r="GP7" s="450">
        <v>161442</v>
      </c>
      <c r="GQ7" s="453">
        <v>854226</v>
      </c>
      <c r="GR7" s="454">
        <v>854226</v>
      </c>
      <c r="GS7" s="449">
        <v>0</v>
      </c>
      <c r="GT7" s="450">
        <v>0</v>
      </c>
      <c r="GU7" s="451">
        <v>0</v>
      </c>
      <c r="GV7" s="452">
        <v>0</v>
      </c>
      <c r="GW7" s="450">
        <v>0</v>
      </c>
      <c r="GX7" s="450">
        <v>0</v>
      </c>
      <c r="GY7" s="450">
        <v>0</v>
      </c>
      <c r="GZ7" s="450">
        <v>0</v>
      </c>
      <c r="HA7" s="450">
        <v>0</v>
      </c>
      <c r="HB7" s="453">
        <v>0</v>
      </c>
      <c r="HC7" s="454">
        <v>0</v>
      </c>
      <c r="HD7" s="449">
        <v>0</v>
      </c>
      <c r="HE7" s="450">
        <v>0</v>
      </c>
      <c r="HF7" s="451">
        <v>0</v>
      </c>
      <c r="HG7" s="512">
        <v>0</v>
      </c>
      <c r="HH7" s="450">
        <v>0</v>
      </c>
      <c r="HI7" s="450">
        <v>0</v>
      </c>
      <c r="HJ7" s="450">
        <v>0</v>
      </c>
      <c r="HK7" s="450">
        <v>0</v>
      </c>
      <c r="HL7" s="450">
        <v>0</v>
      </c>
      <c r="HM7" s="453">
        <v>0</v>
      </c>
      <c r="HN7" s="454">
        <v>0</v>
      </c>
      <c r="HO7" s="449">
        <v>50755</v>
      </c>
      <c r="HP7" s="450">
        <v>227319</v>
      </c>
      <c r="HQ7" s="451">
        <v>278074</v>
      </c>
      <c r="HR7" s="452">
        <v>0</v>
      </c>
      <c r="HS7" s="450">
        <v>27255661</v>
      </c>
      <c r="HT7" s="450">
        <v>71546079</v>
      </c>
      <c r="HU7" s="450">
        <v>237671483</v>
      </c>
      <c r="HV7" s="450">
        <v>320846756</v>
      </c>
      <c r="HW7" s="450">
        <v>199279130</v>
      </c>
      <c r="HX7" s="453">
        <v>856599109</v>
      </c>
      <c r="HY7" s="454">
        <v>856877183</v>
      </c>
    </row>
    <row r="8" spans="2:233" s="456" customFormat="1" ht="21" customHeight="1" x14ac:dyDescent="0.2">
      <c r="B8" s="467" t="s">
        <v>5</v>
      </c>
      <c r="C8" s="457">
        <v>4580</v>
      </c>
      <c r="D8" s="458">
        <v>32905</v>
      </c>
      <c r="E8" s="459">
        <v>37485</v>
      </c>
      <c r="F8" s="460">
        <v>0</v>
      </c>
      <c r="G8" s="458">
        <v>6353166</v>
      </c>
      <c r="H8" s="458">
        <v>20515809</v>
      </c>
      <c r="I8" s="458">
        <v>48515227</v>
      </c>
      <c r="J8" s="458">
        <v>65781922</v>
      </c>
      <c r="K8" s="458">
        <v>41175916</v>
      </c>
      <c r="L8" s="461">
        <v>182342040</v>
      </c>
      <c r="M8" s="462">
        <v>182379525</v>
      </c>
      <c r="N8" s="457">
        <v>0</v>
      </c>
      <c r="O8" s="458">
        <v>0</v>
      </c>
      <c r="P8" s="459">
        <v>0</v>
      </c>
      <c r="Q8" s="513">
        <v>0</v>
      </c>
      <c r="R8" s="458">
        <v>2360917</v>
      </c>
      <c r="S8" s="458">
        <v>9717810</v>
      </c>
      <c r="T8" s="458">
        <v>33734153</v>
      </c>
      <c r="U8" s="458">
        <v>49508836</v>
      </c>
      <c r="V8" s="458">
        <v>32052451</v>
      </c>
      <c r="W8" s="461">
        <v>127374167</v>
      </c>
      <c r="X8" s="462">
        <v>127374167</v>
      </c>
      <c r="Y8" s="457">
        <v>0</v>
      </c>
      <c r="Z8" s="458">
        <v>0</v>
      </c>
      <c r="AA8" s="459">
        <v>0</v>
      </c>
      <c r="AB8" s="513">
        <v>0</v>
      </c>
      <c r="AC8" s="458">
        <v>3486334</v>
      </c>
      <c r="AD8" s="458">
        <v>8977360</v>
      </c>
      <c r="AE8" s="458">
        <v>11402483</v>
      </c>
      <c r="AF8" s="458">
        <v>12898673</v>
      </c>
      <c r="AG8" s="458">
        <v>6659365</v>
      </c>
      <c r="AH8" s="461">
        <v>43424215</v>
      </c>
      <c r="AI8" s="462">
        <v>43424215</v>
      </c>
      <c r="AJ8" s="457">
        <v>0</v>
      </c>
      <c r="AK8" s="458">
        <v>0</v>
      </c>
      <c r="AL8" s="459">
        <v>0</v>
      </c>
      <c r="AM8" s="513">
        <v>0</v>
      </c>
      <c r="AN8" s="458">
        <v>0</v>
      </c>
      <c r="AO8" s="458">
        <v>0</v>
      </c>
      <c r="AP8" s="458">
        <v>0</v>
      </c>
      <c r="AQ8" s="458">
        <v>175210</v>
      </c>
      <c r="AR8" s="458">
        <v>132315</v>
      </c>
      <c r="AS8" s="461">
        <v>307525</v>
      </c>
      <c r="AT8" s="462">
        <v>307525</v>
      </c>
      <c r="AU8" s="457">
        <v>0</v>
      </c>
      <c r="AV8" s="458">
        <v>0</v>
      </c>
      <c r="AW8" s="459">
        <v>0</v>
      </c>
      <c r="AX8" s="513">
        <v>0</v>
      </c>
      <c r="AY8" s="458">
        <v>23850</v>
      </c>
      <c r="AZ8" s="458">
        <v>36900</v>
      </c>
      <c r="BA8" s="458">
        <v>65850</v>
      </c>
      <c r="BB8" s="458">
        <v>454645</v>
      </c>
      <c r="BC8" s="458">
        <v>508060</v>
      </c>
      <c r="BD8" s="461">
        <v>1089305</v>
      </c>
      <c r="BE8" s="462">
        <v>1089305</v>
      </c>
      <c r="BF8" s="457">
        <v>0</v>
      </c>
      <c r="BG8" s="458">
        <v>0</v>
      </c>
      <c r="BH8" s="459">
        <v>0</v>
      </c>
      <c r="BI8" s="513">
        <v>0</v>
      </c>
      <c r="BJ8" s="458">
        <v>34200</v>
      </c>
      <c r="BK8" s="458">
        <v>134850</v>
      </c>
      <c r="BL8" s="458">
        <v>291535</v>
      </c>
      <c r="BM8" s="458">
        <v>141750</v>
      </c>
      <c r="BN8" s="458">
        <v>200100</v>
      </c>
      <c r="BO8" s="461">
        <v>802435</v>
      </c>
      <c r="BP8" s="462">
        <v>802435</v>
      </c>
      <c r="BQ8" s="457">
        <v>4580</v>
      </c>
      <c r="BR8" s="458">
        <v>32905</v>
      </c>
      <c r="BS8" s="459">
        <v>37485</v>
      </c>
      <c r="BT8" s="460">
        <v>0</v>
      </c>
      <c r="BU8" s="458">
        <v>427693</v>
      </c>
      <c r="BV8" s="458">
        <v>1506881</v>
      </c>
      <c r="BW8" s="458">
        <v>2805878</v>
      </c>
      <c r="BX8" s="458">
        <v>2443661</v>
      </c>
      <c r="BY8" s="458">
        <v>1478694</v>
      </c>
      <c r="BZ8" s="461">
        <v>8662807</v>
      </c>
      <c r="CA8" s="462">
        <v>8700292</v>
      </c>
      <c r="CB8" s="457">
        <v>0</v>
      </c>
      <c r="CC8" s="458">
        <v>0</v>
      </c>
      <c r="CD8" s="459">
        <v>0</v>
      </c>
      <c r="CE8" s="460">
        <v>0</v>
      </c>
      <c r="CF8" s="458">
        <v>20172</v>
      </c>
      <c r="CG8" s="458">
        <v>142008</v>
      </c>
      <c r="CH8" s="458">
        <v>215328</v>
      </c>
      <c r="CI8" s="458">
        <v>159147</v>
      </c>
      <c r="CJ8" s="458">
        <v>144931</v>
      </c>
      <c r="CK8" s="461">
        <v>681586</v>
      </c>
      <c r="CL8" s="462">
        <v>681586</v>
      </c>
      <c r="CM8" s="457">
        <v>0</v>
      </c>
      <c r="CN8" s="458">
        <v>0</v>
      </c>
      <c r="CO8" s="459">
        <v>0</v>
      </c>
      <c r="CP8" s="460">
        <v>0</v>
      </c>
      <c r="CQ8" s="458">
        <v>0</v>
      </c>
      <c r="CR8" s="458">
        <v>0</v>
      </c>
      <c r="CS8" s="458">
        <v>0</v>
      </c>
      <c r="CT8" s="458">
        <v>0</v>
      </c>
      <c r="CU8" s="458">
        <v>0</v>
      </c>
      <c r="CV8" s="461">
        <v>0</v>
      </c>
      <c r="CW8" s="462">
        <v>0</v>
      </c>
      <c r="CX8" s="457">
        <v>0</v>
      </c>
      <c r="CY8" s="458">
        <v>0</v>
      </c>
      <c r="CZ8" s="459">
        <v>0</v>
      </c>
      <c r="DA8" s="513">
        <v>0</v>
      </c>
      <c r="DB8" s="458">
        <v>0</v>
      </c>
      <c r="DC8" s="458">
        <v>0</v>
      </c>
      <c r="DD8" s="458">
        <v>0</v>
      </c>
      <c r="DE8" s="458">
        <v>0</v>
      </c>
      <c r="DF8" s="458">
        <v>0</v>
      </c>
      <c r="DG8" s="461">
        <v>0</v>
      </c>
      <c r="DH8" s="462">
        <v>0</v>
      </c>
      <c r="DI8" s="457">
        <v>11977</v>
      </c>
      <c r="DJ8" s="458">
        <v>83699</v>
      </c>
      <c r="DK8" s="459">
        <v>95676</v>
      </c>
      <c r="DL8" s="460">
        <v>0</v>
      </c>
      <c r="DM8" s="458">
        <v>5469867</v>
      </c>
      <c r="DN8" s="458">
        <v>19590542</v>
      </c>
      <c r="DO8" s="458">
        <v>55661545</v>
      </c>
      <c r="DP8" s="458">
        <v>71527842</v>
      </c>
      <c r="DQ8" s="458">
        <v>45346119</v>
      </c>
      <c r="DR8" s="461">
        <v>197595915</v>
      </c>
      <c r="DS8" s="463">
        <v>197691591</v>
      </c>
      <c r="DT8" s="457">
        <v>0</v>
      </c>
      <c r="DU8" s="458">
        <v>0</v>
      </c>
      <c r="DV8" s="459">
        <v>0</v>
      </c>
      <c r="DW8" s="513">
        <v>0</v>
      </c>
      <c r="DX8" s="458">
        <v>3427168</v>
      </c>
      <c r="DY8" s="458">
        <v>13703365</v>
      </c>
      <c r="DZ8" s="458">
        <v>46678685</v>
      </c>
      <c r="EA8" s="458">
        <v>63166793</v>
      </c>
      <c r="EB8" s="458">
        <v>40169200</v>
      </c>
      <c r="EC8" s="461">
        <v>167145211</v>
      </c>
      <c r="ED8" s="462">
        <v>167145211</v>
      </c>
      <c r="EE8" s="457">
        <v>0</v>
      </c>
      <c r="EF8" s="458">
        <v>0</v>
      </c>
      <c r="EG8" s="459">
        <v>0</v>
      </c>
      <c r="EH8" s="513">
        <v>0</v>
      </c>
      <c r="EI8" s="458">
        <v>1204258</v>
      </c>
      <c r="EJ8" s="458">
        <v>3029424</v>
      </c>
      <c r="EK8" s="458">
        <v>3555760</v>
      </c>
      <c r="EL8" s="458">
        <v>4095065</v>
      </c>
      <c r="EM8" s="458">
        <v>2216673</v>
      </c>
      <c r="EN8" s="461">
        <v>14101180</v>
      </c>
      <c r="EO8" s="462">
        <v>14101180</v>
      </c>
      <c r="EP8" s="457">
        <v>0</v>
      </c>
      <c r="EQ8" s="458">
        <v>0</v>
      </c>
      <c r="ER8" s="459">
        <v>0</v>
      </c>
      <c r="ES8" s="513">
        <v>0</v>
      </c>
      <c r="ET8" s="458">
        <v>0</v>
      </c>
      <c r="EU8" s="458">
        <v>0</v>
      </c>
      <c r="EV8" s="458">
        <v>0</v>
      </c>
      <c r="EW8" s="458">
        <v>35505</v>
      </c>
      <c r="EX8" s="458">
        <v>12892</v>
      </c>
      <c r="EY8" s="461">
        <v>48397</v>
      </c>
      <c r="EZ8" s="462">
        <v>48397</v>
      </c>
      <c r="FA8" s="457">
        <v>0</v>
      </c>
      <c r="FB8" s="458">
        <v>0</v>
      </c>
      <c r="FC8" s="459">
        <v>0</v>
      </c>
      <c r="FD8" s="513">
        <v>0</v>
      </c>
      <c r="FE8" s="458">
        <v>210</v>
      </c>
      <c r="FF8" s="458">
        <v>22050</v>
      </c>
      <c r="FG8" s="458">
        <v>924</v>
      </c>
      <c r="FH8" s="458">
        <v>73600</v>
      </c>
      <c r="FI8" s="458">
        <v>143858</v>
      </c>
      <c r="FJ8" s="461">
        <v>240642</v>
      </c>
      <c r="FK8" s="462">
        <v>240642</v>
      </c>
      <c r="FL8" s="457">
        <v>0</v>
      </c>
      <c r="FM8" s="458">
        <v>0</v>
      </c>
      <c r="FN8" s="459">
        <v>0</v>
      </c>
      <c r="FO8" s="513">
        <v>0</v>
      </c>
      <c r="FP8" s="458">
        <v>56460</v>
      </c>
      <c r="FQ8" s="458">
        <v>133800</v>
      </c>
      <c r="FR8" s="458">
        <v>435794</v>
      </c>
      <c r="FS8" s="458">
        <v>315540</v>
      </c>
      <c r="FT8" s="458">
        <v>351120</v>
      </c>
      <c r="FU8" s="461">
        <v>1292714</v>
      </c>
      <c r="FV8" s="462">
        <v>1292714</v>
      </c>
      <c r="FW8" s="457">
        <v>11977</v>
      </c>
      <c r="FX8" s="458">
        <v>83699</v>
      </c>
      <c r="FY8" s="459">
        <v>95676</v>
      </c>
      <c r="FZ8" s="460">
        <v>0</v>
      </c>
      <c r="GA8" s="458">
        <v>751613</v>
      </c>
      <c r="GB8" s="458">
        <v>2598867</v>
      </c>
      <c r="GC8" s="458">
        <v>4823326</v>
      </c>
      <c r="GD8" s="458">
        <v>3749287</v>
      </c>
      <c r="GE8" s="458">
        <v>2362950</v>
      </c>
      <c r="GF8" s="461">
        <v>14286043</v>
      </c>
      <c r="GG8" s="462">
        <v>14381719</v>
      </c>
      <c r="GH8" s="457">
        <v>0</v>
      </c>
      <c r="GI8" s="458">
        <v>0</v>
      </c>
      <c r="GJ8" s="459">
        <v>0</v>
      </c>
      <c r="GK8" s="460">
        <v>0</v>
      </c>
      <c r="GL8" s="458">
        <v>30158</v>
      </c>
      <c r="GM8" s="458">
        <v>103036</v>
      </c>
      <c r="GN8" s="458">
        <v>167056</v>
      </c>
      <c r="GO8" s="458">
        <v>92052</v>
      </c>
      <c r="GP8" s="458">
        <v>89426</v>
      </c>
      <c r="GQ8" s="461">
        <v>481728</v>
      </c>
      <c r="GR8" s="462">
        <v>481728</v>
      </c>
      <c r="GS8" s="457">
        <v>0</v>
      </c>
      <c r="GT8" s="458">
        <v>0</v>
      </c>
      <c r="GU8" s="459">
        <v>0</v>
      </c>
      <c r="GV8" s="460">
        <v>0</v>
      </c>
      <c r="GW8" s="458">
        <v>0</v>
      </c>
      <c r="GX8" s="458">
        <v>0</v>
      </c>
      <c r="GY8" s="458">
        <v>0</v>
      </c>
      <c r="GZ8" s="458">
        <v>0</v>
      </c>
      <c r="HA8" s="458">
        <v>0</v>
      </c>
      <c r="HB8" s="461">
        <v>0</v>
      </c>
      <c r="HC8" s="462">
        <v>0</v>
      </c>
      <c r="HD8" s="457">
        <v>0</v>
      </c>
      <c r="HE8" s="458">
        <v>0</v>
      </c>
      <c r="HF8" s="459">
        <v>0</v>
      </c>
      <c r="HG8" s="513">
        <v>0</v>
      </c>
      <c r="HH8" s="458">
        <v>0</v>
      </c>
      <c r="HI8" s="458">
        <v>0</v>
      </c>
      <c r="HJ8" s="458">
        <v>0</v>
      </c>
      <c r="HK8" s="458">
        <v>0</v>
      </c>
      <c r="HL8" s="458">
        <v>0</v>
      </c>
      <c r="HM8" s="461">
        <v>0</v>
      </c>
      <c r="HN8" s="462">
        <v>0</v>
      </c>
      <c r="HO8" s="457">
        <v>16557</v>
      </c>
      <c r="HP8" s="458">
        <v>116604</v>
      </c>
      <c r="HQ8" s="459">
        <v>133161</v>
      </c>
      <c r="HR8" s="460">
        <v>0</v>
      </c>
      <c r="HS8" s="458">
        <v>11823033</v>
      </c>
      <c r="HT8" s="458">
        <v>40106351</v>
      </c>
      <c r="HU8" s="458">
        <v>104176772</v>
      </c>
      <c r="HV8" s="458">
        <v>137309764</v>
      </c>
      <c r="HW8" s="458">
        <v>86522035</v>
      </c>
      <c r="HX8" s="461">
        <v>379937955</v>
      </c>
      <c r="HY8" s="462">
        <v>380071116</v>
      </c>
    </row>
    <row r="9" spans="2:233" ht="21" customHeight="1" x14ac:dyDescent="0.2">
      <c r="B9" s="468" t="s">
        <v>6</v>
      </c>
      <c r="C9" s="273">
        <v>0</v>
      </c>
      <c r="D9" s="274">
        <v>5553</v>
      </c>
      <c r="E9" s="275">
        <v>5553</v>
      </c>
      <c r="F9" s="276">
        <v>0</v>
      </c>
      <c r="G9" s="274">
        <v>2690005</v>
      </c>
      <c r="H9" s="274">
        <v>4511728</v>
      </c>
      <c r="I9" s="274">
        <v>14622024</v>
      </c>
      <c r="J9" s="274">
        <v>21305060</v>
      </c>
      <c r="K9" s="274">
        <v>13177152</v>
      </c>
      <c r="L9" s="277">
        <v>56305969</v>
      </c>
      <c r="M9" s="278">
        <v>56311522</v>
      </c>
      <c r="N9" s="273">
        <v>0</v>
      </c>
      <c r="O9" s="274">
        <v>0</v>
      </c>
      <c r="P9" s="275">
        <v>0</v>
      </c>
      <c r="Q9" s="514">
        <v>0</v>
      </c>
      <c r="R9" s="274">
        <v>1156870</v>
      </c>
      <c r="S9" s="274">
        <v>1700580</v>
      </c>
      <c r="T9" s="274">
        <v>10167682</v>
      </c>
      <c r="U9" s="274">
        <v>15471513</v>
      </c>
      <c r="V9" s="274">
        <v>10109515</v>
      </c>
      <c r="W9" s="277">
        <v>38606160</v>
      </c>
      <c r="X9" s="278">
        <v>38606160</v>
      </c>
      <c r="Y9" s="273">
        <v>0</v>
      </c>
      <c r="Z9" s="274">
        <v>0</v>
      </c>
      <c r="AA9" s="275">
        <v>0</v>
      </c>
      <c r="AB9" s="514">
        <v>0</v>
      </c>
      <c r="AC9" s="274">
        <v>1171700</v>
      </c>
      <c r="AD9" s="274">
        <v>2270240</v>
      </c>
      <c r="AE9" s="274">
        <v>2936975</v>
      </c>
      <c r="AF9" s="274">
        <v>4259366</v>
      </c>
      <c r="AG9" s="274">
        <v>1768710</v>
      </c>
      <c r="AH9" s="277">
        <v>12406991</v>
      </c>
      <c r="AI9" s="278">
        <v>12406991</v>
      </c>
      <c r="AJ9" s="273">
        <v>0</v>
      </c>
      <c r="AK9" s="274">
        <v>0</v>
      </c>
      <c r="AL9" s="275">
        <v>0</v>
      </c>
      <c r="AM9" s="514">
        <v>0</v>
      </c>
      <c r="AN9" s="274">
        <v>34350</v>
      </c>
      <c r="AO9" s="274">
        <v>0</v>
      </c>
      <c r="AP9" s="274">
        <v>0</v>
      </c>
      <c r="AQ9" s="274">
        <v>281185</v>
      </c>
      <c r="AR9" s="274">
        <v>200080</v>
      </c>
      <c r="AS9" s="277">
        <v>515615</v>
      </c>
      <c r="AT9" s="278">
        <v>515615</v>
      </c>
      <c r="AU9" s="273">
        <v>0</v>
      </c>
      <c r="AV9" s="274">
        <v>0</v>
      </c>
      <c r="AW9" s="275">
        <v>0</v>
      </c>
      <c r="AX9" s="514">
        <v>0</v>
      </c>
      <c r="AY9" s="274">
        <v>0</v>
      </c>
      <c r="AZ9" s="274">
        <v>0</v>
      </c>
      <c r="BA9" s="274">
        <v>26400</v>
      </c>
      <c r="BB9" s="274">
        <v>136670</v>
      </c>
      <c r="BC9" s="274">
        <v>243430</v>
      </c>
      <c r="BD9" s="277">
        <v>406500</v>
      </c>
      <c r="BE9" s="278">
        <v>406500</v>
      </c>
      <c r="BF9" s="273">
        <v>0</v>
      </c>
      <c r="BG9" s="274">
        <v>0</v>
      </c>
      <c r="BH9" s="275">
        <v>0</v>
      </c>
      <c r="BI9" s="514">
        <v>0</v>
      </c>
      <c r="BJ9" s="274">
        <v>23850</v>
      </c>
      <c r="BK9" s="274">
        <v>71100</v>
      </c>
      <c r="BL9" s="274">
        <v>452850</v>
      </c>
      <c r="BM9" s="274">
        <v>390130</v>
      </c>
      <c r="BN9" s="274">
        <v>413495</v>
      </c>
      <c r="BO9" s="277">
        <v>1351425</v>
      </c>
      <c r="BP9" s="278">
        <v>1351425</v>
      </c>
      <c r="BQ9" s="273">
        <v>0</v>
      </c>
      <c r="BR9" s="274">
        <v>5553</v>
      </c>
      <c r="BS9" s="275">
        <v>5553</v>
      </c>
      <c r="BT9" s="276">
        <v>0</v>
      </c>
      <c r="BU9" s="274">
        <v>297375</v>
      </c>
      <c r="BV9" s="274">
        <v>450706</v>
      </c>
      <c r="BW9" s="274">
        <v>942962</v>
      </c>
      <c r="BX9" s="274">
        <v>695330</v>
      </c>
      <c r="BY9" s="274">
        <v>405388</v>
      </c>
      <c r="BZ9" s="277">
        <v>2791761</v>
      </c>
      <c r="CA9" s="278">
        <v>2797314</v>
      </c>
      <c r="CB9" s="273">
        <v>0</v>
      </c>
      <c r="CC9" s="274">
        <v>0</v>
      </c>
      <c r="CD9" s="275">
        <v>0</v>
      </c>
      <c r="CE9" s="276">
        <v>0</v>
      </c>
      <c r="CF9" s="274">
        <v>5860</v>
      </c>
      <c r="CG9" s="274">
        <v>19102</v>
      </c>
      <c r="CH9" s="274">
        <v>95155</v>
      </c>
      <c r="CI9" s="274">
        <v>70866</v>
      </c>
      <c r="CJ9" s="274">
        <v>36534</v>
      </c>
      <c r="CK9" s="277">
        <v>227517</v>
      </c>
      <c r="CL9" s="278">
        <v>227517</v>
      </c>
      <c r="CM9" s="273">
        <v>0</v>
      </c>
      <c r="CN9" s="274">
        <v>0</v>
      </c>
      <c r="CO9" s="275">
        <v>0</v>
      </c>
      <c r="CP9" s="276">
        <v>0</v>
      </c>
      <c r="CQ9" s="274">
        <v>0</v>
      </c>
      <c r="CR9" s="274">
        <v>0</v>
      </c>
      <c r="CS9" s="274">
        <v>0</v>
      </c>
      <c r="CT9" s="274">
        <v>0</v>
      </c>
      <c r="CU9" s="274">
        <v>0</v>
      </c>
      <c r="CV9" s="277">
        <v>0</v>
      </c>
      <c r="CW9" s="278">
        <v>0</v>
      </c>
      <c r="CX9" s="273">
        <v>0</v>
      </c>
      <c r="CY9" s="274">
        <v>0</v>
      </c>
      <c r="CZ9" s="275">
        <v>0</v>
      </c>
      <c r="DA9" s="514">
        <v>0</v>
      </c>
      <c r="DB9" s="274">
        <v>0</v>
      </c>
      <c r="DC9" s="274">
        <v>0</v>
      </c>
      <c r="DD9" s="274">
        <v>0</v>
      </c>
      <c r="DE9" s="274">
        <v>0</v>
      </c>
      <c r="DF9" s="274">
        <v>0</v>
      </c>
      <c r="DG9" s="277">
        <v>0</v>
      </c>
      <c r="DH9" s="278">
        <v>0</v>
      </c>
      <c r="DI9" s="273">
        <v>0</v>
      </c>
      <c r="DJ9" s="274">
        <v>9698</v>
      </c>
      <c r="DK9" s="275">
        <v>9698</v>
      </c>
      <c r="DL9" s="276">
        <v>0</v>
      </c>
      <c r="DM9" s="274">
        <v>1677042</v>
      </c>
      <c r="DN9" s="274">
        <v>3089436</v>
      </c>
      <c r="DO9" s="274">
        <v>13814387</v>
      </c>
      <c r="DP9" s="274">
        <v>19277203</v>
      </c>
      <c r="DQ9" s="274">
        <v>12748194</v>
      </c>
      <c r="DR9" s="277">
        <v>50606262</v>
      </c>
      <c r="DS9" s="279">
        <v>50615960</v>
      </c>
      <c r="DT9" s="273">
        <v>0</v>
      </c>
      <c r="DU9" s="274">
        <v>0</v>
      </c>
      <c r="DV9" s="275">
        <v>0</v>
      </c>
      <c r="DW9" s="514">
        <v>0</v>
      </c>
      <c r="DX9" s="274">
        <v>1037676</v>
      </c>
      <c r="DY9" s="274">
        <v>1865398</v>
      </c>
      <c r="DZ9" s="274">
        <v>11160638</v>
      </c>
      <c r="EA9" s="274">
        <v>16380469</v>
      </c>
      <c r="EB9" s="274">
        <v>10900021</v>
      </c>
      <c r="EC9" s="277">
        <v>41344202</v>
      </c>
      <c r="ED9" s="278">
        <v>41344202</v>
      </c>
      <c r="EE9" s="273">
        <v>0</v>
      </c>
      <c r="EF9" s="274">
        <v>0</v>
      </c>
      <c r="EG9" s="275">
        <v>0</v>
      </c>
      <c r="EH9" s="514">
        <v>0</v>
      </c>
      <c r="EI9" s="274">
        <v>201042</v>
      </c>
      <c r="EJ9" s="274">
        <v>423656</v>
      </c>
      <c r="EK9" s="274">
        <v>664248</v>
      </c>
      <c r="EL9" s="274">
        <v>925904</v>
      </c>
      <c r="EM9" s="274">
        <v>416395</v>
      </c>
      <c r="EN9" s="277">
        <v>2631245</v>
      </c>
      <c r="EO9" s="278">
        <v>2631245</v>
      </c>
      <c r="EP9" s="273">
        <v>0</v>
      </c>
      <c r="EQ9" s="274">
        <v>0</v>
      </c>
      <c r="ER9" s="275">
        <v>0</v>
      </c>
      <c r="ES9" s="514">
        <v>0</v>
      </c>
      <c r="ET9" s="274">
        <v>11310</v>
      </c>
      <c r="EU9" s="274">
        <v>0</v>
      </c>
      <c r="EV9" s="274">
        <v>0</v>
      </c>
      <c r="EW9" s="274">
        <v>69707</v>
      </c>
      <c r="EX9" s="274">
        <v>59034</v>
      </c>
      <c r="EY9" s="277">
        <v>140051</v>
      </c>
      <c r="EZ9" s="278">
        <v>140051</v>
      </c>
      <c r="FA9" s="273">
        <v>0</v>
      </c>
      <c r="FB9" s="274">
        <v>0</v>
      </c>
      <c r="FC9" s="275">
        <v>0</v>
      </c>
      <c r="FD9" s="514">
        <v>0</v>
      </c>
      <c r="FE9" s="274">
        <v>0</v>
      </c>
      <c r="FF9" s="274">
        <v>0</v>
      </c>
      <c r="FG9" s="274">
        <v>420</v>
      </c>
      <c r="FH9" s="274">
        <v>14068</v>
      </c>
      <c r="FI9" s="274">
        <v>25350</v>
      </c>
      <c r="FJ9" s="277">
        <v>39838</v>
      </c>
      <c r="FK9" s="278">
        <v>39838</v>
      </c>
      <c r="FL9" s="273">
        <v>0</v>
      </c>
      <c r="FM9" s="274">
        <v>0</v>
      </c>
      <c r="FN9" s="275">
        <v>0</v>
      </c>
      <c r="FO9" s="514">
        <v>0</v>
      </c>
      <c r="FP9" s="274">
        <v>20880</v>
      </c>
      <c r="FQ9" s="274">
        <v>102990</v>
      </c>
      <c r="FR9" s="274">
        <v>750660</v>
      </c>
      <c r="FS9" s="274">
        <v>765972</v>
      </c>
      <c r="FT9" s="274">
        <v>704746</v>
      </c>
      <c r="FU9" s="277">
        <v>2345248</v>
      </c>
      <c r="FV9" s="278">
        <v>2345248</v>
      </c>
      <c r="FW9" s="273">
        <v>0</v>
      </c>
      <c r="FX9" s="274">
        <v>9698</v>
      </c>
      <c r="FY9" s="275">
        <v>9698</v>
      </c>
      <c r="FZ9" s="276">
        <v>0</v>
      </c>
      <c r="GA9" s="274">
        <v>396710</v>
      </c>
      <c r="GB9" s="274">
        <v>681795</v>
      </c>
      <c r="GC9" s="274">
        <v>1178361</v>
      </c>
      <c r="GD9" s="274">
        <v>1053729</v>
      </c>
      <c r="GE9" s="274">
        <v>601416</v>
      </c>
      <c r="GF9" s="277">
        <v>3912011</v>
      </c>
      <c r="GG9" s="278">
        <v>3921709</v>
      </c>
      <c r="GH9" s="273">
        <v>0</v>
      </c>
      <c r="GI9" s="274">
        <v>0</v>
      </c>
      <c r="GJ9" s="275">
        <v>0</v>
      </c>
      <c r="GK9" s="276">
        <v>0</v>
      </c>
      <c r="GL9" s="274">
        <v>9424</v>
      </c>
      <c r="GM9" s="274">
        <v>15597</v>
      </c>
      <c r="GN9" s="274">
        <v>60060</v>
      </c>
      <c r="GO9" s="274">
        <v>67354</v>
      </c>
      <c r="GP9" s="274">
        <v>41232</v>
      </c>
      <c r="GQ9" s="277">
        <v>193667</v>
      </c>
      <c r="GR9" s="278">
        <v>193667</v>
      </c>
      <c r="GS9" s="273">
        <v>0</v>
      </c>
      <c r="GT9" s="274">
        <v>0</v>
      </c>
      <c r="GU9" s="275">
        <v>0</v>
      </c>
      <c r="GV9" s="276">
        <v>0</v>
      </c>
      <c r="GW9" s="274">
        <v>0</v>
      </c>
      <c r="GX9" s="274">
        <v>0</v>
      </c>
      <c r="GY9" s="274">
        <v>0</v>
      </c>
      <c r="GZ9" s="274">
        <v>0</v>
      </c>
      <c r="HA9" s="274">
        <v>0</v>
      </c>
      <c r="HB9" s="277">
        <v>0</v>
      </c>
      <c r="HC9" s="278">
        <v>0</v>
      </c>
      <c r="HD9" s="273">
        <v>0</v>
      </c>
      <c r="HE9" s="274">
        <v>0</v>
      </c>
      <c r="HF9" s="275">
        <v>0</v>
      </c>
      <c r="HG9" s="514">
        <v>0</v>
      </c>
      <c r="HH9" s="274">
        <v>0</v>
      </c>
      <c r="HI9" s="274">
        <v>0</v>
      </c>
      <c r="HJ9" s="274">
        <v>0</v>
      </c>
      <c r="HK9" s="274">
        <v>0</v>
      </c>
      <c r="HL9" s="274">
        <v>0</v>
      </c>
      <c r="HM9" s="277">
        <v>0</v>
      </c>
      <c r="HN9" s="278">
        <v>0</v>
      </c>
      <c r="HO9" s="273">
        <v>0</v>
      </c>
      <c r="HP9" s="274">
        <v>15251</v>
      </c>
      <c r="HQ9" s="275">
        <v>15251</v>
      </c>
      <c r="HR9" s="276">
        <v>0</v>
      </c>
      <c r="HS9" s="274">
        <v>4367047</v>
      </c>
      <c r="HT9" s="274">
        <v>7601164</v>
      </c>
      <c r="HU9" s="274">
        <v>28436411</v>
      </c>
      <c r="HV9" s="274">
        <v>40582263</v>
      </c>
      <c r="HW9" s="274">
        <v>25925346</v>
      </c>
      <c r="HX9" s="277">
        <v>106912231</v>
      </c>
      <c r="HY9" s="278">
        <v>106927482</v>
      </c>
    </row>
    <row r="10" spans="2:233" ht="21" customHeight="1" x14ac:dyDescent="0.2">
      <c r="B10" s="468" t="s">
        <v>14</v>
      </c>
      <c r="C10" s="273">
        <v>0</v>
      </c>
      <c r="D10" s="274">
        <v>4866</v>
      </c>
      <c r="E10" s="275">
        <v>4866</v>
      </c>
      <c r="F10" s="276">
        <v>0</v>
      </c>
      <c r="G10" s="274">
        <v>650845</v>
      </c>
      <c r="H10" s="274">
        <v>1720454</v>
      </c>
      <c r="I10" s="274">
        <v>8021110</v>
      </c>
      <c r="J10" s="274">
        <v>12935365</v>
      </c>
      <c r="K10" s="274">
        <v>8019977</v>
      </c>
      <c r="L10" s="277">
        <v>31347751</v>
      </c>
      <c r="M10" s="278">
        <v>31352617</v>
      </c>
      <c r="N10" s="273">
        <v>0</v>
      </c>
      <c r="O10" s="274">
        <v>0</v>
      </c>
      <c r="P10" s="275">
        <v>0</v>
      </c>
      <c r="Q10" s="514">
        <v>0</v>
      </c>
      <c r="R10" s="274">
        <v>97950</v>
      </c>
      <c r="S10" s="274">
        <v>326250</v>
      </c>
      <c r="T10" s="274">
        <v>5483866</v>
      </c>
      <c r="U10" s="274">
        <v>9108840</v>
      </c>
      <c r="V10" s="274">
        <v>6156700</v>
      </c>
      <c r="W10" s="277">
        <v>21173606</v>
      </c>
      <c r="X10" s="278">
        <v>21173606</v>
      </c>
      <c r="Y10" s="273">
        <v>0</v>
      </c>
      <c r="Z10" s="274">
        <v>0</v>
      </c>
      <c r="AA10" s="275">
        <v>0</v>
      </c>
      <c r="AB10" s="514">
        <v>0</v>
      </c>
      <c r="AC10" s="274">
        <v>481230</v>
      </c>
      <c r="AD10" s="274">
        <v>1138291</v>
      </c>
      <c r="AE10" s="274">
        <v>1878950</v>
      </c>
      <c r="AF10" s="274">
        <v>1937165</v>
      </c>
      <c r="AG10" s="274">
        <v>962851</v>
      </c>
      <c r="AH10" s="277">
        <v>6398487</v>
      </c>
      <c r="AI10" s="278">
        <v>6398487</v>
      </c>
      <c r="AJ10" s="273">
        <v>0</v>
      </c>
      <c r="AK10" s="274">
        <v>0</v>
      </c>
      <c r="AL10" s="275">
        <v>0</v>
      </c>
      <c r="AM10" s="514">
        <v>0</v>
      </c>
      <c r="AN10" s="274">
        <v>0</v>
      </c>
      <c r="AO10" s="274">
        <v>0</v>
      </c>
      <c r="AP10" s="274">
        <v>0</v>
      </c>
      <c r="AQ10" s="274">
        <v>194810</v>
      </c>
      <c r="AR10" s="274">
        <v>68550</v>
      </c>
      <c r="AS10" s="277">
        <v>263360</v>
      </c>
      <c r="AT10" s="278">
        <v>263360</v>
      </c>
      <c r="AU10" s="273">
        <v>0</v>
      </c>
      <c r="AV10" s="274">
        <v>0</v>
      </c>
      <c r="AW10" s="275">
        <v>0</v>
      </c>
      <c r="AX10" s="514">
        <v>0</v>
      </c>
      <c r="AY10" s="274">
        <v>0</v>
      </c>
      <c r="AZ10" s="274">
        <v>0</v>
      </c>
      <c r="BA10" s="274">
        <v>2550</v>
      </c>
      <c r="BB10" s="274">
        <v>872485</v>
      </c>
      <c r="BC10" s="274">
        <v>392890</v>
      </c>
      <c r="BD10" s="277">
        <v>1267925</v>
      </c>
      <c r="BE10" s="278">
        <v>1267925</v>
      </c>
      <c r="BF10" s="273">
        <v>0</v>
      </c>
      <c r="BG10" s="274">
        <v>0</v>
      </c>
      <c r="BH10" s="275">
        <v>0</v>
      </c>
      <c r="BI10" s="514">
        <v>0</v>
      </c>
      <c r="BJ10" s="274">
        <v>0</v>
      </c>
      <c r="BK10" s="274">
        <v>0</v>
      </c>
      <c r="BL10" s="274">
        <v>31500</v>
      </c>
      <c r="BM10" s="274">
        <v>100260</v>
      </c>
      <c r="BN10" s="274">
        <v>92250</v>
      </c>
      <c r="BO10" s="277">
        <v>224010</v>
      </c>
      <c r="BP10" s="278">
        <v>224010</v>
      </c>
      <c r="BQ10" s="273">
        <v>0</v>
      </c>
      <c r="BR10" s="274">
        <v>4866</v>
      </c>
      <c r="BS10" s="275">
        <v>4866</v>
      </c>
      <c r="BT10" s="276">
        <v>0</v>
      </c>
      <c r="BU10" s="274">
        <v>71665</v>
      </c>
      <c r="BV10" s="274">
        <v>255913</v>
      </c>
      <c r="BW10" s="274">
        <v>622214</v>
      </c>
      <c r="BX10" s="274">
        <v>707400</v>
      </c>
      <c r="BY10" s="274">
        <v>345548</v>
      </c>
      <c r="BZ10" s="277">
        <v>2002740</v>
      </c>
      <c r="CA10" s="278">
        <v>2007606</v>
      </c>
      <c r="CB10" s="273">
        <v>0</v>
      </c>
      <c r="CC10" s="274">
        <v>0</v>
      </c>
      <c r="CD10" s="275">
        <v>0</v>
      </c>
      <c r="CE10" s="276">
        <v>0</v>
      </c>
      <c r="CF10" s="274">
        <v>0</v>
      </c>
      <c r="CG10" s="274">
        <v>0</v>
      </c>
      <c r="CH10" s="274">
        <v>2030</v>
      </c>
      <c r="CI10" s="274">
        <v>14405</v>
      </c>
      <c r="CJ10" s="274">
        <v>1188</v>
      </c>
      <c r="CK10" s="277">
        <v>17623</v>
      </c>
      <c r="CL10" s="278">
        <v>17623</v>
      </c>
      <c r="CM10" s="273">
        <v>0</v>
      </c>
      <c r="CN10" s="274">
        <v>0</v>
      </c>
      <c r="CO10" s="275">
        <v>0</v>
      </c>
      <c r="CP10" s="276">
        <v>0</v>
      </c>
      <c r="CQ10" s="274">
        <v>0</v>
      </c>
      <c r="CR10" s="274">
        <v>0</v>
      </c>
      <c r="CS10" s="274">
        <v>0</v>
      </c>
      <c r="CT10" s="274">
        <v>0</v>
      </c>
      <c r="CU10" s="274">
        <v>0</v>
      </c>
      <c r="CV10" s="277">
        <v>0</v>
      </c>
      <c r="CW10" s="278">
        <v>0</v>
      </c>
      <c r="CX10" s="273">
        <v>0</v>
      </c>
      <c r="CY10" s="274">
        <v>0</v>
      </c>
      <c r="CZ10" s="275">
        <v>0</v>
      </c>
      <c r="DA10" s="514">
        <v>0</v>
      </c>
      <c r="DB10" s="274">
        <v>0</v>
      </c>
      <c r="DC10" s="274">
        <v>0</v>
      </c>
      <c r="DD10" s="274">
        <v>0</v>
      </c>
      <c r="DE10" s="274">
        <v>0</v>
      </c>
      <c r="DF10" s="274">
        <v>0</v>
      </c>
      <c r="DG10" s="277">
        <v>0</v>
      </c>
      <c r="DH10" s="278">
        <v>0</v>
      </c>
      <c r="DI10" s="273">
        <v>0</v>
      </c>
      <c r="DJ10" s="274">
        <v>7572</v>
      </c>
      <c r="DK10" s="275">
        <v>7572</v>
      </c>
      <c r="DL10" s="276">
        <v>0</v>
      </c>
      <c r="DM10" s="274">
        <v>349687</v>
      </c>
      <c r="DN10" s="274">
        <v>1197955</v>
      </c>
      <c r="DO10" s="274">
        <v>9595029</v>
      </c>
      <c r="DP10" s="274">
        <v>13834884</v>
      </c>
      <c r="DQ10" s="274">
        <v>8178609</v>
      </c>
      <c r="DR10" s="277">
        <v>33156164</v>
      </c>
      <c r="DS10" s="279">
        <v>33163736</v>
      </c>
      <c r="DT10" s="273">
        <v>0</v>
      </c>
      <c r="DU10" s="274">
        <v>0</v>
      </c>
      <c r="DV10" s="275">
        <v>0</v>
      </c>
      <c r="DW10" s="514">
        <v>0</v>
      </c>
      <c r="DX10" s="274">
        <v>91740</v>
      </c>
      <c r="DY10" s="274">
        <v>556656</v>
      </c>
      <c r="DZ10" s="274">
        <v>8187541</v>
      </c>
      <c r="EA10" s="274">
        <v>11930609</v>
      </c>
      <c r="EB10" s="274">
        <v>7275659</v>
      </c>
      <c r="EC10" s="277">
        <v>28042205</v>
      </c>
      <c r="ED10" s="278">
        <v>28042205</v>
      </c>
      <c r="EE10" s="273">
        <v>0</v>
      </c>
      <c r="EF10" s="274">
        <v>0</v>
      </c>
      <c r="EG10" s="275">
        <v>0</v>
      </c>
      <c r="EH10" s="514">
        <v>0</v>
      </c>
      <c r="EI10" s="274">
        <v>95071</v>
      </c>
      <c r="EJ10" s="274">
        <v>217406</v>
      </c>
      <c r="EK10" s="274">
        <v>267391</v>
      </c>
      <c r="EL10" s="274">
        <v>366356</v>
      </c>
      <c r="EM10" s="274">
        <v>128323</v>
      </c>
      <c r="EN10" s="277">
        <v>1074547</v>
      </c>
      <c r="EO10" s="278">
        <v>1074547</v>
      </c>
      <c r="EP10" s="273">
        <v>0</v>
      </c>
      <c r="EQ10" s="274">
        <v>0</v>
      </c>
      <c r="ER10" s="275">
        <v>0</v>
      </c>
      <c r="ES10" s="514">
        <v>0</v>
      </c>
      <c r="ET10" s="274">
        <v>0</v>
      </c>
      <c r="EU10" s="274">
        <v>0</v>
      </c>
      <c r="EV10" s="274">
        <v>0</v>
      </c>
      <c r="EW10" s="274">
        <v>33720</v>
      </c>
      <c r="EX10" s="274">
        <v>11100</v>
      </c>
      <c r="EY10" s="277">
        <v>44820</v>
      </c>
      <c r="EZ10" s="278">
        <v>44820</v>
      </c>
      <c r="FA10" s="273">
        <v>0</v>
      </c>
      <c r="FB10" s="274">
        <v>0</v>
      </c>
      <c r="FC10" s="275">
        <v>0</v>
      </c>
      <c r="FD10" s="514">
        <v>0</v>
      </c>
      <c r="FE10" s="274">
        <v>0</v>
      </c>
      <c r="FF10" s="274">
        <v>0</v>
      </c>
      <c r="FG10" s="274">
        <v>210</v>
      </c>
      <c r="FH10" s="274">
        <v>153418</v>
      </c>
      <c r="FI10" s="274">
        <v>73365</v>
      </c>
      <c r="FJ10" s="277">
        <v>226993</v>
      </c>
      <c r="FK10" s="278">
        <v>226993</v>
      </c>
      <c r="FL10" s="273">
        <v>0</v>
      </c>
      <c r="FM10" s="274">
        <v>0</v>
      </c>
      <c r="FN10" s="275">
        <v>0</v>
      </c>
      <c r="FO10" s="514">
        <v>0</v>
      </c>
      <c r="FP10" s="274">
        <v>0</v>
      </c>
      <c r="FQ10" s="274">
        <v>0</v>
      </c>
      <c r="FR10" s="274">
        <v>83520</v>
      </c>
      <c r="FS10" s="274">
        <v>215562</v>
      </c>
      <c r="FT10" s="274">
        <v>133800</v>
      </c>
      <c r="FU10" s="277">
        <v>432882</v>
      </c>
      <c r="FV10" s="278">
        <v>432882</v>
      </c>
      <c r="FW10" s="273">
        <v>0</v>
      </c>
      <c r="FX10" s="274">
        <v>7572</v>
      </c>
      <c r="FY10" s="275">
        <v>7572</v>
      </c>
      <c r="FZ10" s="276">
        <v>0</v>
      </c>
      <c r="GA10" s="274">
        <v>162876</v>
      </c>
      <c r="GB10" s="274">
        <v>423893</v>
      </c>
      <c r="GC10" s="274">
        <v>1051355</v>
      </c>
      <c r="GD10" s="274">
        <v>1126360</v>
      </c>
      <c r="GE10" s="274">
        <v>556292</v>
      </c>
      <c r="GF10" s="277">
        <v>3320776</v>
      </c>
      <c r="GG10" s="278">
        <v>3328348</v>
      </c>
      <c r="GH10" s="273">
        <v>0</v>
      </c>
      <c r="GI10" s="274">
        <v>0</v>
      </c>
      <c r="GJ10" s="275">
        <v>0</v>
      </c>
      <c r="GK10" s="276">
        <v>0</v>
      </c>
      <c r="GL10" s="274">
        <v>0</v>
      </c>
      <c r="GM10" s="274">
        <v>0</v>
      </c>
      <c r="GN10" s="274">
        <v>5012</v>
      </c>
      <c r="GO10" s="274">
        <v>8859</v>
      </c>
      <c r="GP10" s="274">
        <v>70</v>
      </c>
      <c r="GQ10" s="277">
        <v>13941</v>
      </c>
      <c r="GR10" s="278">
        <v>13941</v>
      </c>
      <c r="GS10" s="273">
        <v>0</v>
      </c>
      <c r="GT10" s="274">
        <v>0</v>
      </c>
      <c r="GU10" s="275">
        <v>0</v>
      </c>
      <c r="GV10" s="276">
        <v>0</v>
      </c>
      <c r="GW10" s="274">
        <v>0</v>
      </c>
      <c r="GX10" s="274">
        <v>0</v>
      </c>
      <c r="GY10" s="274">
        <v>0</v>
      </c>
      <c r="GZ10" s="274">
        <v>0</v>
      </c>
      <c r="HA10" s="274">
        <v>0</v>
      </c>
      <c r="HB10" s="277">
        <v>0</v>
      </c>
      <c r="HC10" s="278">
        <v>0</v>
      </c>
      <c r="HD10" s="273">
        <v>0</v>
      </c>
      <c r="HE10" s="274">
        <v>0</v>
      </c>
      <c r="HF10" s="275">
        <v>0</v>
      </c>
      <c r="HG10" s="514">
        <v>0</v>
      </c>
      <c r="HH10" s="274">
        <v>0</v>
      </c>
      <c r="HI10" s="274">
        <v>0</v>
      </c>
      <c r="HJ10" s="274">
        <v>0</v>
      </c>
      <c r="HK10" s="274">
        <v>0</v>
      </c>
      <c r="HL10" s="274">
        <v>0</v>
      </c>
      <c r="HM10" s="277">
        <v>0</v>
      </c>
      <c r="HN10" s="278">
        <v>0</v>
      </c>
      <c r="HO10" s="273">
        <v>0</v>
      </c>
      <c r="HP10" s="274">
        <v>12438</v>
      </c>
      <c r="HQ10" s="275">
        <v>12438</v>
      </c>
      <c r="HR10" s="276">
        <v>0</v>
      </c>
      <c r="HS10" s="274">
        <v>1000532</v>
      </c>
      <c r="HT10" s="274">
        <v>2918409</v>
      </c>
      <c r="HU10" s="274">
        <v>17616139</v>
      </c>
      <c r="HV10" s="274">
        <v>26770249</v>
      </c>
      <c r="HW10" s="274">
        <v>16198586</v>
      </c>
      <c r="HX10" s="277">
        <v>64503915</v>
      </c>
      <c r="HY10" s="278">
        <v>64516353</v>
      </c>
    </row>
    <row r="11" spans="2:233" ht="21" customHeight="1" x14ac:dyDescent="0.2">
      <c r="B11" s="468" t="s">
        <v>7</v>
      </c>
      <c r="C11" s="273">
        <v>0</v>
      </c>
      <c r="D11" s="274">
        <v>145</v>
      </c>
      <c r="E11" s="275">
        <v>145</v>
      </c>
      <c r="F11" s="276">
        <v>0</v>
      </c>
      <c r="G11" s="274">
        <v>1656508</v>
      </c>
      <c r="H11" s="274">
        <v>2314645</v>
      </c>
      <c r="I11" s="274">
        <v>6846726</v>
      </c>
      <c r="J11" s="274">
        <v>8875375</v>
      </c>
      <c r="K11" s="274">
        <v>4390095</v>
      </c>
      <c r="L11" s="277">
        <v>24083349</v>
      </c>
      <c r="M11" s="278">
        <v>24083494</v>
      </c>
      <c r="N11" s="273">
        <v>0</v>
      </c>
      <c r="O11" s="274">
        <v>0</v>
      </c>
      <c r="P11" s="275">
        <v>0</v>
      </c>
      <c r="Q11" s="514">
        <v>0</v>
      </c>
      <c r="R11" s="274">
        <v>195450</v>
      </c>
      <c r="S11" s="274">
        <v>519190</v>
      </c>
      <c r="T11" s="274">
        <v>4981254</v>
      </c>
      <c r="U11" s="274">
        <v>6713495</v>
      </c>
      <c r="V11" s="274">
        <v>3547990</v>
      </c>
      <c r="W11" s="277">
        <v>15957379</v>
      </c>
      <c r="X11" s="278">
        <v>15957379</v>
      </c>
      <c r="Y11" s="273">
        <v>0</v>
      </c>
      <c r="Z11" s="274">
        <v>0</v>
      </c>
      <c r="AA11" s="275">
        <v>0</v>
      </c>
      <c r="AB11" s="514">
        <v>0</v>
      </c>
      <c r="AC11" s="274">
        <v>1238441</v>
      </c>
      <c r="AD11" s="274">
        <v>1447842</v>
      </c>
      <c r="AE11" s="274">
        <v>1428622</v>
      </c>
      <c r="AF11" s="274">
        <v>1764996</v>
      </c>
      <c r="AG11" s="274">
        <v>636135</v>
      </c>
      <c r="AH11" s="277">
        <v>6516036</v>
      </c>
      <c r="AI11" s="278">
        <v>6516036</v>
      </c>
      <c r="AJ11" s="273">
        <v>0</v>
      </c>
      <c r="AK11" s="274">
        <v>0</v>
      </c>
      <c r="AL11" s="275">
        <v>0</v>
      </c>
      <c r="AM11" s="514">
        <v>0</v>
      </c>
      <c r="AN11" s="274">
        <v>0</v>
      </c>
      <c r="AO11" s="274">
        <v>0</v>
      </c>
      <c r="AP11" s="274">
        <v>0</v>
      </c>
      <c r="AQ11" s="274">
        <v>0</v>
      </c>
      <c r="AR11" s="274">
        <v>2550</v>
      </c>
      <c r="AS11" s="277">
        <v>2550</v>
      </c>
      <c r="AT11" s="278">
        <v>2550</v>
      </c>
      <c r="AU11" s="273">
        <v>0</v>
      </c>
      <c r="AV11" s="274">
        <v>0</v>
      </c>
      <c r="AW11" s="275">
        <v>0</v>
      </c>
      <c r="AX11" s="514">
        <v>0</v>
      </c>
      <c r="AY11" s="274">
        <v>0</v>
      </c>
      <c r="AZ11" s="274">
        <v>0</v>
      </c>
      <c r="BA11" s="274">
        <v>0</v>
      </c>
      <c r="BB11" s="274">
        <v>34200</v>
      </c>
      <c r="BC11" s="274">
        <v>0</v>
      </c>
      <c r="BD11" s="277">
        <v>34200</v>
      </c>
      <c r="BE11" s="278">
        <v>34200</v>
      </c>
      <c r="BF11" s="273">
        <v>0</v>
      </c>
      <c r="BG11" s="274">
        <v>0</v>
      </c>
      <c r="BH11" s="275">
        <v>0</v>
      </c>
      <c r="BI11" s="514">
        <v>0</v>
      </c>
      <c r="BJ11" s="274">
        <v>0</v>
      </c>
      <c r="BK11" s="274">
        <v>0</v>
      </c>
      <c r="BL11" s="274">
        <v>0</v>
      </c>
      <c r="BM11" s="274">
        <v>0</v>
      </c>
      <c r="BN11" s="274">
        <v>0</v>
      </c>
      <c r="BO11" s="277">
        <v>0</v>
      </c>
      <c r="BP11" s="278">
        <v>0</v>
      </c>
      <c r="BQ11" s="273">
        <v>0</v>
      </c>
      <c r="BR11" s="274">
        <v>145</v>
      </c>
      <c r="BS11" s="275">
        <v>145</v>
      </c>
      <c r="BT11" s="276">
        <v>0</v>
      </c>
      <c r="BU11" s="274">
        <v>213072</v>
      </c>
      <c r="BV11" s="274">
        <v>300264</v>
      </c>
      <c r="BW11" s="274">
        <v>393364</v>
      </c>
      <c r="BX11" s="274">
        <v>361154</v>
      </c>
      <c r="BY11" s="274">
        <v>178915</v>
      </c>
      <c r="BZ11" s="277">
        <v>1446769</v>
      </c>
      <c r="CA11" s="278">
        <v>1446914</v>
      </c>
      <c r="CB11" s="273">
        <v>0</v>
      </c>
      <c r="CC11" s="274">
        <v>0</v>
      </c>
      <c r="CD11" s="275">
        <v>0</v>
      </c>
      <c r="CE11" s="276">
        <v>0</v>
      </c>
      <c r="CF11" s="274">
        <v>9545</v>
      </c>
      <c r="CG11" s="274">
        <v>47349</v>
      </c>
      <c r="CH11" s="274">
        <v>43486</v>
      </c>
      <c r="CI11" s="274">
        <v>1530</v>
      </c>
      <c r="CJ11" s="274">
        <v>24505</v>
      </c>
      <c r="CK11" s="277">
        <v>126415</v>
      </c>
      <c r="CL11" s="278">
        <v>126415</v>
      </c>
      <c r="CM11" s="273">
        <v>0</v>
      </c>
      <c r="CN11" s="274">
        <v>0</v>
      </c>
      <c r="CO11" s="275">
        <v>0</v>
      </c>
      <c r="CP11" s="276">
        <v>0</v>
      </c>
      <c r="CQ11" s="274">
        <v>0</v>
      </c>
      <c r="CR11" s="274">
        <v>0</v>
      </c>
      <c r="CS11" s="274">
        <v>0</v>
      </c>
      <c r="CT11" s="274">
        <v>0</v>
      </c>
      <c r="CU11" s="274">
        <v>0</v>
      </c>
      <c r="CV11" s="277">
        <v>0</v>
      </c>
      <c r="CW11" s="278">
        <v>0</v>
      </c>
      <c r="CX11" s="273">
        <v>0</v>
      </c>
      <c r="CY11" s="274">
        <v>0</v>
      </c>
      <c r="CZ11" s="275">
        <v>0</v>
      </c>
      <c r="DA11" s="514">
        <v>0</v>
      </c>
      <c r="DB11" s="274">
        <v>0</v>
      </c>
      <c r="DC11" s="274">
        <v>0</v>
      </c>
      <c r="DD11" s="274">
        <v>0</v>
      </c>
      <c r="DE11" s="274">
        <v>0</v>
      </c>
      <c r="DF11" s="274">
        <v>0</v>
      </c>
      <c r="DG11" s="277">
        <v>0</v>
      </c>
      <c r="DH11" s="278">
        <v>0</v>
      </c>
      <c r="DI11" s="273">
        <v>0</v>
      </c>
      <c r="DJ11" s="274">
        <v>1053</v>
      </c>
      <c r="DK11" s="275">
        <v>1053</v>
      </c>
      <c r="DL11" s="276">
        <v>0</v>
      </c>
      <c r="DM11" s="274">
        <v>663530</v>
      </c>
      <c r="DN11" s="274">
        <v>1266185</v>
      </c>
      <c r="DO11" s="274">
        <v>6867487</v>
      </c>
      <c r="DP11" s="274">
        <v>8801848</v>
      </c>
      <c r="DQ11" s="274">
        <v>4476514</v>
      </c>
      <c r="DR11" s="277">
        <v>22075564</v>
      </c>
      <c r="DS11" s="279">
        <v>22076617</v>
      </c>
      <c r="DT11" s="273">
        <v>0</v>
      </c>
      <c r="DU11" s="274">
        <v>0</v>
      </c>
      <c r="DV11" s="275">
        <v>0</v>
      </c>
      <c r="DW11" s="514">
        <v>0</v>
      </c>
      <c r="DX11" s="274">
        <v>185280</v>
      </c>
      <c r="DY11" s="274">
        <v>596403</v>
      </c>
      <c r="DZ11" s="274">
        <v>6084271</v>
      </c>
      <c r="EA11" s="274">
        <v>7952315</v>
      </c>
      <c r="EB11" s="274">
        <v>4263095</v>
      </c>
      <c r="EC11" s="277">
        <v>19081364</v>
      </c>
      <c r="ED11" s="278">
        <v>19081364</v>
      </c>
      <c r="EE11" s="273">
        <v>0</v>
      </c>
      <c r="EF11" s="274">
        <v>0</v>
      </c>
      <c r="EG11" s="275">
        <v>0</v>
      </c>
      <c r="EH11" s="514">
        <v>0</v>
      </c>
      <c r="EI11" s="274">
        <v>149299</v>
      </c>
      <c r="EJ11" s="274">
        <v>219536</v>
      </c>
      <c r="EK11" s="274">
        <v>205368</v>
      </c>
      <c r="EL11" s="274">
        <v>374281</v>
      </c>
      <c r="EM11" s="274">
        <v>47462</v>
      </c>
      <c r="EN11" s="277">
        <v>995946</v>
      </c>
      <c r="EO11" s="278">
        <v>995946</v>
      </c>
      <c r="EP11" s="273">
        <v>0</v>
      </c>
      <c r="EQ11" s="274">
        <v>0</v>
      </c>
      <c r="ER11" s="275">
        <v>0</v>
      </c>
      <c r="ES11" s="514">
        <v>0</v>
      </c>
      <c r="ET11" s="274">
        <v>0</v>
      </c>
      <c r="EU11" s="274">
        <v>0</v>
      </c>
      <c r="EV11" s="274">
        <v>0</v>
      </c>
      <c r="EW11" s="274">
        <v>0</v>
      </c>
      <c r="EX11" s="274">
        <v>210</v>
      </c>
      <c r="EY11" s="277">
        <v>210</v>
      </c>
      <c r="EZ11" s="278">
        <v>210</v>
      </c>
      <c r="FA11" s="273">
        <v>0</v>
      </c>
      <c r="FB11" s="274">
        <v>0</v>
      </c>
      <c r="FC11" s="275">
        <v>0</v>
      </c>
      <c r="FD11" s="514">
        <v>0</v>
      </c>
      <c r="FE11" s="274">
        <v>0</v>
      </c>
      <c r="FF11" s="274">
        <v>0</v>
      </c>
      <c r="FG11" s="274">
        <v>0</v>
      </c>
      <c r="FH11" s="274">
        <v>420</v>
      </c>
      <c r="FI11" s="274">
        <v>0</v>
      </c>
      <c r="FJ11" s="277">
        <v>420</v>
      </c>
      <c r="FK11" s="278">
        <v>420</v>
      </c>
      <c r="FL11" s="273">
        <v>0</v>
      </c>
      <c r="FM11" s="274">
        <v>0</v>
      </c>
      <c r="FN11" s="275">
        <v>0</v>
      </c>
      <c r="FO11" s="514">
        <v>0</v>
      </c>
      <c r="FP11" s="274">
        <v>0</v>
      </c>
      <c r="FQ11" s="274">
        <v>0</v>
      </c>
      <c r="FR11" s="274">
        <v>0</v>
      </c>
      <c r="FS11" s="274">
        <v>0</v>
      </c>
      <c r="FT11" s="274">
        <v>0</v>
      </c>
      <c r="FU11" s="277">
        <v>0</v>
      </c>
      <c r="FV11" s="278">
        <v>0</v>
      </c>
      <c r="FW11" s="273">
        <v>0</v>
      </c>
      <c r="FX11" s="274">
        <v>1053</v>
      </c>
      <c r="FY11" s="275">
        <v>1053</v>
      </c>
      <c r="FZ11" s="276">
        <v>0</v>
      </c>
      <c r="GA11" s="274">
        <v>325133</v>
      </c>
      <c r="GB11" s="274">
        <v>445860</v>
      </c>
      <c r="GC11" s="274">
        <v>577365</v>
      </c>
      <c r="GD11" s="274">
        <v>474748</v>
      </c>
      <c r="GE11" s="274">
        <v>165544</v>
      </c>
      <c r="GF11" s="277">
        <v>1988650</v>
      </c>
      <c r="GG11" s="278">
        <v>1989703</v>
      </c>
      <c r="GH11" s="273">
        <v>0</v>
      </c>
      <c r="GI11" s="274">
        <v>0</v>
      </c>
      <c r="GJ11" s="275">
        <v>0</v>
      </c>
      <c r="GK11" s="276">
        <v>0</v>
      </c>
      <c r="GL11" s="274">
        <v>3818</v>
      </c>
      <c r="GM11" s="274">
        <v>4386</v>
      </c>
      <c r="GN11" s="274">
        <v>483</v>
      </c>
      <c r="GO11" s="274">
        <v>84</v>
      </c>
      <c r="GP11" s="274">
        <v>203</v>
      </c>
      <c r="GQ11" s="277">
        <v>8974</v>
      </c>
      <c r="GR11" s="278">
        <v>8974</v>
      </c>
      <c r="GS11" s="273">
        <v>0</v>
      </c>
      <c r="GT11" s="274">
        <v>0</v>
      </c>
      <c r="GU11" s="275">
        <v>0</v>
      </c>
      <c r="GV11" s="276">
        <v>0</v>
      </c>
      <c r="GW11" s="274">
        <v>0</v>
      </c>
      <c r="GX11" s="274">
        <v>0</v>
      </c>
      <c r="GY11" s="274">
        <v>0</v>
      </c>
      <c r="GZ11" s="274">
        <v>0</v>
      </c>
      <c r="HA11" s="274">
        <v>0</v>
      </c>
      <c r="HB11" s="277">
        <v>0</v>
      </c>
      <c r="HC11" s="278">
        <v>0</v>
      </c>
      <c r="HD11" s="273">
        <v>0</v>
      </c>
      <c r="HE11" s="274">
        <v>0</v>
      </c>
      <c r="HF11" s="275">
        <v>0</v>
      </c>
      <c r="HG11" s="514">
        <v>0</v>
      </c>
      <c r="HH11" s="274">
        <v>0</v>
      </c>
      <c r="HI11" s="274">
        <v>0</v>
      </c>
      <c r="HJ11" s="274">
        <v>0</v>
      </c>
      <c r="HK11" s="274">
        <v>0</v>
      </c>
      <c r="HL11" s="274">
        <v>0</v>
      </c>
      <c r="HM11" s="277">
        <v>0</v>
      </c>
      <c r="HN11" s="278">
        <v>0</v>
      </c>
      <c r="HO11" s="273">
        <v>0</v>
      </c>
      <c r="HP11" s="274">
        <v>1198</v>
      </c>
      <c r="HQ11" s="275">
        <v>1198</v>
      </c>
      <c r="HR11" s="276">
        <v>0</v>
      </c>
      <c r="HS11" s="274">
        <v>2320038</v>
      </c>
      <c r="HT11" s="274">
        <v>3580830</v>
      </c>
      <c r="HU11" s="274">
        <v>13714213</v>
      </c>
      <c r="HV11" s="274">
        <v>17677223</v>
      </c>
      <c r="HW11" s="274">
        <v>8866609</v>
      </c>
      <c r="HX11" s="277">
        <v>46158913</v>
      </c>
      <c r="HY11" s="278">
        <v>46160111</v>
      </c>
    </row>
    <row r="12" spans="2:233" ht="21" customHeight="1" x14ac:dyDescent="0.2">
      <c r="B12" s="468" t="s">
        <v>8</v>
      </c>
      <c r="C12" s="273">
        <v>435</v>
      </c>
      <c r="D12" s="274">
        <v>4045</v>
      </c>
      <c r="E12" s="275">
        <v>4480</v>
      </c>
      <c r="F12" s="276">
        <v>0</v>
      </c>
      <c r="G12" s="274">
        <v>530952</v>
      </c>
      <c r="H12" s="274">
        <v>1125117</v>
      </c>
      <c r="I12" s="274">
        <v>4749976</v>
      </c>
      <c r="J12" s="274">
        <v>4810400</v>
      </c>
      <c r="K12" s="274">
        <v>2647586</v>
      </c>
      <c r="L12" s="277">
        <v>13864031</v>
      </c>
      <c r="M12" s="278">
        <v>13868511</v>
      </c>
      <c r="N12" s="273">
        <v>0</v>
      </c>
      <c r="O12" s="274">
        <v>0</v>
      </c>
      <c r="P12" s="275">
        <v>0</v>
      </c>
      <c r="Q12" s="514">
        <v>0</v>
      </c>
      <c r="R12" s="274">
        <v>206980</v>
      </c>
      <c r="S12" s="274">
        <v>355630</v>
      </c>
      <c r="T12" s="274">
        <v>3515409</v>
      </c>
      <c r="U12" s="274">
        <v>3615939</v>
      </c>
      <c r="V12" s="274">
        <v>2074426</v>
      </c>
      <c r="W12" s="277">
        <v>9768384</v>
      </c>
      <c r="X12" s="278">
        <v>9768384</v>
      </c>
      <c r="Y12" s="273">
        <v>0</v>
      </c>
      <c r="Z12" s="274">
        <v>0</v>
      </c>
      <c r="AA12" s="275">
        <v>0</v>
      </c>
      <c r="AB12" s="514">
        <v>0</v>
      </c>
      <c r="AC12" s="274">
        <v>205200</v>
      </c>
      <c r="AD12" s="274">
        <v>610630</v>
      </c>
      <c r="AE12" s="274">
        <v>808549</v>
      </c>
      <c r="AF12" s="274">
        <v>759600</v>
      </c>
      <c r="AG12" s="274">
        <v>314199</v>
      </c>
      <c r="AH12" s="277">
        <v>2698178</v>
      </c>
      <c r="AI12" s="278">
        <v>2698178</v>
      </c>
      <c r="AJ12" s="273">
        <v>0</v>
      </c>
      <c r="AK12" s="274">
        <v>0</v>
      </c>
      <c r="AL12" s="275">
        <v>0</v>
      </c>
      <c r="AM12" s="514">
        <v>0</v>
      </c>
      <c r="AN12" s="274">
        <v>0</v>
      </c>
      <c r="AO12" s="274">
        <v>0</v>
      </c>
      <c r="AP12" s="274">
        <v>0</v>
      </c>
      <c r="AQ12" s="274">
        <v>0</v>
      </c>
      <c r="AR12" s="274">
        <v>0</v>
      </c>
      <c r="AS12" s="277">
        <v>0</v>
      </c>
      <c r="AT12" s="278">
        <v>0</v>
      </c>
      <c r="AU12" s="273">
        <v>0</v>
      </c>
      <c r="AV12" s="274">
        <v>0</v>
      </c>
      <c r="AW12" s="275">
        <v>0</v>
      </c>
      <c r="AX12" s="514">
        <v>0</v>
      </c>
      <c r="AY12" s="274">
        <v>34350</v>
      </c>
      <c r="AZ12" s="274">
        <v>0</v>
      </c>
      <c r="BA12" s="274">
        <v>31650</v>
      </c>
      <c r="BB12" s="274">
        <v>2550</v>
      </c>
      <c r="BC12" s="274">
        <v>67495</v>
      </c>
      <c r="BD12" s="277">
        <v>136045</v>
      </c>
      <c r="BE12" s="278">
        <v>136045</v>
      </c>
      <c r="BF12" s="273">
        <v>0</v>
      </c>
      <c r="BG12" s="274">
        <v>0</v>
      </c>
      <c r="BH12" s="275">
        <v>0</v>
      </c>
      <c r="BI12" s="514">
        <v>0</v>
      </c>
      <c r="BJ12" s="274">
        <v>0</v>
      </c>
      <c r="BK12" s="274">
        <v>2550</v>
      </c>
      <c r="BL12" s="274">
        <v>43975</v>
      </c>
      <c r="BM12" s="274">
        <v>251795</v>
      </c>
      <c r="BN12" s="274">
        <v>63745</v>
      </c>
      <c r="BO12" s="277">
        <v>362065</v>
      </c>
      <c r="BP12" s="278">
        <v>362065</v>
      </c>
      <c r="BQ12" s="273">
        <v>435</v>
      </c>
      <c r="BR12" s="274">
        <v>4045</v>
      </c>
      <c r="BS12" s="275">
        <v>4480</v>
      </c>
      <c r="BT12" s="276">
        <v>0</v>
      </c>
      <c r="BU12" s="274">
        <v>84422</v>
      </c>
      <c r="BV12" s="274">
        <v>142192</v>
      </c>
      <c r="BW12" s="274">
        <v>332193</v>
      </c>
      <c r="BX12" s="274">
        <v>180516</v>
      </c>
      <c r="BY12" s="274">
        <v>126740</v>
      </c>
      <c r="BZ12" s="277">
        <v>866063</v>
      </c>
      <c r="CA12" s="278">
        <v>870543</v>
      </c>
      <c r="CB12" s="273">
        <v>0</v>
      </c>
      <c r="CC12" s="274">
        <v>0</v>
      </c>
      <c r="CD12" s="275">
        <v>0</v>
      </c>
      <c r="CE12" s="276">
        <v>0</v>
      </c>
      <c r="CF12" s="274">
        <v>0</v>
      </c>
      <c r="CG12" s="274">
        <v>14115</v>
      </c>
      <c r="CH12" s="274">
        <v>18200</v>
      </c>
      <c r="CI12" s="274">
        <v>0</v>
      </c>
      <c r="CJ12" s="274">
        <v>981</v>
      </c>
      <c r="CK12" s="277">
        <v>33296</v>
      </c>
      <c r="CL12" s="278">
        <v>33296</v>
      </c>
      <c r="CM12" s="273">
        <v>0</v>
      </c>
      <c r="CN12" s="274">
        <v>0</v>
      </c>
      <c r="CO12" s="275">
        <v>0</v>
      </c>
      <c r="CP12" s="276">
        <v>0</v>
      </c>
      <c r="CQ12" s="274">
        <v>0</v>
      </c>
      <c r="CR12" s="274">
        <v>0</v>
      </c>
      <c r="CS12" s="274">
        <v>0</v>
      </c>
      <c r="CT12" s="274">
        <v>0</v>
      </c>
      <c r="CU12" s="274">
        <v>0</v>
      </c>
      <c r="CV12" s="277">
        <v>0</v>
      </c>
      <c r="CW12" s="278">
        <v>0</v>
      </c>
      <c r="CX12" s="273">
        <v>0</v>
      </c>
      <c r="CY12" s="274">
        <v>0</v>
      </c>
      <c r="CZ12" s="275">
        <v>0</v>
      </c>
      <c r="DA12" s="514">
        <v>0</v>
      </c>
      <c r="DB12" s="274">
        <v>0</v>
      </c>
      <c r="DC12" s="274">
        <v>0</v>
      </c>
      <c r="DD12" s="274">
        <v>0</v>
      </c>
      <c r="DE12" s="274">
        <v>0</v>
      </c>
      <c r="DF12" s="274">
        <v>0</v>
      </c>
      <c r="DG12" s="277">
        <v>0</v>
      </c>
      <c r="DH12" s="278">
        <v>0</v>
      </c>
      <c r="DI12" s="273">
        <v>2784</v>
      </c>
      <c r="DJ12" s="274">
        <v>8299</v>
      </c>
      <c r="DK12" s="275">
        <v>11083</v>
      </c>
      <c r="DL12" s="276">
        <v>0</v>
      </c>
      <c r="DM12" s="274">
        <v>466718</v>
      </c>
      <c r="DN12" s="274">
        <v>1188846</v>
      </c>
      <c r="DO12" s="274">
        <v>5880792</v>
      </c>
      <c r="DP12" s="274">
        <v>5749251</v>
      </c>
      <c r="DQ12" s="274">
        <v>3335147</v>
      </c>
      <c r="DR12" s="277">
        <v>16620754</v>
      </c>
      <c r="DS12" s="279">
        <v>16631837</v>
      </c>
      <c r="DT12" s="273">
        <v>0</v>
      </c>
      <c r="DU12" s="274">
        <v>0</v>
      </c>
      <c r="DV12" s="275">
        <v>0</v>
      </c>
      <c r="DW12" s="514">
        <v>0</v>
      </c>
      <c r="DX12" s="274">
        <v>284928</v>
      </c>
      <c r="DY12" s="274">
        <v>747480</v>
      </c>
      <c r="DZ12" s="274">
        <v>4924629</v>
      </c>
      <c r="EA12" s="274">
        <v>4885814</v>
      </c>
      <c r="EB12" s="274">
        <v>2959519</v>
      </c>
      <c r="EC12" s="277">
        <v>13802370</v>
      </c>
      <c r="ED12" s="278">
        <v>13802370</v>
      </c>
      <c r="EE12" s="273">
        <v>0</v>
      </c>
      <c r="EF12" s="274">
        <v>0</v>
      </c>
      <c r="EG12" s="275">
        <v>0</v>
      </c>
      <c r="EH12" s="514">
        <v>0</v>
      </c>
      <c r="EI12" s="274">
        <v>45030</v>
      </c>
      <c r="EJ12" s="274">
        <v>73812</v>
      </c>
      <c r="EK12" s="274">
        <v>128067</v>
      </c>
      <c r="EL12" s="274">
        <v>65067</v>
      </c>
      <c r="EM12" s="274">
        <v>26647</v>
      </c>
      <c r="EN12" s="277">
        <v>338623</v>
      </c>
      <c r="EO12" s="278">
        <v>338623</v>
      </c>
      <c r="EP12" s="273">
        <v>0</v>
      </c>
      <c r="EQ12" s="274">
        <v>0</v>
      </c>
      <c r="ER12" s="275">
        <v>0</v>
      </c>
      <c r="ES12" s="514">
        <v>0</v>
      </c>
      <c r="ET12" s="274">
        <v>0</v>
      </c>
      <c r="EU12" s="274">
        <v>0</v>
      </c>
      <c r="EV12" s="274">
        <v>0</v>
      </c>
      <c r="EW12" s="274">
        <v>0</v>
      </c>
      <c r="EX12" s="274">
        <v>0</v>
      </c>
      <c r="EY12" s="277">
        <v>0</v>
      </c>
      <c r="EZ12" s="278">
        <v>0</v>
      </c>
      <c r="FA12" s="273">
        <v>0</v>
      </c>
      <c r="FB12" s="274">
        <v>0</v>
      </c>
      <c r="FC12" s="275">
        <v>0</v>
      </c>
      <c r="FD12" s="514">
        <v>0</v>
      </c>
      <c r="FE12" s="274">
        <v>11310</v>
      </c>
      <c r="FF12" s="274">
        <v>0</v>
      </c>
      <c r="FG12" s="274">
        <v>210</v>
      </c>
      <c r="FH12" s="274">
        <v>210</v>
      </c>
      <c r="FI12" s="274">
        <v>11730</v>
      </c>
      <c r="FJ12" s="277">
        <v>23460</v>
      </c>
      <c r="FK12" s="278">
        <v>23460</v>
      </c>
      <c r="FL12" s="273">
        <v>0</v>
      </c>
      <c r="FM12" s="274">
        <v>0</v>
      </c>
      <c r="FN12" s="275">
        <v>0</v>
      </c>
      <c r="FO12" s="514">
        <v>0</v>
      </c>
      <c r="FP12" s="274">
        <v>0</v>
      </c>
      <c r="FQ12" s="274">
        <v>20880</v>
      </c>
      <c r="FR12" s="274">
        <v>136500</v>
      </c>
      <c r="FS12" s="274">
        <v>375648</v>
      </c>
      <c r="FT12" s="274">
        <v>128148</v>
      </c>
      <c r="FU12" s="277">
        <v>661176</v>
      </c>
      <c r="FV12" s="278">
        <v>661176</v>
      </c>
      <c r="FW12" s="273">
        <v>2784</v>
      </c>
      <c r="FX12" s="274">
        <v>8299</v>
      </c>
      <c r="FY12" s="275">
        <v>11083</v>
      </c>
      <c r="FZ12" s="276">
        <v>0</v>
      </c>
      <c r="GA12" s="274">
        <v>125450</v>
      </c>
      <c r="GB12" s="274">
        <v>346562</v>
      </c>
      <c r="GC12" s="274">
        <v>672186</v>
      </c>
      <c r="GD12" s="274">
        <v>422512</v>
      </c>
      <c r="GE12" s="274">
        <v>209088</v>
      </c>
      <c r="GF12" s="277">
        <v>1775798</v>
      </c>
      <c r="GG12" s="278">
        <v>1786881</v>
      </c>
      <c r="GH12" s="273">
        <v>0</v>
      </c>
      <c r="GI12" s="274">
        <v>0</v>
      </c>
      <c r="GJ12" s="275">
        <v>0</v>
      </c>
      <c r="GK12" s="276">
        <v>0</v>
      </c>
      <c r="GL12" s="274">
        <v>0</v>
      </c>
      <c r="GM12" s="274">
        <v>112</v>
      </c>
      <c r="GN12" s="274">
        <v>19200</v>
      </c>
      <c r="GO12" s="274">
        <v>0</v>
      </c>
      <c r="GP12" s="274">
        <v>15</v>
      </c>
      <c r="GQ12" s="277">
        <v>19327</v>
      </c>
      <c r="GR12" s="278">
        <v>19327</v>
      </c>
      <c r="GS12" s="273">
        <v>0</v>
      </c>
      <c r="GT12" s="274">
        <v>0</v>
      </c>
      <c r="GU12" s="275">
        <v>0</v>
      </c>
      <c r="GV12" s="276">
        <v>0</v>
      </c>
      <c r="GW12" s="274">
        <v>0</v>
      </c>
      <c r="GX12" s="274">
        <v>0</v>
      </c>
      <c r="GY12" s="274">
        <v>0</v>
      </c>
      <c r="GZ12" s="274">
        <v>0</v>
      </c>
      <c r="HA12" s="274">
        <v>0</v>
      </c>
      <c r="HB12" s="277">
        <v>0</v>
      </c>
      <c r="HC12" s="278">
        <v>0</v>
      </c>
      <c r="HD12" s="273">
        <v>0</v>
      </c>
      <c r="HE12" s="274">
        <v>0</v>
      </c>
      <c r="HF12" s="275">
        <v>0</v>
      </c>
      <c r="HG12" s="514">
        <v>0</v>
      </c>
      <c r="HH12" s="274">
        <v>0</v>
      </c>
      <c r="HI12" s="274">
        <v>0</v>
      </c>
      <c r="HJ12" s="274">
        <v>0</v>
      </c>
      <c r="HK12" s="274">
        <v>0</v>
      </c>
      <c r="HL12" s="274">
        <v>0</v>
      </c>
      <c r="HM12" s="277">
        <v>0</v>
      </c>
      <c r="HN12" s="278">
        <v>0</v>
      </c>
      <c r="HO12" s="273">
        <v>3219</v>
      </c>
      <c r="HP12" s="274">
        <v>12344</v>
      </c>
      <c r="HQ12" s="275">
        <v>15563</v>
      </c>
      <c r="HR12" s="276">
        <v>0</v>
      </c>
      <c r="HS12" s="274">
        <v>997670</v>
      </c>
      <c r="HT12" s="274">
        <v>2313963</v>
      </c>
      <c r="HU12" s="274">
        <v>10630768</v>
      </c>
      <c r="HV12" s="274">
        <v>10559651</v>
      </c>
      <c r="HW12" s="274">
        <v>5982733</v>
      </c>
      <c r="HX12" s="277">
        <v>30484785</v>
      </c>
      <c r="HY12" s="278">
        <v>30500348</v>
      </c>
    </row>
    <row r="13" spans="2:233" ht="21" customHeight="1" x14ac:dyDescent="0.2">
      <c r="B13" s="468" t="s">
        <v>9</v>
      </c>
      <c r="C13" s="273">
        <v>0</v>
      </c>
      <c r="D13" s="274">
        <v>30</v>
      </c>
      <c r="E13" s="275">
        <v>30</v>
      </c>
      <c r="F13" s="276">
        <v>0</v>
      </c>
      <c r="G13" s="274">
        <v>173271</v>
      </c>
      <c r="H13" s="274">
        <v>172122</v>
      </c>
      <c r="I13" s="274">
        <v>1992392</v>
      </c>
      <c r="J13" s="274">
        <v>2229571</v>
      </c>
      <c r="K13" s="274">
        <v>1639878</v>
      </c>
      <c r="L13" s="277">
        <v>6207234</v>
      </c>
      <c r="M13" s="278">
        <v>6207264</v>
      </c>
      <c r="N13" s="273">
        <v>0</v>
      </c>
      <c r="O13" s="274">
        <v>0</v>
      </c>
      <c r="P13" s="275">
        <v>0</v>
      </c>
      <c r="Q13" s="514">
        <v>0</v>
      </c>
      <c r="R13" s="274">
        <v>60515</v>
      </c>
      <c r="S13" s="274">
        <v>36750</v>
      </c>
      <c r="T13" s="274">
        <v>1379230</v>
      </c>
      <c r="U13" s="274">
        <v>1701011</v>
      </c>
      <c r="V13" s="274">
        <v>1242095</v>
      </c>
      <c r="W13" s="277">
        <v>4419601</v>
      </c>
      <c r="X13" s="278">
        <v>4419601</v>
      </c>
      <c r="Y13" s="273">
        <v>0</v>
      </c>
      <c r="Z13" s="274">
        <v>0</v>
      </c>
      <c r="AA13" s="275">
        <v>0</v>
      </c>
      <c r="AB13" s="514">
        <v>0</v>
      </c>
      <c r="AC13" s="274">
        <v>88920</v>
      </c>
      <c r="AD13" s="274">
        <v>80590</v>
      </c>
      <c r="AE13" s="274">
        <v>388200</v>
      </c>
      <c r="AF13" s="274">
        <v>461790</v>
      </c>
      <c r="AG13" s="274">
        <v>301055</v>
      </c>
      <c r="AH13" s="277">
        <v>1320555</v>
      </c>
      <c r="AI13" s="278">
        <v>1320555</v>
      </c>
      <c r="AJ13" s="273">
        <v>0</v>
      </c>
      <c r="AK13" s="274">
        <v>0</v>
      </c>
      <c r="AL13" s="275">
        <v>0</v>
      </c>
      <c r="AM13" s="514">
        <v>0</v>
      </c>
      <c r="AN13" s="274">
        <v>0</v>
      </c>
      <c r="AO13" s="274">
        <v>0</v>
      </c>
      <c r="AP13" s="274">
        <v>0</v>
      </c>
      <c r="AQ13" s="274">
        <v>0</v>
      </c>
      <c r="AR13" s="274">
        <v>0</v>
      </c>
      <c r="AS13" s="277">
        <v>0</v>
      </c>
      <c r="AT13" s="278">
        <v>0</v>
      </c>
      <c r="AU13" s="273">
        <v>0</v>
      </c>
      <c r="AV13" s="274">
        <v>0</v>
      </c>
      <c r="AW13" s="275">
        <v>0</v>
      </c>
      <c r="AX13" s="514">
        <v>0</v>
      </c>
      <c r="AY13" s="274">
        <v>0</v>
      </c>
      <c r="AZ13" s="274">
        <v>0</v>
      </c>
      <c r="BA13" s="274">
        <v>0</v>
      </c>
      <c r="BB13" s="274">
        <v>0</v>
      </c>
      <c r="BC13" s="274">
        <v>10815</v>
      </c>
      <c r="BD13" s="277">
        <v>10815</v>
      </c>
      <c r="BE13" s="278">
        <v>10815</v>
      </c>
      <c r="BF13" s="273">
        <v>0</v>
      </c>
      <c r="BG13" s="274">
        <v>0</v>
      </c>
      <c r="BH13" s="275">
        <v>0</v>
      </c>
      <c r="BI13" s="514">
        <v>0</v>
      </c>
      <c r="BJ13" s="274">
        <v>0</v>
      </c>
      <c r="BK13" s="274">
        <v>0</v>
      </c>
      <c r="BL13" s="274">
        <v>0</v>
      </c>
      <c r="BM13" s="274">
        <v>23850</v>
      </c>
      <c r="BN13" s="274">
        <v>0</v>
      </c>
      <c r="BO13" s="277">
        <v>23850</v>
      </c>
      <c r="BP13" s="278">
        <v>23850</v>
      </c>
      <c r="BQ13" s="273">
        <v>0</v>
      </c>
      <c r="BR13" s="274">
        <v>30</v>
      </c>
      <c r="BS13" s="275">
        <v>30</v>
      </c>
      <c r="BT13" s="276">
        <v>0</v>
      </c>
      <c r="BU13" s="274">
        <v>21555</v>
      </c>
      <c r="BV13" s="274">
        <v>54442</v>
      </c>
      <c r="BW13" s="274">
        <v>218346</v>
      </c>
      <c r="BX13" s="274">
        <v>36667</v>
      </c>
      <c r="BY13" s="274">
        <v>85208</v>
      </c>
      <c r="BZ13" s="277">
        <v>416218</v>
      </c>
      <c r="CA13" s="278">
        <v>416248</v>
      </c>
      <c r="CB13" s="273">
        <v>0</v>
      </c>
      <c r="CC13" s="274">
        <v>0</v>
      </c>
      <c r="CD13" s="275">
        <v>0</v>
      </c>
      <c r="CE13" s="276">
        <v>0</v>
      </c>
      <c r="CF13" s="274">
        <v>2281</v>
      </c>
      <c r="CG13" s="274">
        <v>340</v>
      </c>
      <c r="CH13" s="274">
        <v>6616</v>
      </c>
      <c r="CI13" s="274">
        <v>6253</v>
      </c>
      <c r="CJ13" s="274">
        <v>705</v>
      </c>
      <c r="CK13" s="277">
        <v>16195</v>
      </c>
      <c r="CL13" s="278">
        <v>16195</v>
      </c>
      <c r="CM13" s="273">
        <v>0</v>
      </c>
      <c r="CN13" s="274">
        <v>0</v>
      </c>
      <c r="CO13" s="275">
        <v>0</v>
      </c>
      <c r="CP13" s="276">
        <v>0</v>
      </c>
      <c r="CQ13" s="274">
        <v>0</v>
      </c>
      <c r="CR13" s="274">
        <v>0</v>
      </c>
      <c r="CS13" s="274">
        <v>0</v>
      </c>
      <c r="CT13" s="274">
        <v>0</v>
      </c>
      <c r="CU13" s="274">
        <v>0</v>
      </c>
      <c r="CV13" s="277">
        <v>0</v>
      </c>
      <c r="CW13" s="278">
        <v>0</v>
      </c>
      <c r="CX13" s="273">
        <v>0</v>
      </c>
      <c r="CY13" s="274">
        <v>0</v>
      </c>
      <c r="CZ13" s="275">
        <v>0</v>
      </c>
      <c r="DA13" s="514">
        <v>0</v>
      </c>
      <c r="DB13" s="274">
        <v>0</v>
      </c>
      <c r="DC13" s="274">
        <v>0</v>
      </c>
      <c r="DD13" s="274">
        <v>0</v>
      </c>
      <c r="DE13" s="274">
        <v>0</v>
      </c>
      <c r="DF13" s="274">
        <v>0</v>
      </c>
      <c r="DG13" s="277">
        <v>0</v>
      </c>
      <c r="DH13" s="278">
        <v>0</v>
      </c>
      <c r="DI13" s="273">
        <v>0</v>
      </c>
      <c r="DJ13" s="274">
        <v>1392</v>
      </c>
      <c r="DK13" s="275">
        <v>1392</v>
      </c>
      <c r="DL13" s="276">
        <v>0</v>
      </c>
      <c r="DM13" s="274">
        <v>151150</v>
      </c>
      <c r="DN13" s="274">
        <v>195204</v>
      </c>
      <c r="DO13" s="274">
        <v>2225080</v>
      </c>
      <c r="DP13" s="274">
        <v>2498348</v>
      </c>
      <c r="DQ13" s="274">
        <v>2049884</v>
      </c>
      <c r="DR13" s="277">
        <v>7119666</v>
      </c>
      <c r="DS13" s="279">
        <v>7121058</v>
      </c>
      <c r="DT13" s="273">
        <v>0</v>
      </c>
      <c r="DU13" s="274">
        <v>0</v>
      </c>
      <c r="DV13" s="275">
        <v>0</v>
      </c>
      <c r="DW13" s="514">
        <v>0</v>
      </c>
      <c r="DX13" s="274">
        <v>98220</v>
      </c>
      <c r="DY13" s="274">
        <v>71010</v>
      </c>
      <c r="DZ13" s="274">
        <v>1827316</v>
      </c>
      <c r="EA13" s="274">
        <v>2320903</v>
      </c>
      <c r="EB13" s="274">
        <v>1855784</v>
      </c>
      <c r="EC13" s="277">
        <v>6173233</v>
      </c>
      <c r="ED13" s="278">
        <v>6173233</v>
      </c>
      <c r="EE13" s="273">
        <v>0</v>
      </c>
      <c r="EF13" s="274">
        <v>0</v>
      </c>
      <c r="EG13" s="275">
        <v>0</v>
      </c>
      <c r="EH13" s="514">
        <v>0</v>
      </c>
      <c r="EI13" s="274">
        <v>12217</v>
      </c>
      <c r="EJ13" s="274">
        <v>23631</v>
      </c>
      <c r="EK13" s="274">
        <v>80019</v>
      </c>
      <c r="EL13" s="274">
        <v>30461</v>
      </c>
      <c r="EM13" s="274">
        <v>53913</v>
      </c>
      <c r="EN13" s="277">
        <v>200241</v>
      </c>
      <c r="EO13" s="278">
        <v>200241</v>
      </c>
      <c r="EP13" s="273">
        <v>0</v>
      </c>
      <c r="EQ13" s="274">
        <v>0</v>
      </c>
      <c r="ER13" s="275">
        <v>0</v>
      </c>
      <c r="ES13" s="514">
        <v>0</v>
      </c>
      <c r="ET13" s="274">
        <v>0</v>
      </c>
      <c r="EU13" s="274">
        <v>0</v>
      </c>
      <c r="EV13" s="274">
        <v>0</v>
      </c>
      <c r="EW13" s="274">
        <v>0</v>
      </c>
      <c r="EX13" s="274">
        <v>0</v>
      </c>
      <c r="EY13" s="277">
        <v>0</v>
      </c>
      <c r="EZ13" s="278">
        <v>0</v>
      </c>
      <c r="FA13" s="273">
        <v>0</v>
      </c>
      <c r="FB13" s="274">
        <v>0</v>
      </c>
      <c r="FC13" s="275">
        <v>0</v>
      </c>
      <c r="FD13" s="514">
        <v>0</v>
      </c>
      <c r="FE13" s="274">
        <v>0</v>
      </c>
      <c r="FF13" s="274">
        <v>0</v>
      </c>
      <c r="FG13" s="274">
        <v>0</v>
      </c>
      <c r="FH13" s="274">
        <v>0</v>
      </c>
      <c r="FI13" s="274">
        <v>651</v>
      </c>
      <c r="FJ13" s="277">
        <v>651</v>
      </c>
      <c r="FK13" s="278">
        <v>651</v>
      </c>
      <c r="FL13" s="273">
        <v>0</v>
      </c>
      <c r="FM13" s="274">
        <v>0</v>
      </c>
      <c r="FN13" s="275">
        <v>0</v>
      </c>
      <c r="FO13" s="514">
        <v>0</v>
      </c>
      <c r="FP13" s="274">
        <v>0</v>
      </c>
      <c r="FQ13" s="274">
        <v>0</v>
      </c>
      <c r="FR13" s="274">
        <v>0</v>
      </c>
      <c r="FS13" s="274">
        <v>20880</v>
      </c>
      <c r="FT13" s="274">
        <v>0</v>
      </c>
      <c r="FU13" s="277">
        <v>20880</v>
      </c>
      <c r="FV13" s="278">
        <v>20880</v>
      </c>
      <c r="FW13" s="273">
        <v>0</v>
      </c>
      <c r="FX13" s="274">
        <v>1392</v>
      </c>
      <c r="FY13" s="275">
        <v>1392</v>
      </c>
      <c r="FZ13" s="276">
        <v>0</v>
      </c>
      <c r="GA13" s="274">
        <v>40692</v>
      </c>
      <c r="GB13" s="274">
        <v>100535</v>
      </c>
      <c r="GC13" s="274">
        <v>308353</v>
      </c>
      <c r="GD13" s="274">
        <v>125838</v>
      </c>
      <c r="GE13" s="274">
        <v>139487</v>
      </c>
      <c r="GF13" s="277">
        <v>714905</v>
      </c>
      <c r="GG13" s="278">
        <v>716297</v>
      </c>
      <c r="GH13" s="273">
        <v>0</v>
      </c>
      <c r="GI13" s="274">
        <v>0</v>
      </c>
      <c r="GJ13" s="275">
        <v>0</v>
      </c>
      <c r="GK13" s="276">
        <v>0</v>
      </c>
      <c r="GL13" s="274">
        <v>21</v>
      </c>
      <c r="GM13" s="274">
        <v>28</v>
      </c>
      <c r="GN13" s="274">
        <v>9392</v>
      </c>
      <c r="GO13" s="274">
        <v>266</v>
      </c>
      <c r="GP13" s="274">
        <v>49</v>
      </c>
      <c r="GQ13" s="277">
        <v>9756</v>
      </c>
      <c r="GR13" s="278">
        <v>9756</v>
      </c>
      <c r="GS13" s="273">
        <v>0</v>
      </c>
      <c r="GT13" s="274">
        <v>0</v>
      </c>
      <c r="GU13" s="275">
        <v>0</v>
      </c>
      <c r="GV13" s="276">
        <v>0</v>
      </c>
      <c r="GW13" s="274">
        <v>0</v>
      </c>
      <c r="GX13" s="274">
        <v>0</v>
      </c>
      <c r="GY13" s="274">
        <v>0</v>
      </c>
      <c r="GZ13" s="274">
        <v>0</v>
      </c>
      <c r="HA13" s="274">
        <v>0</v>
      </c>
      <c r="HB13" s="277">
        <v>0</v>
      </c>
      <c r="HC13" s="278">
        <v>0</v>
      </c>
      <c r="HD13" s="273">
        <v>0</v>
      </c>
      <c r="HE13" s="274">
        <v>0</v>
      </c>
      <c r="HF13" s="275">
        <v>0</v>
      </c>
      <c r="HG13" s="514">
        <v>0</v>
      </c>
      <c r="HH13" s="274">
        <v>0</v>
      </c>
      <c r="HI13" s="274">
        <v>0</v>
      </c>
      <c r="HJ13" s="274">
        <v>0</v>
      </c>
      <c r="HK13" s="274">
        <v>0</v>
      </c>
      <c r="HL13" s="274">
        <v>0</v>
      </c>
      <c r="HM13" s="277">
        <v>0</v>
      </c>
      <c r="HN13" s="278">
        <v>0</v>
      </c>
      <c r="HO13" s="273">
        <v>0</v>
      </c>
      <c r="HP13" s="274">
        <v>1422</v>
      </c>
      <c r="HQ13" s="275">
        <v>1422</v>
      </c>
      <c r="HR13" s="276">
        <v>0</v>
      </c>
      <c r="HS13" s="274">
        <v>324421</v>
      </c>
      <c r="HT13" s="274">
        <v>367326</v>
      </c>
      <c r="HU13" s="274">
        <v>4217472</v>
      </c>
      <c r="HV13" s="274">
        <v>4727919</v>
      </c>
      <c r="HW13" s="274">
        <v>3689762</v>
      </c>
      <c r="HX13" s="277">
        <v>13326900</v>
      </c>
      <c r="HY13" s="278">
        <v>13328322</v>
      </c>
    </row>
    <row r="14" spans="2:233" ht="21" customHeight="1" x14ac:dyDescent="0.2">
      <c r="B14" s="468" t="s">
        <v>10</v>
      </c>
      <c r="C14" s="273">
        <v>145</v>
      </c>
      <c r="D14" s="274">
        <v>13055</v>
      </c>
      <c r="E14" s="275">
        <v>13200</v>
      </c>
      <c r="F14" s="276">
        <v>0</v>
      </c>
      <c r="G14" s="274">
        <v>591643</v>
      </c>
      <c r="H14" s="274">
        <v>974662</v>
      </c>
      <c r="I14" s="274">
        <v>3071217</v>
      </c>
      <c r="J14" s="274">
        <v>4497226</v>
      </c>
      <c r="K14" s="274">
        <v>4041753</v>
      </c>
      <c r="L14" s="277">
        <v>13176501</v>
      </c>
      <c r="M14" s="278">
        <v>13189701</v>
      </c>
      <c r="N14" s="273">
        <v>0</v>
      </c>
      <c r="O14" s="274">
        <v>0</v>
      </c>
      <c r="P14" s="275">
        <v>0</v>
      </c>
      <c r="Q14" s="514">
        <v>0</v>
      </c>
      <c r="R14" s="274">
        <v>47100</v>
      </c>
      <c r="S14" s="274">
        <v>260025</v>
      </c>
      <c r="T14" s="274">
        <v>1924635</v>
      </c>
      <c r="U14" s="274">
        <v>3231770</v>
      </c>
      <c r="V14" s="274">
        <v>3134095</v>
      </c>
      <c r="W14" s="277">
        <v>8597625</v>
      </c>
      <c r="X14" s="278">
        <v>8597625</v>
      </c>
      <c r="Y14" s="273">
        <v>0</v>
      </c>
      <c r="Z14" s="274">
        <v>0</v>
      </c>
      <c r="AA14" s="275">
        <v>0</v>
      </c>
      <c r="AB14" s="514">
        <v>0</v>
      </c>
      <c r="AC14" s="274">
        <v>465440</v>
      </c>
      <c r="AD14" s="274">
        <v>442095</v>
      </c>
      <c r="AE14" s="274">
        <v>850563</v>
      </c>
      <c r="AF14" s="274">
        <v>797624</v>
      </c>
      <c r="AG14" s="274">
        <v>450466</v>
      </c>
      <c r="AH14" s="277">
        <v>3006188</v>
      </c>
      <c r="AI14" s="278">
        <v>3006188</v>
      </c>
      <c r="AJ14" s="273">
        <v>0</v>
      </c>
      <c r="AK14" s="274">
        <v>0</v>
      </c>
      <c r="AL14" s="275">
        <v>0</v>
      </c>
      <c r="AM14" s="514">
        <v>0</v>
      </c>
      <c r="AN14" s="274">
        <v>0</v>
      </c>
      <c r="AO14" s="274">
        <v>0</v>
      </c>
      <c r="AP14" s="274">
        <v>0</v>
      </c>
      <c r="AQ14" s="274">
        <v>0</v>
      </c>
      <c r="AR14" s="274">
        <v>0</v>
      </c>
      <c r="AS14" s="277">
        <v>0</v>
      </c>
      <c r="AT14" s="278">
        <v>0</v>
      </c>
      <c r="AU14" s="273">
        <v>0</v>
      </c>
      <c r="AV14" s="274">
        <v>0</v>
      </c>
      <c r="AW14" s="275">
        <v>0</v>
      </c>
      <c r="AX14" s="514">
        <v>0</v>
      </c>
      <c r="AY14" s="274">
        <v>0</v>
      </c>
      <c r="AZ14" s="274">
        <v>0</v>
      </c>
      <c r="BA14" s="274">
        <v>0</v>
      </c>
      <c r="BB14" s="274">
        <v>55500</v>
      </c>
      <c r="BC14" s="274">
        <v>191045</v>
      </c>
      <c r="BD14" s="277">
        <v>246545</v>
      </c>
      <c r="BE14" s="278">
        <v>246545</v>
      </c>
      <c r="BF14" s="273">
        <v>0</v>
      </c>
      <c r="BG14" s="274">
        <v>0</v>
      </c>
      <c r="BH14" s="275">
        <v>0</v>
      </c>
      <c r="BI14" s="514">
        <v>0</v>
      </c>
      <c r="BJ14" s="274">
        <v>0</v>
      </c>
      <c r="BK14" s="274">
        <v>0</v>
      </c>
      <c r="BL14" s="274">
        <v>0</v>
      </c>
      <c r="BM14" s="274">
        <v>64355</v>
      </c>
      <c r="BN14" s="274">
        <v>111475</v>
      </c>
      <c r="BO14" s="277">
        <v>175830</v>
      </c>
      <c r="BP14" s="278">
        <v>175830</v>
      </c>
      <c r="BQ14" s="273">
        <v>145</v>
      </c>
      <c r="BR14" s="274">
        <v>13055</v>
      </c>
      <c r="BS14" s="275">
        <v>13200</v>
      </c>
      <c r="BT14" s="276">
        <v>0</v>
      </c>
      <c r="BU14" s="274">
        <v>79103</v>
      </c>
      <c r="BV14" s="274">
        <v>272152</v>
      </c>
      <c r="BW14" s="274">
        <v>296019</v>
      </c>
      <c r="BX14" s="274">
        <v>322582</v>
      </c>
      <c r="BY14" s="274">
        <v>139522</v>
      </c>
      <c r="BZ14" s="277">
        <v>1109378</v>
      </c>
      <c r="CA14" s="278">
        <v>1122578</v>
      </c>
      <c r="CB14" s="273">
        <v>0</v>
      </c>
      <c r="CC14" s="274">
        <v>0</v>
      </c>
      <c r="CD14" s="275">
        <v>0</v>
      </c>
      <c r="CE14" s="276">
        <v>0</v>
      </c>
      <c r="CF14" s="274">
        <v>0</v>
      </c>
      <c r="CG14" s="274">
        <v>390</v>
      </c>
      <c r="CH14" s="274">
        <v>0</v>
      </c>
      <c r="CI14" s="274">
        <v>25395</v>
      </c>
      <c r="CJ14" s="274">
        <v>15150</v>
      </c>
      <c r="CK14" s="277">
        <v>40935</v>
      </c>
      <c r="CL14" s="278">
        <v>40935</v>
      </c>
      <c r="CM14" s="273">
        <v>0</v>
      </c>
      <c r="CN14" s="274">
        <v>0</v>
      </c>
      <c r="CO14" s="275">
        <v>0</v>
      </c>
      <c r="CP14" s="276">
        <v>0</v>
      </c>
      <c r="CQ14" s="274">
        <v>0</v>
      </c>
      <c r="CR14" s="274">
        <v>0</v>
      </c>
      <c r="CS14" s="274">
        <v>0</v>
      </c>
      <c r="CT14" s="274">
        <v>0</v>
      </c>
      <c r="CU14" s="274">
        <v>0</v>
      </c>
      <c r="CV14" s="277">
        <v>0</v>
      </c>
      <c r="CW14" s="278">
        <v>0</v>
      </c>
      <c r="CX14" s="273">
        <v>0</v>
      </c>
      <c r="CY14" s="274">
        <v>0</v>
      </c>
      <c r="CZ14" s="275">
        <v>0</v>
      </c>
      <c r="DA14" s="514">
        <v>0</v>
      </c>
      <c r="DB14" s="274">
        <v>0</v>
      </c>
      <c r="DC14" s="274">
        <v>0</v>
      </c>
      <c r="DD14" s="274">
        <v>0</v>
      </c>
      <c r="DE14" s="274">
        <v>0</v>
      </c>
      <c r="DF14" s="274">
        <v>0</v>
      </c>
      <c r="DG14" s="277">
        <v>0</v>
      </c>
      <c r="DH14" s="278">
        <v>0</v>
      </c>
      <c r="DI14" s="273">
        <v>1053</v>
      </c>
      <c r="DJ14" s="274">
        <v>11493</v>
      </c>
      <c r="DK14" s="275">
        <v>12546</v>
      </c>
      <c r="DL14" s="276">
        <v>0</v>
      </c>
      <c r="DM14" s="274">
        <v>388448</v>
      </c>
      <c r="DN14" s="274">
        <v>957617</v>
      </c>
      <c r="DO14" s="274">
        <v>3366629</v>
      </c>
      <c r="DP14" s="274">
        <v>5537955</v>
      </c>
      <c r="DQ14" s="274">
        <v>4537428</v>
      </c>
      <c r="DR14" s="277">
        <v>14788077</v>
      </c>
      <c r="DS14" s="279">
        <v>14800623</v>
      </c>
      <c r="DT14" s="273">
        <v>0</v>
      </c>
      <c r="DU14" s="274">
        <v>0</v>
      </c>
      <c r="DV14" s="275">
        <v>0</v>
      </c>
      <c r="DW14" s="514">
        <v>0</v>
      </c>
      <c r="DX14" s="274">
        <v>138900</v>
      </c>
      <c r="DY14" s="274">
        <v>423690</v>
      </c>
      <c r="DZ14" s="274">
        <v>2826963</v>
      </c>
      <c r="EA14" s="274">
        <v>4818615</v>
      </c>
      <c r="EB14" s="274">
        <v>4019621</v>
      </c>
      <c r="EC14" s="277">
        <v>12227789</v>
      </c>
      <c r="ED14" s="278">
        <v>12227789</v>
      </c>
      <c r="EE14" s="273">
        <v>0</v>
      </c>
      <c r="EF14" s="274">
        <v>0</v>
      </c>
      <c r="EG14" s="275">
        <v>0</v>
      </c>
      <c r="EH14" s="514">
        <v>0</v>
      </c>
      <c r="EI14" s="274">
        <v>109908</v>
      </c>
      <c r="EJ14" s="274">
        <v>63517</v>
      </c>
      <c r="EK14" s="274">
        <v>119758</v>
      </c>
      <c r="EL14" s="274">
        <v>142724</v>
      </c>
      <c r="EM14" s="274">
        <v>65045</v>
      </c>
      <c r="EN14" s="277">
        <v>500952</v>
      </c>
      <c r="EO14" s="278">
        <v>500952</v>
      </c>
      <c r="EP14" s="273">
        <v>0</v>
      </c>
      <c r="EQ14" s="274">
        <v>0</v>
      </c>
      <c r="ER14" s="275">
        <v>0</v>
      </c>
      <c r="ES14" s="514">
        <v>0</v>
      </c>
      <c r="ET14" s="274">
        <v>0</v>
      </c>
      <c r="EU14" s="274">
        <v>0</v>
      </c>
      <c r="EV14" s="274">
        <v>0</v>
      </c>
      <c r="EW14" s="274">
        <v>0</v>
      </c>
      <c r="EX14" s="274">
        <v>0</v>
      </c>
      <c r="EY14" s="277">
        <v>0</v>
      </c>
      <c r="EZ14" s="278">
        <v>0</v>
      </c>
      <c r="FA14" s="273">
        <v>0</v>
      </c>
      <c r="FB14" s="274">
        <v>0</v>
      </c>
      <c r="FC14" s="275">
        <v>0</v>
      </c>
      <c r="FD14" s="514">
        <v>0</v>
      </c>
      <c r="FE14" s="274">
        <v>0</v>
      </c>
      <c r="FF14" s="274">
        <v>0</v>
      </c>
      <c r="FG14" s="274">
        <v>0</v>
      </c>
      <c r="FH14" s="274">
        <v>420</v>
      </c>
      <c r="FI14" s="274">
        <v>2730</v>
      </c>
      <c r="FJ14" s="277">
        <v>3150</v>
      </c>
      <c r="FK14" s="278">
        <v>3150</v>
      </c>
      <c r="FL14" s="273">
        <v>0</v>
      </c>
      <c r="FM14" s="274">
        <v>0</v>
      </c>
      <c r="FN14" s="275">
        <v>0</v>
      </c>
      <c r="FO14" s="514">
        <v>0</v>
      </c>
      <c r="FP14" s="274">
        <v>0</v>
      </c>
      <c r="FQ14" s="274">
        <v>0</v>
      </c>
      <c r="FR14" s="274">
        <v>0</v>
      </c>
      <c r="FS14" s="274">
        <v>72346</v>
      </c>
      <c r="FT14" s="274">
        <v>211198</v>
      </c>
      <c r="FU14" s="277">
        <v>283544</v>
      </c>
      <c r="FV14" s="278">
        <v>283544</v>
      </c>
      <c r="FW14" s="273">
        <v>1053</v>
      </c>
      <c r="FX14" s="274">
        <v>11493</v>
      </c>
      <c r="FY14" s="275">
        <v>12546</v>
      </c>
      <c r="FZ14" s="276">
        <v>0</v>
      </c>
      <c r="GA14" s="274">
        <v>139640</v>
      </c>
      <c r="GB14" s="274">
        <v>468978</v>
      </c>
      <c r="GC14" s="274">
        <v>419908</v>
      </c>
      <c r="GD14" s="274">
        <v>495500</v>
      </c>
      <c r="GE14" s="274">
        <v>234247</v>
      </c>
      <c r="GF14" s="277">
        <v>1758273</v>
      </c>
      <c r="GG14" s="278">
        <v>1770819</v>
      </c>
      <c r="GH14" s="273">
        <v>0</v>
      </c>
      <c r="GI14" s="274">
        <v>0</v>
      </c>
      <c r="GJ14" s="275">
        <v>0</v>
      </c>
      <c r="GK14" s="276">
        <v>0</v>
      </c>
      <c r="GL14" s="274">
        <v>0</v>
      </c>
      <c r="GM14" s="274">
        <v>1432</v>
      </c>
      <c r="GN14" s="274">
        <v>0</v>
      </c>
      <c r="GO14" s="274">
        <v>8350</v>
      </c>
      <c r="GP14" s="274">
        <v>4587</v>
      </c>
      <c r="GQ14" s="277">
        <v>14369</v>
      </c>
      <c r="GR14" s="278">
        <v>14369</v>
      </c>
      <c r="GS14" s="273">
        <v>0</v>
      </c>
      <c r="GT14" s="274">
        <v>0</v>
      </c>
      <c r="GU14" s="275">
        <v>0</v>
      </c>
      <c r="GV14" s="276">
        <v>0</v>
      </c>
      <c r="GW14" s="274">
        <v>0</v>
      </c>
      <c r="GX14" s="274">
        <v>0</v>
      </c>
      <c r="GY14" s="274">
        <v>0</v>
      </c>
      <c r="GZ14" s="274">
        <v>0</v>
      </c>
      <c r="HA14" s="274">
        <v>0</v>
      </c>
      <c r="HB14" s="277">
        <v>0</v>
      </c>
      <c r="HC14" s="278">
        <v>0</v>
      </c>
      <c r="HD14" s="273">
        <v>0</v>
      </c>
      <c r="HE14" s="274">
        <v>0</v>
      </c>
      <c r="HF14" s="275">
        <v>0</v>
      </c>
      <c r="HG14" s="514">
        <v>0</v>
      </c>
      <c r="HH14" s="274">
        <v>0</v>
      </c>
      <c r="HI14" s="274">
        <v>0</v>
      </c>
      <c r="HJ14" s="274">
        <v>0</v>
      </c>
      <c r="HK14" s="274">
        <v>0</v>
      </c>
      <c r="HL14" s="274">
        <v>0</v>
      </c>
      <c r="HM14" s="277">
        <v>0</v>
      </c>
      <c r="HN14" s="278">
        <v>0</v>
      </c>
      <c r="HO14" s="273">
        <v>1198</v>
      </c>
      <c r="HP14" s="274">
        <v>24548</v>
      </c>
      <c r="HQ14" s="275">
        <v>25746</v>
      </c>
      <c r="HR14" s="276">
        <v>0</v>
      </c>
      <c r="HS14" s="274">
        <v>980091</v>
      </c>
      <c r="HT14" s="274">
        <v>1932279</v>
      </c>
      <c r="HU14" s="274">
        <v>6437846</v>
      </c>
      <c r="HV14" s="274">
        <v>10035181</v>
      </c>
      <c r="HW14" s="274">
        <v>8579181</v>
      </c>
      <c r="HX14" s="277">
        <v>27964578</v>
      </c>
      <c r="HY14" s="278">
        <v>27990324</v>
      </c>
    </row>
    <row r="15" spans="2:233" ht="21" customHeight="1" x14ac:dyDescent="0.2">
      <c r="B15" s="468" t="s">
        <v>11</v>
      </c>
      <c r="C15" s="273">
        <v>2645</v>
      </c>
      <c r="D15" s="274">
        <v>3760</v>
      </c>
      <c r="E15" s="275">
        <v>6405</v>
      </c>
      <c r="F15" s="276">
        <v>0</v>
      </c>
      <c r="G15" s="274">
        <v>831206</v>
      </c>
      <c r="H15" s="274">
        <v>871433</v>
      </c>
      <c r="I15" s="274">
        <v>2666911</v>
      </c>
      <c r="J15" s="274">
        <v>4176355</v>
      </c>
      <c r="K15" s="274">
        <v>2346577</v>
      </c>
      <c r="L15" s="277">
        <v>10892482</v>
      </c>
      <c r="M15" s="278">
        <v>10898887</v>
      </c>
      <c r="N15" s="273">
        <v>0</v>
      </c>
      <c r="O15" s="274">
        <v>0</v>
      </c>
      <c r="P15" s="275">
        <v>0</v>
      </c>
      <c r="Q15" s="514">
        <v>0</v>
      </c>
      <c r="R15" s="274">
        <v>0</v>
      </c>
      <c r="S15" s="274">
        <v>114810</v>
      </c>
      <c r="T15" s="274">
        <v>1526183</v>
      </c>
      <c r="U15" s="274">
        <v>2859845</v>
      </c>
      <c r="V15" s="274">
        <v>1519330</v>
      </c>
      <c r="W15" s="277">
        <v>6020168</v>
      </c>
      <c r="X15" s="278">
        <v>6020168</v>
      </c>
      <c r="Y15" s="273">
        <v>0</v>
      </c>
      <c r="Z15" s="274">
        <v>0</v>
      </c>
      <c r="AA15" s="275">
        <v>0</v>
      </c>
      <c r="AB15" s="514">
        <v>0</v>
      </c>
      <c r="AC15" s="274">
        <v>591970</v>
      </c>
      <c r="AD15" s="274">
        <v>545465</v>
      </c>
      <c r="AE15" s="274">
        <v>654971</v>
      </c>
      <c r="AF15" s="274">
        <v>1108825</v>
      </c>
      <c r="AG15" s="274">
        <v>391450</v>
      </c>
      <c r="AH15" s="277">
        <v>3292681</v>
      </c>
      <c r="AI15" s="278">
        <v>3292681</v>
      </c>
      <c r="AJ15" s="273">
        <v>0</v>
      </c>
      <c r="AK15" s="274">
        <v>0</v>
      </c>
      <c r="AL15" s="275">
        <v>0</v>
      </c>
      <c r="AM15" s="514">
        <v>0</v>
      </c>
      <c r="AN15" s="274">
        <v>0</v>
      </c>
      <c r="AO15" s="274">
        <v>0</v>
      </c>
      <c r="AP15" s="274">
        <v>0</v>
      </c>
      <c r="AQ15" s="274">
        <v>0</v>
      </c>
      <c r="AR15" s="274">
        <v>0</v>
      </c>
      <c r="AS15" s="277">
        <v>0</v>
      </c>
      <c r="AT15" s="278">
        <v>0</v>
      </c>
      <c r="AU15" s="273">
        <v>0</v>
      </c>
      <c r="AV15" s="274">
        <v>0</v>
      </c>
      <c r="AW15" s="275">
        <v>0</v>
      </c>
      <c r="AX15" s="514">
        <v>0</v>
      </c>
      <c r="AY15" s="274">
        <v>192010</v>
      </c>
      <c r="AZ15" s="274">
        <v>92400</v>
      </c>
      <c r="BA15" s="274">
        <v>189310</v>
      </c>
      <c r="BB15" s="274">
        <v>76650</v>
      </c>
      <c r="BC15" s="274">
        <v>349635</v>
      </c>
      <c r="BD15" s="277">
        <v>900005</v>
      </c>
      <c r="BE15" s="278">
        <v>900005</v>
      </c>
      <c r="BF15" s="273">
        <v>0</v>
      </c>
      <c r="BG15" s="274">
        <v>0</v>
      </c>
      <c r="BH15" s="275">
        <v>0</v>
      </c>
      <c r="BI15" s="514">
        <v>0</v>
      </c>
      <c r="BJ15" s="274">
        <v>0</v>
      </c>
      <c r="BK15" s="274">
        <v>23850</v>
      </c>
      <c r="BL15" s="274">
        <v>0</v>
      </c>
      <c r="BM15" s="274">
        <v>0</v>
      </c>
      <c r="BN15" s="274">
        <v>0</v>
      </c>
      <c r="BO15" s="277">
        <v>23850</v>
      </c>
      <c r="BP15" s="278">
        <v>23850</v>
      </c>
      <c r="BQ15" s="273">
        <v>2645</v>
      </c>
      <c r="BR15" s="274">
        <v>3760</v>
      </c>
      <c r="BS15" s="275">
        <v>6405</v>
      </c>
      <c r="BT15" s="276">
        <v>0</v>
      </c>
      <c r="BU15" s="274">
        <v>47226</v>
      </c>
      <c r="BV15" s="274">
        <v>90008</v>
      </c>
      <c r="BW15" s="274">
        <v>294997</v>
      </c>
      <c r="BX15" s="274">
        <v>131035</v>
      </c>
      <c r="BY15" s="274">
        <v>81487</v>
      </c>
      <c r="BZ15" s="277">
        <v>644753</v>
      </c>
      <c r="CA15" s="278">
        <v>651158</v>
      </c>
      <c r="CB15" s="273">
        <v>0</v>
      </c>
      <c r="CC15" s="274">
        <v>0</v>
      </c>
      <c r="CD15" s="275">
        <v>0</v>
      </c>
      <c r="CE15" s="276">
        <v>0</v>
      </c>
      <c r="CF15" s="274">
        <v>0</v>
      </c>
      <c r="CG15" s="274">
        <v>4900</v>
      </c>
      <c r="CH15" s="274">
        <v>1450</v>
      </c>
      <c r="CI15" s="274">
        <v>0</v>
      </c>
      <c r="CJ15" s="274">
        <v>4675</v>
      </c>
      <c r="CK15" s="277">
        <v>11025</v>
      </c>
      <c r="CL15" s="278">
        <v>11025</v>
      </c>
      <c r="CM15" s="273">
        <v>0</v>
      </c>
      <c r="CN15" s="274">
        <v>0</v>
      </c>
      <c r="CO15" s="275">
        <v>0</v>
      </c>
      <c r="CP15" s="276">
        <v>0</v>
      </c>
      <c r="CQ15" s="274">
        <v>0</v>
      </c>
      <c r="CR15" s="274">
        <v>0</v>
      </c>
      <c r="CS15" s="274">
        <v>0</v>
      </c>
      <c r="CT15" s="274">
        <v>0</v>
      </c>
      <c r="CU15" s="274">
        <v>0</v>
      </c>
      <c r="CV15" s="277">
        <v>0</v>
      </c>
      <c r="CW15" s="278">
        <v>0</v>
      </c>
      <c r="CX15" s="273">
        <v>0</v>
      </c>
      <c r="CY15" s="274">
        <v>0</v>
      </c>
      <c r="CZ15" s="275">
        <v>0</v>
      </c>
      <c r="DA15" s="514">
        <v>0</v>
      </c>
      <c r="DB15" s="274">
        <v>0</v>
      </c>
      <c r="DC15" s="274">
        <v>0</v>
      </c>
      <c r="DD15" s="274">
        <v>0</v>
      </c>
      <c r="DE15" s="274">
        <v>0</v>
      </c>
      <c r="DF15" s="274">
        <v>0</v>
      </c>
      <c r="DG15" s="277">
        <v>0</v>
      </c>
      <c r="DH15" s="278">
        <v>0</v>
      </c>
      <c r="DI15" s="273">
        <v>2565</v>
      </c>
      <c r="DJ15" s="274">
        <v>4480</v>
      </c>
      <c r="DK15" s="275">
        <v>7045</v>
      </c>
      <c r="DL15" s="276">
        <v>0</v>
      </c>
      <c r="DM15" s="274">
        <v>214620</v>
      </c>
      <c r="DN15" s="274">
        <v>343722</v>
      </c>
      <c r="DO15" s="274">
        <v>2470782</v>
      </c>
      <c r="DP15" s="274">
        <v>3613257</v>
      </c>
      <c r="DQ15" s="274">
        <v>1939294</v>
      </c>
      <c r="DR15" s="277">
        <v>8581675</v>
      </c>
      <c r="DS15" s="279">
        <v>8588720</v>
      </c>
      <c r="DT15" s="273">
        <v>0</v>
      </c>
      <c r="DU15" s="274">
        <v>0</v>
      </c>
      <c r="DV15" s="275">
        <v>0</v>
      </c>
      <c r="DW15" s="514">
        <v>0</v>
      </c>
      <c r="DX15" s="274">
        <v>0</v>
      </c>
      <c r="DY15" s="274">
        <v>111600</v>
      </c>
      <c r="DZ15" s="274">
        <v>1996185</v>
      </c>
      <c r="EA15" s="274">
        <v>3260003</v>
      </c>
      <c r="EB15" s="274">
        <v>1762424</v>
      </c>
      <c r="EC15" s="277">
        <v>7130212</v>
      </c>
      <c r="ED15" s="278">
        <v>7130212</v>
      </c>
      <c r="EE15" s="273">
        <v>0</v>
      </c>
      <c r="EF15" s="274">
        <v>0</v>
      </c>
      <c r="EG15" s="275">
        <v>0</v>
      </c>
      <c r="EH15" s="514">
        <v>0</v>
      </c>
      <c r="EI15" s="274">
        <v>118691</v>
      </c>
      <c r="EJ15" s="274">
        <v>83513</v>
      </c>
      <c r="EK15" s="274">
        <v>168343</v>
      </c>
      <c r="EL15" s="274">
        <v>155865</v>
      </c>
      <c r="EM15" s="274">
        <v>47443</v>
      </c>
      <c r="EN15" s="277">
        <v>573855</v>
      </c>
      <c r="EO15" s="278">
        <v>573855</v>
      </c>
      <c r="EP15" s="273">
        <v>0</v>
      </c>
      <c r="EQ15" s="274">
        <v>0</v>
      </c>
      <c r="ER15" s="275">
        <v>0</v>
      </c>
      <c r="ES15" s="514">
        <v>0</v>
      </c>
      <c r="ET15" s="274">
        <v>0</v>
      </c>
      <c r="EU15" s="274">
        <v>0</v>
      </c>
      <c r="EV15" s="274">
        <v>0</v>
      </c>
      <c r="EW15" s="274">
        <v>0</v>
      </c>
      <c r="EX15" s="274">
        <v>0</v>
      </c>
      <c r="EY15" s="277">
        <v>0</v>
      </c>
      <c r="EZ15" s="278">
        <v>0</v>
      </c>
      <c r="FA15" s="273">
        <v>0</v>
      </c>
      <c r="FB15" s="274">
        <v>0</v>
      </c>
      <c r="FC15" s="275">
        <v>0</v>
      </c>
      <c r="FD15" s="514">
        <v>0</v>
      </c>
      <c r="FE15" s="274">
        <v>12829</v>
      </c>
      <c r="FF15" s="274">
        <v>22470</v>
      </c>
      <c r="FG15" s="274">
        <v>1694</v>
      </c>
      <c r="FH15" s="274">
        <v>1050</v>
      </c>
      <c r="FI15" s="274">
        <v>47340</v>
      </c>
      <c r="FJ15" s="277">
        <v>85383</v>
      </c>
      <c r="FK15" s="278">
        <v>85383</v>
      </c>
      <c r="FL15" s="273">
        <v>0</v>
      </c>
      <c r="FM15" s="274">
        <v>0</v>
      </c>
      <c r="FN15" s="275">
        <v>0</v>
      </c>
      <c r="FO15" s="514">
        <v>0</v>
      </c>
      <c r="FP15" s="274">
        <v>0</v>
      </c>
      <c r="FQ15" s="274">
        <v>20880</v>
      </c>
      <c r="FR15" s="274">
        <v>0</v>
      </c>
      <c r="FS15" s="274">
        <v>0</v>
      </c>
      <c r="FT15" s="274">
        <v>0</v>
      </c>
      <c r="FU15" s="277">
        <v>20880</v>
      </c>
      <c r="FV15" s="278">
        <v>20880</v>
      </c>
      <c r="FW15" s="273">
        <v>2565</v>
      </c>
      <c r="FX15" s="274">
        <v>4480</v>
      </c>
      <c r="FY15" s="275">
        <v>7045</v>
      </c>
      <c r="FZ15" s="276">
        <v>0</v>
      </c>
      <c r="GA15" s="274">
        <v>83100</v>
      </c>
      <c r="GB15" s="274">
        <v>105217</v>
      </c>
      <c r="GC15" s="274">
        <v>304490</v>
      </c>
      <c r="GD15" s="274">
        <v>196339</v>
      </c>
      <c r="GE15" s="274">
        <v>78795</v>
      </c>
      <c r="GF15" s="277">
        <v>767941</v>
      </c>
      <c r="GG15" s="278">
        <v>774986</v>
      </c>
      <c r="GH15" s="273">
        <v>0</v>
      </c>
      <c r="GI15" s="274">
        <v>0</v>
      </c>
      <c r="GJ15" s="275">
        <v>0</v>
      </c>
      <c r="GK15" s="276">
        <v>0</v>
      </c>
      <c r="GL15" s="274">
        <v>0</v>
      </c>
      <c r="GM15" s="274">
        <v>42</v>
      </c>
      <c r="GN15" s="274">
        <v>70</v>
      </c>
      <c r="GO15" s="274">
        <v>0</v>
      </c>
      <c r="GP15" s="274">
        <v>3292</v>
      </c>
      <c r="GQ15" s="277">
        <v>3404</v>
      </c>
      <c r="GR15" s="278">
        <v>3404</v>
      </c>
      <c r="GS15" s="273">
        <v>0</v>
      </c>
      <c r="GT15" s="274">
        <v>0</v>
      </c>
      <c r="GU15" s="275">
        <v>0</v>
      </c>
      <c r="GV15" s="276">
        <v>0</v>
      </c>
      <c r="GW15" s="274">
        <v>0</v>
      </c>
      <c r="GX15" s="274">
        <v>0</v>
      </c>
      <c r="GY15" s="274">
        <v>0</v>
      </c>
      <c r="GZ15" s="274">
        <v>0</v>
      </c>
      <c r="HA15" s="274">
        <v>0</v>
      </c>
      <c r="HB15" s="277">
        <v>0</v>
      </c>
      <c r="HC15" s="278">
        <v>0</v>
      </c>
      <c r="HD15" s="273">
        <v>0</v>
      </c>
      <c r="HE15" s="274">
        <v>0</v>
      </c>
      <c r="HF15" s="275">
        <v>0</v>
      </c>
      <c r="HG15" s="514">
        <v>0</v>
      </c>
      <c r="HH15" s="274">
        <v>0</v>
      </c>
      <c r="HI15" s="274">
        <v>0</v>
      </c>
      <c r="HJ15" s="274">
        <v>0</v>
      </c>
      <c r="HK15" s="274">
        <v>0</v>
      </c>
      <c r="HL15" s="274">
        <v>0</v>
      </c>
      <c r="HM15" s="277">
        <v>0</v>
      </c>
      <c r="HN15" s="278">
        <v>0</v>
      </c>
      <c r="HO15" s="273">
        <v>5210</v>
      </c>
      <c r="HP15" s="274">
        <v>8240</v>
      </c>
      <c r="HQ15" s="275">
        <v>13450</v>
      </c>
      <c r="HR15" s="276">
        <v>0</v>
      </c>
      <c r="HS15" s="274">
        <v>1045826</v>
      </c>
      <c r="HT15" s="274">
        <v>1215155</v>
      </c>
      <c r="HU15" s="274">
        <v>5137693</v>
      </c>
      <c r="HV15" s="274">
        <v>7789612</v>
      </c>
      <c r="HW15" s="274">
        <v>4285871</v>
      </c>
      <c r="HX15" s="277">
        <v>19474157</v>
      </c>
      <c r="HY15" s="278">
        <v>19487607</v>
      </c>
    </row>
    <row r="16" spans="2:233" ht="21" customHeight="1" x14ac:dyDescent="0.2">
      <c r="B16" s="468" t="s">
        <v>12</v>
      </c>
      <c r="C16" s="273">
        <v>4325</v>
      </c>
      <c r="D16" s="274">
        <v>9610</v>
      </c>
      <c r="E16" s="275">
        <v>13935</v>
      </c>
      <c r="F16" s="276">
        <v>0</v>
      </c>
      <c r="G16" s="274">
        <v>212030</v>
      </c>
      <c r="H16" s="274">
        <v>676206</v>
      </c>
      <c r="I16" s="274">
        <v>2316165</v>
      </c>
      <c r="J16" s="274">
        <v>3650857</v>
      </c>
      <c r="K16" s="274">
        <v>1611270</v>
      </c>
      <c r="L16" s="277">
        <v>8466528</v>
      </c>
      <c r="M16" s="278">
        <v>8480463</v>
      </c>
      <c r="N16" s="273">
        <v>0</v>
      </c>
      <c r="O16" s="274">
        <v>0</v>
      </c>
      <c r="P16" s="275">
        <v>0</v>
      </c>
      <c r="Q16" s="514">
        <v>0</v>
      </c>
      <c r="R16" s="274">
        <v>2550</v>
      </c>
      <c r="S16" s="274">
        <v>76940</v>
      </c>
      <c r="T16" s="274">
        <v>1454122</v>
      </c>
      <c r="U16" s="274">
        <v>2544294</v>
      </c>
      <c r="V16" s="274">
        <v>1090416</v>
      </c>
      <c r="W16" s="277">
        <v>5168322</v>
      </c>
      <c r="X16" s="278">
        <v>5168322</v>
      </c>
      <c r="Y16" s="273">
        <v>0</v>
      </c>
      <c r="Z16" s="274">
        <v>0</v>
      </c>
      <c r="AA16" s="275">
        <v>0</v>
      </c>
      <c r="AB16" s="514">
        <v>0</v>
      </c>
      <c r="AC16" s="274">
        <v>141315</v>
      </c>
      <c r="AD16" s="274">
        <v>540936</v>
      </c>
      <c r="AE16" s="274">
        <v>673240</v>
      </c>
      <c r="AF16" s="274">
        <v>826780</v>
      </c>
      <c r="AG16" s="274">
        <v>376610</v>
      </c>
      <c r="AH16" s="277">
        <v>2558881</v>
      </c>
      <c r="AI16" s="278">
        <v>2558881</v>
      </c>
      <c r="AJ16" s="273">
        <v>0</v>
      </c>
      <c r="AK16" s="274">
        <v>0</v>
      </c>
      <c r="AL16" s="275">
        <v>0</v>
      </c>
      <c r="AM16" s="514">
        <v>0</v>
      </c>
      <c r="AN16" s="274">
        <v>0</v>
      </c>
      <c r="AO16" s="274">
        <v>0</v>
      </c>
      <c r="AP16" s="274">
        <v>0</v>
      </c>
      <c r="AQ16" s="274">
        <v>0</v>
      </c>
      <c r="AR16" s="274">
        <v>0</v>
      </c>
      <c r="AS16" s="277">
        <v>0</v>
      </c>
      <c r="AT16" s="278">
        <v>0</v>
      </c>
      <c r="AU16" s="273">
        <v>0</v>
      </c>
      <c r="AV16" s="274">
        <v>0</v>
      </c>
      <c r="AW16" s="275">
        <v>0</v>
      </c>
      <c r="AX16" s="514">
        <v>0</v>
      </c>
      <c r="AY16" s="274">
        <v>0</v>
      </c>
      <c r="AZ16" s="274">
        <v>0</v>
      </c>
      <c r="BA16" s="274">
        <v>0</v>
      </c>
      <c r="BB16" s="274">
        <v>39300</v>
      </c>
      <c r="BC16" s="274">
        <v>28020</v>
      </c>
      <c r="BD16" s="277">
        <v>67320</v>
      </c>
      <c r="BE16" s="278">
        <v>67320</v>
      </c>
      <c r="BF16" s="273">
        <v>0</v>
      </c>
      <c r="BG16" s="274">
        <v>0</v>
      </c>
      <c r="BH16" s="275">
        <v>0</v>
      </c>
      <c r="BI16" s="514">
        <v>0</v>
      </c>
      <c r="BJ16" s="274">
        <v>0</v>
      </c>
      <c r="BK16" s="274">
        <v>0</v>
      </c>
      <c r="BL16" s="274">
        <v>89550</v>
      </c>
      <c r="BM16" s="274">
        <v>97350</v>
      </c>
      <c r="BN16" s="274">
        <v>36750</v>
      </c>
      <c r="BO16" s="277">
        <v>223650</v>
      </c>
      <c r="BP16" s="278">
        <v>223650</v>
      </c>
      <c r="BQ16" s="273">
        <v>4325</v>
      </c>
      <c r="BR16" s="274">
        <v>9610</v>
      </c>
      <c r="BS16" s="275">
        <v>13935</v>
      </c>
      <c r="BT16" s="276">
        <v>0</v>
      </c>
      <c r="BU16" s="274">
        <v>61895</v>
      </c>
      <c r="BV16" s="274">
        <v>54882</v>
      </c>
      <c r="BW16" s="274">
        <v>99253</v>
      </c>
      <c r="BX16" s="274">
        <v>143133</v>
      </c>
      <c r="BY16" s="274">
        <v>78459</v>
      </c>
      <c r="BZ16" s="277">
        <v>437622</v>
      </c>
      <c r="CA16" s="278">
        <v>451557</v>
      </c>
      <c r="CB16" s="273">
        <v>0</v>
      </c>
      <c r="CC16" s="274">
        <v>0</v>
      </c>
      <c r="CD16" s="275">
        <v>0</v>
      </c>
      <c r="CE16" s="276">
        <v>0</v>
      </c>
      <c r="CF16" s="274">
        <v>6270</v>
      </c>
      <c r="CG16" s="274">
        <v>3448</v>
      </c>
      <c r="CH16" s="274">
        <v>0</v>
      </c>
      <c r="CI16" s="274">
        <v>0</v>
      </c>
      <c r="CJ16" s="274">
        <v>1015</v>
      </c>
      <c r="CK16" s="277">
        <v>10733</v>
      </c>
      <c r="CL16" s="278">
        <v>10733</v>
      </c>
      <c r="CM16" s="273">
        <v>0</v>
      </c>
      <c r="CN16" s="274">
        <v>0</v>
      </c>
      <c r="CO16" s="275">
        <v>0</v>
      </c>
      <c r="CP16" s="276">
        <v>0</v>
      </c>
      <c r="CQ16" s="274">
        <v>0</v>
      </c>
      <c r="CR16" s="274">
        <v>0</v>
      </c>
      <c r="CS16" s="274">
        <v>0</v>
      </c>
      <c r="CT16" s="274">
        <v>0</v>
      </c>
      <c r="CU16" s="274">
        <v>0</v>
      </c>
      <c r="CV16" s="277">
        <v>0</v>
      </c>
      <c r="CW16" s="278">
        <v>0</v>
      </c>
      <c r="CX16" s="273">
        <v>0</v>
      </c>
      <c r="CY16" s="274">
        <v>0</v>
      </c>
      <c r="CZ16" s="275">
        <v>0</v>
      </c>
      <c r="DA16" s="514">
        <v>0</v>
      </c>
      <c r="DB16" s="274">
        <v>0</v>
      </c>
      <c r="DC16" s="274">
        <v>0</v>
      </c>
      <c r="DD16" s="274">
        <v>0</v>
      </c>
      <c r="DE16" s="274">
        <v>0</v>
      </c>
      <c r="DF16" s="274">
        <v>0</v>
      </c>
      <c r="DG16" s="277">
        <v>0</v>
      </c>
      <c r="DH16" s="278">
        <v>0</v>
      </c>
      <c r="DI16" s="273">
        <v>3255</v>
      </c>
      <c r="DJ16" s="274">
        <v>20647</v>
      </c>
      <c r="DK16" s="275">
        <v>23902</v>
      </c>
      <c r="DL16" s="276">
        <v>0</v>
      </c>
      <c r="DM16" s="274">
        <v>163110</v>
      </c>
      <c r="DN16" s="274">
        <v>482326</v>
      </c>
      <c r="DO16" s="274">
        <v>2614456</v>
      </c>
      <c r="DP16" s="274">
        <v>3695455</v>
      </c>
      <c r="DQ16" s="274">
        <v>1927173</v>
      </c>
      <c r="DR16" s="277">
        <v>8882520</v>
      </c>
      <c r="DS16" s="279">
        <v>8906422</v>
      </c>
      <c r="DT16" s="273">
        <v>0</v>
      </c>
      <c r="DU16" s="274">
        <v>0</v>
      </c>
      <c r="DV16" s="275">
        <v>0</v>
      </c>
      <c r="DW16" s="514">
        <v>0</v>
      </c>
      <c r="DX16" s="274">
        <v>20880</v>
      </c>
      <c r="DY16" s="274">
        <v>274854</v>
      </c>
      <c r="DZ16" s="274">
        <v>2135460</v>
      </c>
      <c r="EA16" s="274">
        <v>3111068</v>
      </c>
      <c r="EB16" s="274">
        <v>1627616</v>
      </c>
      <c r="EC16" s="277">
        <v>7169878</v>
      </c>
      <c r="ED16" s="278">
        <v>7169878</v>
      </c>
      <c r="EE16" s="273">
        <v>0</v>
      </c>
      <c r="EF16" s="274">
        <v>0</v>
      </c>
      <c r="EG16" s="275">
        <v>0</v>
      </c>
      <c r="EH16" s="514">
        <v>0</v>
      </c>
      <c r="EI16" s="274">
        <v>45859</v>
      </c>
      <c r="EJ16" s="274">
        <v>49353</v>
      </c>
      <c r="EK16" s="274">
        <v>106695</v>
      </c>
      <c r="EL16" s="274">
        <v>170012</v>
      </c>
      <c r="EM16" s="274">
        <v>37922</v>
      </c>
      <c r="EN16" s="277">
        <v>409841</v>
      </c>
      <c r="EO16" s="278">
        <v>409841</v>
      </c>
      <c r="EP16" s="273">
        <v>0</v>
      </c>
      <c r="EQ16" s="274">
        <v>0</v>
      </c>
      <c r="ER16" s="275">
        <v>0</v>
      </c>
      <c r="ES16" s="514">
        <v>0</v>
      </c>
      <c r="ET16" s="274">
        <v>0</v>
      </c>
      <c r="EU16" s="274">
        <v>0</v>
      </c>
      <c r="EV16" s="274">
        <v>0</v>
      </c>
      <c r="EW16" s="274">
        <v>0</v>
      </c>
      <c r="EX16" s="274">
        <v>0</v>
      </c>
      <c r="EY16" s="277">
        <v>0</v>
      </c>
      <c r="EZ16" s="278">
        <v>0</v>
      </c>
      <c r="FA16" s="273">
        <v>0</v>
      </c>
      <c r="FB16" s="274">
        <v>0</v>
      </c>
      <c r="FC16" s="275">
        <v>0</v>
      </c>
      <c r="FD16" s="514">
        <v>0</v>
      </c>
      <c r="FE16" s="274">
        <v>0</v>
      </c>
      <c r="FF16" s="274">
        <v>0</v>
      </c>
      <c r="FG16" s="274">
        <v>0</v>
      </c>
      <c r="FH16" s="274">
        <v>840</v>
      </c>
      <c r="FI16" s="274">
        <v>1372</v>
      </c>
      <c r="FJ16" s="277">
        <v>2212</v>
      </c>
      <c r="FK16" s="278">
        <v>2212</v>
      </c>
      <c r="FL16" s="273">
        <v>0</v>
      </c>
      <c r="FM16" s="274">
        <v>0</v>
      </c>
      <c r="FN16" s="275">
        <v>0</v>
      </c>
      <c r="FO16" s="514">
        <v>0</v>
      </c>
      <c r="FP16" s="274">
        <v>0</v>
      </c>
      <c r="FQ16" s="274">
        <v>0</v>
      </c>
      <c r="FR16" s="274">
        <v>160860</v>
      </c>
      <c r="FS16" s="274">
        <v>175560</v>
      </c>
      <c r="FT16" s="274">
        <v>77340</v>
      </c>
      <c r="FU16" s="277">
        <v>413760</v>
      </c>
      <c r="FV16" s="278">
        <v>413760</v>
      </c>
      <c r="FW16" s="273">
        <v>3255</v>
      </c>
      <c r="FX16" s="274">
        <v>20647</v>
      </c>
      <c r="FY16" s="275">
        <v>23902</v>
      </c>
      <c r="FZ16" s="276">
        <v>0</v>
      </c>
      <c r="GA16" s="274">
        <v>85592</v>
      </c>
      <c r="GB16" s="274">
        <v>158091</v>
      </c>
      <c r="GC16" s="274">
        <v>211441</v>
      </c>
      <c r="GD16" s="274">
        <v>237975</v>
      </c>
      <c r="GE16" s="274">
        <v>180283</v>
      </c>
      <c r="GF16" s="277">
        <v>873382</v>
      </c>
      <c r="GG16" s="278">
        <v>897284</v>
      </c>
      <c r="GH16" s="273">
        <v>0</v>
      </c>
      <c r="GI16" s="274">
        <v>0</v>
      </c>
      <c r="GJ16" s="275">
        <v>0</v>
      </c>
      <c r="GK16" s="276">
        <v>0</v>
      </c>
      <c r="GL16" s="274">
        <v>10779</v>
      </c>
      <c r="GM16" s="274">
        <v>28</v>
      </c>
      <c r="GN16" s="274">
        <v>0</v>
      </c>
      <c r="GO16" s="274">
        <v>0</v>
      </c>
      <c r="GP16" s="274">
        <v>2640</v>
      </c>
      <c r="GQ16" s="277">
        <v>13447</v>
      </c>
      <c r="GR16" s="278">
        <v>13447</v>
      </c>
      <c r="GS16" s="273">
        <v>0</v>
      </c>
      <c r="GT16" s="274">
        <v>0</v>
      </c>
      <c r="GU16" s="275">
        <v>0</v>
      </c>
      <c r="GV16" s="276">
        <v>0</v>
      </c>
      <c r="GW16" s="274">
        <v>0</v>
      </c>
      <c r="GX16" s="274">
        <v>0</v>
      </c>
      <c r="GY16" s="274">
        <v>0</v>
      </c>
      <c r="GZ16" s="274">
        <v>0</v>
      </c>
      <c r="HA16" s="274">
        <v>0</v>
      </c>
      <c r="HB16" s="277">
        <v>0</v>
      </c>
      <c r="HC16" s="278">
        <v>0</v>
      </c>
      <c r="HD16" s="273">
        <v>0</v>
      </c>
      <c r="HE16" s="274">
        <v>0</v>
      </c>
      <c r="HF16" s="275">
        <v>0</v>
      </c>
      <c r="HG16" s="514">
        <v>0</v>
      </c>
      <c r="HH16" s="274">
        <v>0</v>
      </c>
      <c r="HI16" s="274">
        <v>0</v>
      </c>
      <c r="HJ16" s="274">
        <v>0</v>
      </c>
      <c r="HK16" s="274">
        <v>0</v>
      </c>
      <c r="HL16" s="274">
        <v>0</v>
      </c>
      <c r="HM16" s="277">
        <v>0</v>
      </c>
      <c r="HN16" s="278">
        <v>0</v>
      </c>
      <c r="HO16" s="273">
        <v>7580</v>
      </c>
      <c r="HP16" s="274">
        <v>30257</v>
      </c>
      <c r="HQ16" s="275">
        <v>37837</v>
      </c>
      <c r="HR16" s="276">
        <v>0</v>
      </c>
      <c r="HS16" s="274">
        <v>375140</v>
      </c>
      <c r="HT16" s="274">
        <v>1158532</v>
      </c>
      <c r="HU16" s="274">
        <v>4930621</v>
      </c>
      <c r="HV16" s="274">
        <v>7346312</v>
      </c>
      <c r="HW16" s="274">
        <v>3538443</v>
      </c>
      <c r="HX16" s="277">
        <v>17349048</v>
      </c>
      <c r="HY16" s="278">
        <v>17386885</v>
      </c>
    </row>
    <row r="17" spans="2:233" ht="21" customHeight="1" x14ac:dyDescent="0.2">
      <c r="B17" s="468" t="s">
        <v>13</v>
      </c>
      <c r="C17" s="273">
        <v>0</v>
      </c>
      <c r="D17" s="274">
        <v>0</v>
      </c>
      <c r="E17" s="275">
        <v>0</v>
      </c>
      <c r="F17" s="276">
        <v>0</v>
      </c>
      <c r="G17" s="274">
        <v>76770</v>
      </c>
      <c r="H17" s="274">
        <v>188915</v>
      </c>
      <c r="I17" s="274">
        <v>358010</v>
      </c>
      <c r="J17" s="274">
        <v>891265</v>
      </c>
      <c r="K17" s="274">
        <v>783725</v>
      </c>
      <c r="L17" s="277">
        <v>2298685</v>
      </c>
      <c r="M17" s="278">
        <v>2298685</v>
      </c>
      <c r="N17" s="273">
        <v>0</v>
      </c>
      <c r="O17" s="274">
        <v>0</v>
      </c>
      <c r="P17" s="275">
        <v>0</v>
      </c>
      <c r="Q17" s="514">
        <v>0</v>
      </c>
      <c r="R17" s="274">
        <v>2550</v>
      </c>
      <c r="S17" s="274">
        <v>34200</v>
      </c>
      <c r="T17" s="274">
        <v>261540</v>
      </c>
      <c r="U17" s="274">
        <v>806160</v>
      </c>
      <c r="V17" s="274">
        <v>664515</v>
      </c>
      <c r="W17" s="277">
        <v>1768965</v>
      </c>
      <c r="X17" s="278">
        <v>1768965</v>
      </c>
      <c r="Y17" s="273">
        <v>0</v>
      </c>
      <c r="Z17" s="274">
        <v>0</v>
      </c>
      <c r="AA17" s="275">
        <v>0</v>
      </c>
      <c r="AB17" s="514">
        <v>0</v>
      </c>
      <c r="AC17" s="274">
        <v>58050</v>
      </c>
      <c r="AD17" s="274">
        <v>119250</v>
      </c>
      <c r="AE17" s="274">
        <v>54945</v>
      </c>
      <c r="AF17" s="274">
        <v>66425</v>
      </c>
      <c r="AG17" s="274">
        <v>81150</v>
      </c>
      <c r="AH17" s="277">
        <v>379820</v>
      </c>
      <c r="AI17" s="278">
        <v>379820</v>
      </c>
      <c r="AJ17" s="273">
        <v>0</v>
      </c>
      <c r="AK17" s="274">
        <v>0</v>
      </c>
      <c r="AL17" s="275">
        <v>0</v>
      </c>
      <c r="AM17" s="514">
        <v>0</v>
      </c>
      <c r="AN17" s="274">
        <v>0</v>
      </c>
      <c r="AO17" s="274">
        <v>0</v>
      </c>
      <c r="AP17" s="274">
        <v>0</v>
      </c>
      <c r="AQ17" s="274">
        <v>0</v>
      </c>
      <c r="AR17" s="274">
        <v>0</v>
      </c>
      <c r="AS17" s="277">
        <v>0</v>
      </c>
      <c r="AT17" s="278">
        <v>0</v>
      </c>
      <c r="AU17" s="273">
        <v>0</v>
      </c>
      <c r="AV17" s="274">
        <v>0</v>
      </c>
      <c r="AW17" s="275">
        <v>0</v>
      </c>
      <c r="AX17" s="514">
        <v>0</v>
      </c>
      <c r="AY17" s="274">
        <v>0</v>
      </c>
      <c r="AZ17" s="274">
        <v>0</v>
      </c>
      <c r="BA17" s="274">
        <v>0</v>
      </c>
      <c r="BB17" s="274">
        <v>0</v>
      </c>
      <c r="BC17" s="274">
        <v>0</v>
      </c>
      <c r="BD17" s="277">
        <v>0</v>
      </c>
      <c r="BE17" s="278">
        <v>0</v>
      </c>
      <c r="BF17" s="273">
        <v>0</v>
      </c>
      <c r="BG17" s="274">
        <v>0</v>
      </c>
      <c r="BH17" s="275">
        <v>0</v>
      </c>
      <c r="BI17" s="514">
        <v>0</v>
      </c>
      <c r="BJ17" s="274">
        <v>0</v>
      </c>
      <c r="BK17" s="274">
        <v>0</v>
      </c>
      <c r="BL17" s="274">
        <v>0</v>
      </c>
      <c r="BM17" s="274">
        <v>0</v>
      </c>
      <c r="BN17" s="274">
        <v>0</v>
      </c>
      <c r="BO17" s="277">
        <v>0</v>
      </c>
      <c r="BP17" s="278">
        <v>0</v>
      </c>
      <c r="BQ17" s="273">
        <v>0</v>
      </c>
      <c r="BR17" s="274">
        <v>0</v>
      </c>
      <c r="BS17" s="275">
        <v>0</v>
      </c>
      <c r="BT17" s="276">
        <v>0</v>
      </c>
      <c r="BU17" s="274">
        <v>15880</v>
      </c>
      <c r="BV17" s="274">
        <v>35465</v>
      </c>
      <c r="BW17" s="274">
        <v>41525</v>
      </c>
      <c r="BX17" s="274">
        <v>18270</v>
      </c>
      <c r="BY17" s="274">
        <v>38060</v>
      </c>
      <c r="BZ17" s="277">
        <v>149200</v>
      </c>
      <c r="CA17" s="278">
        <v>149200</v>
      </c>
      <c r="CB17" s="273">
        <v>0</v>
      </c>
      <c r="CC17" s="274">
        <v>0</v>
      </c>
      <c r="CD17" s="275">
        <v>0</v>
      </c>
      <c r="CE17" s="276">
        <v>0</v>
      </c>
      <c r="CF17" s="274">
        <v>290</v>
      </c>
      <c r="CG17" s="274">
        <v>0</v>
      </c>
      <c r="CH17" s="274">
        <v>0</v>
      </c>
      <c r="CI17" s="274">
        <v>410</v>
      </c>
      <c r="CJ17" s="274">
        <v>0</v>
      </c>
      <c r="CK17" s="277">
        <v>700</v>
      </c>
      <c r="CL17" s="278">
        <v>700</v>
      </c>
      <c r="CM17" s="273">
        <v>0</v>
      </c>
      <c r="CN17" s="274">
        <v>0</v>
      </c>
      <c r="CO17" s="275">
        <v>0</v>
      </c>
      <c r="CP17" s="276">
        <v>0</v>
      </c>
      <c r="CQ17" s="274">
        <v>0</v>
      </c>
      <c r="CR17" s="274">
        <v>0</v>
      </c>
      <c r="CS17" s="274">
        <v>0</v>
      </c>
      <c r="CT17" s="274">
        <v>0</v>
      </c>
      <c r="CU17" s="274">
        <v>0</v>
      </c>
      <c r="CV17" s="277">
        <v>0</v>
      </c>
      <c r="CW17" s="278">
        <v>0</v>
      </c>
      <c r="CX17" s="273">
        <v>0</v>
      </c>
      <c r="CY17" s="274">
        <v>0</v>
      </c>
      <c r="CZ17" s="275">
        <v>0</v>
      </c>
      <c r="DA17" s="514">
        <v>0</v>
      </c>
      <c r="DB17" s="274">
        <v>0</v>
      </c>
      <c r="DC17" s="274">
        <v>0</v>
      </c>
      <c r="DD17" s="274">
        <v>0</v>
      </c>
      <c r="DE17" s="274">
        <v>0</v>
      </c>
      <c r="DF17" s="274">
        <v>0</v>
      </c>
      <c r="DG17" s="277">
        <v>0</v>
      </c>
      <c r="DH17" s="278">
        <v>0</v>
      </c>
      <c r="DI17" s="273">
        <v>0</v>
      </c>
      <c r="DJ17" s="274">
        <v>0</v>
      </c>
      <c r="DK17" s="275">
        <v>0</v>
      </c>
      <c r="DL17" s="276">
        <v>0</v>
      </c>
      <c r="DM17" s="274">
        <v>54984</v>
      </c>
      <c r="DN17" s="274">
        <v>67957</v>
      </c>
      <c r="DO17" s="274">
        <v>519709</v>
      </c>
      <c r="DP17" s="274">
        <v>951382</v>
      </c>
      <c r="DQ17" s="274">
        <v>829820</v>
      </c>
      <c r="DR17" s="277">
        <v>2423852</v>
      </c>
      <c r="DS17" s="279">
        <v>2423852</v>
      </c>
      <c r="DT17" s="273">
        <v>0</v>
      </c>
      <c r="DU17" s="274">
        <v>0</v>
      </c>
      <c r="DV17" s="275">
        <v>0</v>
      </c>
      <c r="DW17" s="514">
        <v>0</v>
      </c>
      <c r="DX17" s="274">
        <v>20880</v>
      </c>
      <c r="DY17" s="274">
        <v>37080</v>
      </c>
      <c r="DZ17" s="274">
        <v>395046</v>
      </c>
      <c r="EA17" s="274">
        <v>868795</v>
      </c>
      <c r="EB17" s="274">
        <v>749826</v>
      </c>
      <c r="EC17" s="277">
        <v>2071627</v>
      </c>
      <c r="ED17" s="278">
        <v>2071627</v>
      </c>
      <c r="EE17" s="273">
        <v>0</v>
      </c>
      <c r="EF17" s="274">
        <v>0</v>
      </c>
      <c r="EG17" s="275">
        <v>0</v>
      </c>
      <c r="EH17" s="514">
        <v>0</v>
      </c>
      <c r="EI17" s="274">
        <v>11160</v>
      </c>
      <c r="EJ17" s="274">
        <v>1267</v>
      </c>
      <c r="EK17" s="274">
        <v>20446</v>
      </c>
      <c r="EL17" s="274">
        <v>12420</v>
      </c>
      <c r="EM17" s="274">
        <v>22350</v>
      </c>
      <c r="EN17" s="277">
        <v>67643</v>
      </c>
      <c r="EO17" s="278">
        <v>67643</v>
      </c>
      <c r="EP17" s="273">
        <v>0</v>
      </c>
      <c r="EQ17" s="274">
        <v>0</v>
      </c>
      <c r="ER17" s="275">
        <v>0</v>
      </c>
      <c r="ES17" s="514">
        <v>0</v>
      </c>
      <c r="ET17" s="274">
        <v>0</v>
      </c>
      <c r="EU17" s="274">
        <v>0</v>
      </c>
      <c r="EV17" s="274">
        <v>0</v>
      </c>
      <c r="EW17" s="274">
        <v>0</v>
      </c>
      <c r="EX17" s="274">
        <v>0</v>
      </c>
      <c r="EY17" s="277">
        <v>0</v>
      </c>
      <c r="EZ17" s="278">
        <v>0</v>
      </c>
      <c r="FA17" s="273">
        <v>0</v>
      </c>
      <c r="FB17" s="274">
        <v>0</v>
      </c>
      <c r="FC17" s="275">
        <v>0</v>
      </c>
      <c r="FD17" s="514">
        <v>0</v>
      </c>
      <c r="FE17" s="274">
        <v>0</v>
      </c>
      <c r="FF17" s="274">
        <v>0</v>
      </c>
      <c r="FG17" s="274">
        <v>0</v>
      </c>
      <c r="FH17" s="274">
        <v>0</v>
      </c>
      <c r="FI17" s="274">
        <v>0</v>
      </c>
      <c r="FJ17" s="277">
        <v>0</v>
      </c>
      <c r="FK17" s="278">
        <v>0</v>
      </c>
      <c r="FL17" s="273">
        <v>0</v>
      </c>
      <c r="FM17" s="274">
        <v>0</v>
      </c>
      <c r="FN17" s="275">
        <v>0</v>
      </c>
      <c r="FO17" s="514">
        <v>0</v>
      </c>
      <c r="FP17" s="274">
        <v>0</v>
      </c>
      <c r="FQ17" s="274">
        <v>0</v>
      </c>
      <c r="FR17" s="274">
        <v>0</v>
      </c>
      <c r="FS17" s="274">
        <v>0</v>
      </c>
      <c r="FT17" s="274">
        <v>0</v>
      </c>
      <c r="FU17" s="277">
        <v>0</v>
      </c>
      <c r="FV17" s="278">
        <v>0</v>
      </c>
      <c r="FW17" s="273">
        <v>0</v>
      </c>
      <c r="FX17" s="274">
        <v>0</v>
      </c>
      <c r="FY17" s="275">
        <v>0</v>
      </c>
      <c r="FZ17" s="276">
        <v>0</v>
      </c>
      <c r="GA17" s="274">
        <v>21512</v>
      </c>
      <c r="GB17" s="274">
        <v>29610</v>
      </c>
      <c r="GC17" s="274">
        <v>104217</v>
      </c>
      <c r="GD17" s="274">
        <v>70139</v>
      </c>
      <c r="GE17" s="274">
        <v>57644</v>
      </c>
      <c r="GF17" s="277">
        <v>283122</v>
      </c>
      <c r="GG17" s="278">
        <v>283122</v>
      </c>
      <c r="GH17" s="273">
        <v>0</v>
      </c>
      <c r="GI17" s="274">
        <v>0</v>
      </c>
      <c r="GJ17" s="275">
        <v>0</v>
      </c>
      <c r="GK17" s="276">
        <v>0</v>
      </c>
      <c r="GL17" s="274">
        <v>1432</v>
      </c>
      <c r="GM17" s="274">
        <v>0</v>
      </c>
      <c r="GN17" s="274">
        <v>0</v>
      </c>
      <c r="GO17" s="274">
        <v>28</v>
      </c>
      <c r="GP17" s="274">
        <v>0</v>
      </c>
      <c r="GQ17" s="277">
        <v>1460</v>
      </c>
      <c r="GR17" s="278">
        <v>1460</v>
      </c>
      <c r="GS17" s="273">
        <v>0</v>
      </c>
      <c r="GT17" s="274">
        <v>0</v>
      </c>
      <c r="GU17" s="275">
        <v>0</v>
      </c>
      <c r="GV17" s="276">
        <v>0</v>
      </c>
      <c r="GW17" s="274">
        <v>0</v>
      </c>
      <c r="GX17" s="274">
        <v>0</v>
      </c>
      <c r="GY17" s="274">
        <v>0</v>
      </c>
      <c r="GZ17" s="274">
        <v>0</v>
      </c>
      <c r="HA17" s="274">
        <v>0</v>
      </c>
      <c r="HB17" s="277">
        <v>0</v>
      </c>
      <c r="HC17" s="278">
        <v>0</v>
      </c>
      <c r="HD17" s="273">
        <v>0</v>
      </c>
      <c r="HE17" s="274">
        <v>0</v>
      </c>
      <c r="HF17" s="275">
        <v>0</v>
      </c>
      <c r="HG17" s="514">
        <v>0</v>
      </c>
      <c r="HH17" s="274">
        <v>0</v>
      </c>
      <c r="HI17" s="274">
        <v>0</v>
      </c>
      <c r="HJ17" s="274">
        <v>0</v>
      </c>
      <c r="HK17" s="274">
        <v>0</v>
      </c>
      <c r="HL17" s="274">
        <v>0</v>
      </c>
      <c r="HM17" s="277">
        <v>0</v>
      </c>
      <c r="HN17" s="278">
        <v>0</v>
      </c>
      <c r="HO17" s="273">
        <v>0</v>
      </c>
      <c r="HP17" s="274">
        <v>0</v>
      </c>
      <c r="HQ17" s="275">
        <v>0</v>
      </c>
      <c r="HR17" s="276">
        <v>0</v>
      </c>
      <c r="HS17" s="274">
        <v>131754</v>
      </c>
      <c r="HT17" s="274">
        <v>256872</v>
      </c>
      <c r="HU17" s="274">
        <v>877719</v>
      </c>
      <c r="HV17" s="274">
        <v>1842647</v>
      </c>
      <c r="HW17" s="274">
        <v>1613545</v>
      </c>
      <c r="HX17" s="277">
        <v>4722537</v>
      </c>
      <c r="HY17" s="278">
        <v>4722537</v>
      </c>
    </row>
    <row r="18" spans="2:233" ht="21" customHeight="1" x14ac:dyDescent="0.2">
      <c r="B18" s="468" t="s">
        <v>15</v>
      </c>
      <c r="C18" s="273">
        <v>0</v>
      </c>
      <c r="D18" s="274">
        <v>0</v>
      </c>
      <c r="E18" s="275">
        <v>0</v>
      </c>
      <c r="F18" s="276">
        <v>0</v>
      </c>
      <c r="G18" s="274">
        <v>159362</v>
      </c>
      <c r="H18" s="274">
        <v>330380</v>
      </c>
      <c r="I18" s="274">
        <v>1574813</v>
      </c>
      <c r="J18" s="274">
        <v>2179722</v>
      </c>
      <c r="K18" s="274">
        <v>1243502</v>
      </c>
      <c r="L18" s="277">
        <v>5487779</v>
      </c>
      <c r="M18" s="278">
        <v>5487779</v>
      </c>
      <c r="N18" s="273">
        <v>0</v>
      </c>
      <c r="O18" s="274">
        <v>0</v>
      </c>
      <c r="P18" s="275">
        <v>0</v>
      </c>
      <c r="Q18" s="514">
        <v>0</v>
      </c>
      <c r="R18" s="274">
        <v>2550</v>
      </c>
      <c r="S18" s="274">
        <v>0</v>
      </c>
      <c r="T18" s="274">
        <v>1033530</v>
      </c>
      <c r="U18" s="274">
        <v>1313840</v>
      </c>
      <c r="V18" s="274">
        <v>922895</v>
      </c>
      <c r="W18" s="277">
        <v>3272815</v>
      </c>
      <c r="X18" s="278">
        <v>3272815</v>
      </c>
      <c r="Y18" s="273">
        <v>0</v>
      </c>
      <c r="Z18" s="274">
        <v>0</v>
      </c>
      <c r="AA18" s="275">
        <v>0</v>
      </c>
      <c r="AB18" s="514">
        <v>0</v>
      </c>
      <c r="AC18" s="274">
        <v>153000</v>
      </c>
      <c r="AD18" s="274">
        <v>316850</v>
      </c>
      <c r="AE18" s="274">
        <v>257405</v>
      </c>
      <c r="AF18" s="274">
        <v>587271</v>
      </c>
      <c r="AG18" s="274">
        <v>177595</v>
      </c>
      <c r="AH18" s="277">
        <v>1492121</v>
      </c>
      <c r="AI18" s="278">
        <v>1492121</v>
      </c>
      <c r="AJ18" s="273">
        <v>0</v>
      </c>
      <c r="AK18" s="274">
        <v>0</v>
      </c>
      <c r="AL18" s="275">
        <v>0</v>
      </c>
      <c r="AM18" s="514">
        <v>0</v>
      </c>
      <c r="AN18" s="274">
        <v>0</v>
      </c>
      <c r="AO18" s="274">
        <v>0</v>
      </c>
      <c r="AP18" s="274">
        <v>0</v>
      </c>
      <c r="AQ18" s="274">
        <v>0</v>
      </c>
      <c r="AR18" s="274">
        <v>0</v>
      </c>
      <c r="AS18" s="277">
        <v>0</v>
      </c>
      <c r="AT18" s="278">
        <v>0</v>
      </c>
      <c r="AU18" s="273">
        <v>0</v>
      </c>
      <c r="AV18" s="274">
        <v>0</v>
      </c>
      <c r="AW18" s="275">
        <v>0</v>
      </c>
      <c r="AX18" s="514">
        <v>0</v>
      </c>
      <c r="AY18" s="274">
        <v>0</v>
      </c>
      <c r="AZ18" s="274">
        <v>0</v>
      </c>
      <c r="BA18" s="274">
        <v>0</v>
      </c>
      <c r="BB18" s="274">
        <v>0</v>
      </c>
      <c r="BC18" s="274">
        <v>0</v>
      </c>
      <c r="BD18" s="277">
        <v>0</v>
      </c>
      <c r="BE18" s="278">
        <v>0</v>
      </c>
      <c r="BF18" s="273">
        <v>0</v>
      </c>
      <c r="BG18" s="274">
        <v>0</v>
      </c>
      <c r="BH18" s="275">
        <v>0</v>
      </c>
      <c r="BI18" s="514">
        <v>0</v>
      </c>
      <c r="BJ18" s="274">
        <v>0</v>
      </c>
      <c r="BK18" s="274">
        <v>0</v>
      </c>
      <c r="BL18" s="274">
        <v>75785</v>
      </c>
      <c r="BM18" s="274">
        <v>95820</v>
      </c>
      <c r="BN18" s="274">
        <v>53340</v>
      </c>
      <c r="BO18" s="277">
        <v>224945</v>
      </c>
      <c r="BP18" s="278">
        <v>224945</v>
      </c>
      <c r="BQ18" s="273">
        <v>0</v>
      </c>
      <c r="BR18" s="274">
        <v>0</v>
      </c>
      <c r="BS18" s="275">
        <v>0</v>
      </c>
      <c r="BT18" s="276">
        <v>0</v>
      </c>
      <c r="BU18" s="274">
        <v>3812</v>
      </c>
      <c r="BV18" s="274">
        <v>13530</v>
      </c>
      <c r="BW18" s="274">
        <v>190865</v>
      </c>
      <c r="BX18" s="274">
        <v>178786</v>
      </c>
      <c r="BY18" s="274">
        <v>89672</v>
      </c>
      <c r="BZ18" s="277">
        <v>476665</v>
      </c>
      <c r="CA18" s="278">
        <v>476665</v>
      </c>
      <c r="CB18" s="273">
        <v>0</v>
      </c>
      <c r="CC18" s="274">
        <v>0</v>
      </c>
      <c r="CD18" s="275">
        <v>0</v>
      </c>
      <c r="CE18" s="276">
        <v>0</v>
      </c>
      <c r="CF18" s="274">
        <v>0</v>
      </c>
      <c r="CG18" s="274">
        <v>0</v>
      </c>
      <c r="CH18" s="274">
        <v>17228</v>
      </c>
      <c r="CI18" s="274">
        <v>4005</v>
      </c>
      <c r="CJ18" s="274">
        <v>0</v>
      </c>
      <c r="CK18" s="277">
        <v>21233</v>
      </c>
      <c r="CL18" s="278">
        <v>21233</v>
      </c>
      <c r="CM18" s="273">
        <v>0</v>
      </c>
      <c r="CN18" s="274">
        <v>0</v>
      </c>
      <c r="CO18" s="275">
        <v>0</v>
      </c>
      <c r="CP18" s="276">
        <v>0</v>
      </c>
      <c r="CQ18" s="274">
        <v>0</v>
      </c>
      <c r="CR18" s="274">
        <v>0</v>
      </c>
      <c r="CS18" s="274">
        <v>0</v>
      </c>
      <c r="CT18" s="274">
        <v>0</v>
      </c>
      <c r="CU18" s="274">
        <v>0</v>
      </c>
      <c r="CV18" s="277">
        <v>0</v>
      </c>
      <c r="CW18" s="278">
        <v>0</v>
      </c>
      <c r="CX18" s="273">
        <v>0</v>
      </c>
      <c r="CY18" s="274">
        <v>0</v>
      </c>
      <c r="CZ18" s="275">
        <v>0</v>
      </c>
      <c r="DA18" s="514">
        <v>0</v>
      </c>
      <c r="DB18" s="274">
        <v>0</v>
      </c>
      <c r="DC18" s="274">
        <v>0</v>
      </c>
      <c r="DD18" s="274">
        <v>0</v>
      </c>
      <c r="DE18" s="274">
        <v>0</v>
      </c>
      <c r="DF18" s="274">
        <v>0</v>
      </c>
      <c r="DG18" s="277">
        <v>0</v>
      </c>
      <c r="DH18" s="278">
        <v>0</v>
      </c>
      <c r="DI18" s="273">
        <v>0</v>
      </c>
      <c r="DJ18" s="274">
        <v>0</v>
      </c>
      <c r="DK18" s="275">
        <v>0</v>
      </c>
      <c r="DL18" s="276">
        <v>0</v>
      </c>
      <c r="DM18" s="274">
        <v>30122</v>
      </c>
      <c r="DN18" s="274">
        <v>77626</v>
      </c>
      <c r="DO18" s="274">
        <v>1525578</v>
      </c>
      <c r="DP18" s="274">
        <v>2012846</v>
      </c>
      <c r="DQ18" s="274">
        <v>1324426</v>
      </c>
      <c r="DR18" s="277">
        <v>4970598</v>
      </c>
      <c r="DS18" s="279">
        <v>4970598</v>
      </c>
      <c r="DT18" s="273">
        <v>0</v>
      </c>
      <c r="DU18" s="274">
        <v>0</v>
      </c>
      <c r="DV18" s="275">
        <v>0</v>
      </c>
      <c r="DW18" s="514">
        <v>0</v>
      </c>
      <c r="DX18" s="274">
        <v>10530</v>
      </c>
      <c r="DY18" s="274">
        <v>0</v>
      </c>
      <c r="DZ18" s="274">
        <v>1046266</v>
      </c>
      <c r="EA18" s="274">
        <v>1592482</v>
      </c>
      <c r="EB18" s="274">
        <v>1086780</v>
      </c>
      <c r="EC18" s="277">
        <v>3736058</v>
      </c>
      <c r="ED18" s="278">
        <v>3736058</v>
      </c>
      <c r="EE18" s="273">
        <v>0</v>
      </c>
      <c r="EF18" s="274">
        <v>0</v>
      </c>
      <c r="EG18" s="275">
        <v>0</v>
      </c>
      <c r="EH18" s="514">
        <v>0</v>
      </c>
      <c r="EI18" s="274">
        <v>12780</v>
      </c>
      <c r="EJ18" s="274">
        <v>47977</v>
      </c>
      <c r="EK18" s="274">
        <v>35730</v>
      </c>
      <c r="EL18" s="274">
        <v>40482</v>
      </c>
      <c r="EM18" s="274">
        <v>33562</v>
      </c>
      <c r="EN18" s="277">
        <v>170531</v>
      </c>
      <c r="EO18" s="278">
        <v>170531</v>
      </c>
      <c r="EP18" s="273">
        <v>0</v>
      </c>
      <c r="EQ18" s="274">
        <v>0</v>
      </c>
      <c r="ER18" s="275">
        <v>0</v>
      </c>
      <c r="ES18" s="514">
        <v>0</v>
      </c>
      <c r="ET18" s="274">
        <v>0</v>
      </c>
      <c r="EU18" s="274">
        <v>0</v>
      </c>
      <c r="EV18" s="274">
        <v>0</v>
      </c>
      <c r="EW18" s="274">
        <v>0</v>
      </c>
      <c r="EX18" s="274">
        <v>0</v>
      </c>
      <c r="EY18" s="277">
        <v>0</v>
      </c>
      <c r="EZ18" s="278">
        <v>0</v>
      </c>
      <c r="FA18" s="273">
        <v>0</v>
      </c>
      <c r="FB18" s="274">
        <v>0</v>
      </c>
      <c r="FC18" s="275">
        <v>0</v>
      </c>
      <c r="FD18" s="514">
        <v>0</v>
      </c>
      <c r="FE18" s="274">
        <v>0</v>
      </c>
      <c r="FF18" s="274">
        <v>0</v>
      </c>
      <c r="FG18" s="274">
        <v>0</v>
      </c>
      <c r="FH18" s="274">
        <v>0</v>
      </c>
      <c r="FI18" s="274">
        <v>0</v>
      </c>
      <c r="FJ18" s="277">
        <v>0</v>
      </c>
      <c r="FK18" s="278">
        <v>0</v>
      </c>
      <c r="FL18" s="273">
        <v>0</v>
      </c>
      <c r="FM18" s="274">
        <v>0</v>
      </c>
      <c r="FN18" s="275">
        <v>0</v>
      </c>
      <c r="FO18" s="514">
        <v>0</v>
      </c>
      <c r="FP18" s="274">
        <v>0</v>
      </c>
      <c r="FQ18" s="274">
        <v>0</v>
      </c>
      <c r="FR18" s="274">
        <v>121222</v>
      </c>
      <c r="FS18" s="274">
        <v>163728</v>
      </c>
      <c r="FT18" s="274">
        <v>101394</v>
      </c>
      <c r="FU18" s="277">
        <v>386344</v>
      </c>
      <c r="FV18" s="278">
        <v>386344</v>
      </c>
      <c r="FW18" s="273">
        <v>0</v>
      </c>
      <c r="FX18" s="274">
        <v>0</v>
      </c>
      <c r="FY18" s="275">
        <v>0</v>
      </c>
      <c r="FZ18" s="276">
        <v>0</v>
      </c>
      <c r="GA18" s="274">
        <v>6812</v>
      </c>
      <c r="GB18" s="274">
        <v>29649</v>
      </c>
      <c r="GC18" s="274">
        <v>318998</v>
      </c>
      <c r="GD18" s="274">
        <v>216084</v>
      </c>
      <c r="GE18" s="274">
        <v>102690</v>
      </c>
      <c r="GF18" s="277">
        <v>674233</v>
      </c>
      <c r="GG18" s="278">
        <v>674233</v>
      </c>
      <c r="GH18" s="273">
        <v>0</v>
      </c>
      <c r="GI18" s="274">
        <v>0</v>
      </c>
      <c r="GJ18" s="275">
        <v>0</v>
      </c>
      <c r="GK18" s="276">
        <v>0</v>
      </c>
      <c r="GL18" s="274">
        <v>0</v>
      </c>
      <c r="GM18" s="274">
        <v>0</v>
      </c>
      <c r="GN18" s="274">
        <v>3362</v>
      </c>
      <c r="GO18" s="274">
        <v>70</v>
      </c>
      <c r="GP18" s="274">
        <v>0</v>
      </c>
      <c r="GQ18" s="277">
        <v>3432</v>
      </c>
      <c r="GR18" s="278">
        <v>3432</v>
      </c>
      <c r="GS18" s="273">
        <v>0</v>
      </c>
      <c r="GT18" s="274">
        <v>0</v>
      </c>
      <c r="GU18" s="275">
        <v>0</v>
      </c>
      <c r="GV18" s="276">
        <v>0</v>
      </c>
      <c r="GW18" s="274">
        <v>0</v>
      </c>
      <c r="GX18" s="274">
        <v>0</v>
      </c>
      <c r="GY18" s="274">
        <v>0</v>
      </c>
      <c r="GZ18" s="274">
        <v>0</v>
      </c>
      <c r="HA18" s="274">
        <v>0</v>
      </c>
      <c r="HB18" s="277">
        <v>0</v>
      </c>
      <c r="HC18" s="278">
        <v>0</v>
      </c>
      <c r="HD18" s="273">
        <v>0</v>
      </c>
      <c r="HE18" s="274">
        <v>0</v>
      </c>
      <c r="HF18" s="275">
        <v>0</v>
      </c>
      <c r="HG18" s="514">
        <v>0</v>
      </c>
      <c r="HH18" s="274">
        <v>0</v>
      </c>
      <c r="HI18" s="274">
        <v>0</v>
      </c>
      <c r="HJ18" s="274">
        <v>0</v>
      </c>
      <c r="HK18" s="274">
        <v>0</v>
      </c>
      <c r="HL18" s="274">
        <v>0</v>
      </c>
      <c r="HM18" s="277">
        <v>0</v>
      </c>
      <c r="HN18" s="278">
        <v>0</v>
      </c>
      <c r="HO18" s="273">
        <v>0</v>
      </c>
      <c r="HP18" s="274">
        <v>0</v>
      </c>
      <c r="HQ18" s="275">
        <v>0</v>
      </c>
      <c r="HR18" s="276">
        <v>0</v>
      </c>
      <c r="HS18" s="274">
        <v>189484</v>
      </c>
      <c r="HT18" s="274">
        <v>408006</v>
      </c>
      <c r="HU18" s="274">
        <v>3100391</v>
      </c>
      <c r="HV18" s="274">
        <v>4192568</v>
      </c>
      <c r="HW18" s="274">
        <v>2567928</v>
      </c>
      <c r="HX18" s="277">
        <v>10458377</v>
      </c>
      <c r="HY18" s="278">
        <v>10458377</v>
      </c>
    </row>
    <row r="19" spans="2:233" ht="21" customHeight="1" x14ac:dyDescent="0.2">
      <c r="B19" s="468" t="s">
        <v>16</v>
      </c>
      <c r="C19" s="273">
        <v>0</v>
      </c>
      <c r="D19" s="274">
        <v>0</v>
      </c>
      <c r="E19" s="275">
        <v>0</v>
      </c>
      <c r="F19" s="276">
        <v>0</v>
      </c>
      <c r="G19" s="274">
        <v>323865</v>
      </c>
      <c r="H19" s="274">
        <v>1025835</v>
      </c>
      <c r="I19" s="274">
        <v>2777972</v>
      </c>
      <c r="J19" s="274">
        <v>3351096</v>
      </c>
      <c r="K19" s="274">
        <v>2067083</v>
      </c>
      <c r="L19" s="277">
        <v>9545851</v>
      </c>
      <c r="M19" s="278">
        <v>9545851</v>
      </c>
      <c r="N19" s="273">
        <v>0</v>
      </c>
      <c r="O19" s="274">
        <v>0</v>
      </c>
      <c r="P19" s="275">
        <v>0</v>
      </c>
      <c r="Q19" s="514">
        <v>0</v>
      </c>
      <c r="R19" s="274">
        <v>63150</v>
      </c>
      <c r="S19" s="274">
        <v>26100</v>
      </c>
      <c r="T19" s="274">
        <v>1786185</v>
      </c>
      <c r="U19" s="274">
        <v>2396209</v>
      </c>
      <c r="V19" s="274">
        <v>1495173</v>
      </c>
      <c r="W19" s="277">
        <v>5766817</v>
      </c>
      <c r="X19" s="278">
        <v>5766817</v>
      </c>
      <c r="Y19" s="273">
        <v>0</v>
      </c>
      <c r="Z19" s="274">
        <v>0</v>
      </c>
      <c r="AA19" s="275">
        <v>0</v>
      </c>
      <c r="AB19" s="514">
        <v>0</v>
      </c>
      <c r="AC19" s="274">
        <v>200115</v>
      </c>
      <c r="AD19" s="274">
        <v>909053</v>
      </c>
      <c r="AE19" s="274">
        <v>919342</v>
      </c>
      <c r="AF19" s="274">
        <v>699225</v>
      </c>
      <c r="AG19" s="274">
        <v>271455</v>
      </c>
      <c r="AH19" s="277">
        <v>2999190</v>
      </c>
      <c r="AI19" s="278">
        <v>2999190</v>
      </c>
      <c r="AJ19" s="273">
        <v>0</v>
      </c>
      <c r="AK19" s="274">
        <v>0</v>
      </c>
      <c r="AL19" s="275">
        <v>0</v>
      </c>
      <c r="AM19" s="514">
        <v>0</v>
      </c>
      <c r="AN19" s="274">
        <v>0</v>
      </c>
      <c r="AO19" s="274">
        <v>0</v>
      </c>
      <c r="AP19" s="274">
        <v>0</v>
      </c>
      <c r="AQ19" s="274">
        <v>0</v>
      </c>
      <c r="AR19" s="274">
        <v>0</v>
      </c>
      <c r="AS19" s="277">
        <v>0</v>
      </c>
      <c r="AT19" s="278">
        <v>0</v>
      </c>
      <c r="AU19" s="273">
        <v>0</v>
      </c>
      <c r="AV19" s="274">
        <v>0</v>
      </c>
      <c r="AW19" s="275">
        <v>0</v>
      </c>
      <c r="AX19" s="514">
        <v>0</v>
      </c>
      <c r="AY19" s="274">
        <v>0</v>
      </c>
      <c r="AZ19" s="274">
        <v>0</v>
      </c>
      <c r="BA19" s="274">
        <v>0</v>
      </c>
      <c r="BB19" s="274">
        <v>110635</v>
      </c>
      <c r="BC19" s="274">
        <v>110040</v>
      </c>
      <c r="BD19" s="277">
        <v>220675</v>
      </c>
      <c r="BE19" s="278">
        <v>220675</v>
      </c>
      <c r="BF19" s="273">
        <v>0</v>
      </c>
      <c r="BG19" s="274">
        <v>0</v>
      </c>
      <c r="BH19" s="275">
        <v>0</v>
      </c>
      <c r="BI19" s="514">
        <v>0</v>
      </c>
      <c r="BJ19" s="274">
        <v>0</v>
      </c>
      <c r="BK19" s="274">
        <v>26400</v>
      </c>
      <c r="BL19" s="274">
        <v>28950</v>
      </c>
      <c r="BM19" s="274">
        <v>36750</v>
      </c>
      <c r="BN19" s="274">
        <v>155400</v>
      </c>
      <c r="BO19" s="277">
        <v>247500</v>
      </c>
      <c r="BP19" s="278">
        <v>247500</v>
      </c>
      <c r="BQ19" s="273">
        <v>0</v>
      </c>
      <c r="BR19" s="274">
        <v>0</v>
      </c>
      <c r="BS19" s="275">
        <v>0</v>
      </c>
      <c r="BT19" s="276">
        <v>0</v>
      </c>
      <c r="BU19" s="274">
        <v>55824</v>
      </c>
      <c r="BV19" s="274">
        <v>62687</v>
      </c>
      <c r="BW19" s="274">
        <v>43495</v>
      </c>
      <c r="BX19" s="274">
        <v>97032</v>
      </c>
      <c r="BY19" s="274">
        <v>35015</v>
      </c>
      <c r="BZ19" s="277">
        <v>294053</v>
      </c>
      <c r="CA19" s="278">
        <v>294053</v>
      </c>
      <c r="CB19" s="273">
        <v>0</v>
      </c>
      <c r="CC19" s="274">
        <v>0</v>
      </c>
      <c r="CD19" s="275">
        <v>0</v>
      </c>
      <c r="CE19" s="276">
        <v>0</v>
      </c>
      <c r="CF19" s="274">
        <v>4776</v>
      </c>
      <c r="CG19" s="274">
        <v>1595</v>
      </c>
      <c r="CH19" s="274">
        <v>0</v>
      </c>
      <c r="CI19" s="274">
        <v>11245</v>
      </c>
      <c r="CJ19" s="274">
        <v>0</v>
      </c>
      <c r="CK19" s="277">
        <v>17616</v>
      </c>
      <c r="CL19" s="278">
        <v>17616</v>
      </c>
      <c r="CM19" s="273">
        <v>0</v>
      </c>
      <c r="CN19" s="274">
        <v>0</v>
      </c>
      <c r="CO19" s="275">
        <v>0</v>
      </c>
      <c r="CP19" s="276">
        <v>0</v>
      </c>
      <c r="CQ19" s="274">
        <v>0</v>
      </c>
      <c r="CR19" s="274">
        <v>0</v>
      </c>
      <c r="CS19" s="274">
        <v>0</v>
      </c>
      <c r="CT19" s="274">
        <v>0</v>
      </c>
      <c r="CU19" s="274">
        <v>0</v>
      </c>
      <c r="CV19" s="277">
        <v>0</v>
      </c>
      <c r="CW19" s="278">
        <v>0</v>
      </c>
      <c r="CX19" s="273">
        <v>0</v>
      </c>
      <c r="CY19" s="274">
        <v>0</v>
      </c>
      <c r="CZ19" s="275">
        <v>0</v>
      </c>
      <c r="DA19" s="514">
        <v>0</v>
      </c>
      <c r="DB19" s="274">
        <v>0</v>
      </c>
      <c r="DC19" s="274">
        <v>0</v>
      </c>
      <c r="DD19" s="274">
        <v>0</v>
      </c>
      <c r="DE19" s="274">
        <v>0</v>
      </c>
      <c r="DF19" s="274">
        <v>0</v>
      </c>
      <c r="DG19" s="277">
        <v>0</v>
      </c>
      <c r="DH19" s="278">
        <v>0</v>
      </c>
      <c r="DI19" s="273">
        <v>0</v>
      </c>
      <c r="DJ19" s="274">
        <v>0</v>
      </c>
      <c r="DK19" s="275">
        <v>0</v>
      </c>
      <c r="DL19" s="276">
        <v>0</v>
      </c>
      <c r="DM19" s="274">
        <v>319631</v>
      </c>
      <c r="DN19" s="274">
        <v>593593</v>
      </c>
      <c r="DO19" s="274">
        <v>3077360</v>
      </c>
      <c r="DP19" s="274">
        <v>3757024</v>
      </c>
      <c r="DQ19" s="274">
        <v>2251829</v>
      </c>
      <c r="DR19" s="277">
        <v>9999437</v>
      </c>
      <c r="DS19" s="279">
        <v>9999437</v>
      </c>
      <c r="DT19" s="273">
        <v>0</v>
      </c>
      <c r="DU19" s="274">
        <v>0</v>
      </c>
      <c r="DV19" s="275">
        <v>0</v>
      </c>
      <c r="DW19" s="514">
        <v>0</v>
      </c>
      <c r="DX19" s="274">
        <v>74010</v>
      </c>
      <c r="DY19" s="274">
        <v>182610</v>
      </c>
      <c r="DZ19" s="274">
        <v>2586953</v>
      </c>
      <c r="EA19" s="274">
        <v>3290210</v>
      </c>
      <c r="EB19" s="274">
        <v>1834099</v>
      </c>
      <c r="EC19" s="277">
        <v>7967882</v>
      </c>
      <c r="ED19" s="278">
        <v>7967882</v>
      </c>
      <c r="EE19" s="273">
        <v>0</v>
      </c>
      <c r="EF19" s="274">
        <v>0</v>
      </c>
      <c r="EG19" s="275">
        <v>0</v>
      </c>
      <c r="EH19" s="514">
        <v>0</v>
      </c>
      <c r="EI19" s="274">
        <v>170523</v>
      </c>
      <c r="EJ19" s="274">
        <v>259123</v>
      </c>
      <c r="EK19" s="274">
        <v>314774</v>
      </c>
      <c r="EL19" s="274">
        <v>190136</v>
      </c>
      <c r="EM19" s="274">
        <v>102995</v>
      </c>
      <c r="EN19" s="277">
        <v>1037551</v>
      </c>
      <c r="EO19" s="278">
        <v>1037551</v>
      </c>
      <c r="EP19" s="273">
        <v>0</v>
      </c>
      <c r="EQ19" s="274">
        <v>0</v>
      </c>
      <c r="ER19" s="275">
        <v>0</v>
      </c>
      <c r="ES19" s="514">
        <v>0</v>
      </c>
      <c r="ET19" s="274">
        <v>0</v>
      </c>
      <c r="EU19" s="274">
        <v>0</v>
      </c>
      <c r="EV19" s="274">
        <v>0</v>
      </c>
      <c r="EW19" s="274">
        <v>0</v>
      </c>
      <c r="EX19" s="274">
        <v>0</v>
      </c>
      <c r="EY19" s="277">
        <v>0</v>
      </c>
      <c r="EZ19" s="278">
        <v>0</v>
      </c>
      <c r="FA19" s="273">
        <v>0</v>
      </c>
      <c r="FB19" s="274">
        <v>0</v>
      </c>
      <c r="FC19" s="275">
        <v>0</v>
      </c>
      <c r="FD19" s="514">
        <v>0</v>
      </c>
      <c r="FE19" s="274">
        <v>0</v>
      </c>
      <c r="FF19" s="274">
        <v>0</v>
      </c>
      <c r="FG19" s="274">
        <v>0</v>
      </c>
      <c r="FH19" s="274">
        <v>23684</v>
      </c>
      <c r="FI19" s="274">
        <v>23635</v>
      </c>
      <c r="FJ19" s="277">
        <v>47319</v>
      </c>
      <c r="FK19" s="278">
        <v>47319</v>
      </c>
      <c r="FL19" s="273">
        <v>0</v>
      </c>
      <c r="FM19" s="274">
        <v>0</v>
      </c>
      <c r="FN19" s="275">
        <v>0</v>
      </c>
      <c r="FO19" s="514">
        <v>0</v>
      </c>
      <c r="FP19" s="274">
        <v>0</v>
      </c>
      <c r="FQ19" s="274">
        <v>41760</v>
      </c>
      <c r="FR19" s="274">
        <v>62640</v>
      </c>
      <c r="FS19" s="274">
        <v>81516</v>
      </c>
      <c r="FT19" s="274">
        <v>252900</v>
      </c>
      <c r="FU19" s="277">
        <v>438816</v>
      </c>
      <c r="FV19" s="278">
        <v>438816</v>
      </c>
      <c r="FW19" s="273">
        <v>0</v>
      </c>
      <c r="FX19" s="274">
        <v>0</v>
      </c>
      <c r="FY19" s="275">
        <v>0</v>
      </c>
      <c r="FZ19" s="276">
        <v>0</v>
      </c>
      <c r="GA19" s="274">
        <v>74923</v>
      </c>
      <c r="GB19" s="274">
        <v>110016</v>
      </c>
      <c r="GC19" s="274">
        <v>112993</v>
      </c>
      <c r="GD19" s="274">
        <v>162930</v>
      </c>
      <c r="GE19" s="274">
        <v>38200</v>
      </c>
      <c r="GF19" s="277">
        <v>499062</v>
      </c>
      <c r="GG19" s="278">
        <v>499062</v>
      </c>
      <c r="GH19" s="273">
        <v>0</v>
      </c>
      <c r="GI19" s="274">
        <v>0</v>
      </c>
      <c r="GJ19" s="275">
        <v>0</v>
      </c>
      <c r="GK19" s="276">
        <v>0</v>
      </c>
      <c r="GL19" s="274">
        <v>175</v>
      </c>
      <c r="GM19" s="274">
        <v>84</v>
      </c>
      <c r="GN19" s="274">
        <v>0</v>
      </c>
      <c r="GO19" s="274">
        <v>8548</v>
      </c>
      <c r="GP19" s="274">
        <v>0</v>
      </c>
      <c r="GQ19" s="277">
        <v>8807</v>
      </c>
      <c r="GR19" s="278">
        <v>8807</v>
      </c>
      <c r="GS19" s="273">
        <v>0</v>
      </c>
      <c r="GT19" s="274">
        <v>0</v>
      </c>
      <c r="GU19" s="275">
        <v>0</v>
      </c>
      <c r="GV19" s="276">
        <v>0</v>
      </c>
      <c r="GW19" s="274">
        <v>0</v>
      </c>
      <c r="GX19" s="274">
        <v>0</v>
      </c>
      <c r="GY19" s="274">
        <v>0</v>
      </c>
      <c r="GZ19" s="274">
        <v>0</v>
      </c>
      <c r="HA19" s="274">
        <v>0</v>
      </c>
      <c r="HB19" s="277">
        <v>0</v>
      </c>
      <c r="HC19" s="278">
        <v>0</v>
      </c>
      <c r="HD19" s="273">
        <v>0</v>
      </c>
      <c r="HE19" s="274">
        <v>0</v>
      </c>
      <c r="HF19" s="275">
        <v>0</v>
      </c>
      <c r="HG19" s="514">
        <v>0</v>
      </c>
      <c r="HH19" s="274">
        <v>0</v>
      </c>
      <c r="HI19" s="274">
        <v>0</v>
      </c>
      <c r="HJ19" s="274">
        <v>0</v>
      </c>
      <c r="HK19" s="274">
        <v>0</v>
      </c>
      <c r="HL19" s="274">
        <v>0</v>
      </c>
      <c r="HM19" s="277">
        <v>0</v>
      </c>
      <c r="HN19" s="278">
        <v>0</v>
      </c>
      <c r="HO19" s="273">
        <v>0</v>
      </c>
      <c r="HP19" s="274">
        <v>0</v>
      </c>
      <c r="HQ19" s="275">
        <v>0</v>
      </c>
      <c r="HR19" s="276">
        <v>0</v>
      </c>
      <c r="HS19" s="274">
        <v>643496</v>
      </c>
      <c r="HT19" s="274">
        <v>1619428</v>
      </c>
      <c r="HU19" s="274">
        <v>5855332</v>
      </c>
      <c r="HV19" s="274">
        <v>7108120</v>
      </c>
      <c r="HW19" s="274">
        <v>4318912</v>
      </c>
      <c r="HX19" s="277">
        <v>19545288</v>
      </c>
      <c r="HY19" s="278">
        <v>19545288</v>
      </c>
    </row>
    <row r="20" spans="2:233" ht="21" customHeight="1" x14ac:dyDescent="0.2">
      <c r="B20" s="468" t="s">
        <v>17</v>
      </c>
      <c r="C20" s="273">
        <v>6580</v>
      </c>
      <c r="D20" s="274">
        <v>0</v>
      </c>
      <c r="E20" s="275">
        <v>6580</v>
      </c>
      <c r="F20" s="276">
        <v>0</v>
      </c>
      <c r="G20" s="274">
        <v>217530</v>
      </c>
      <c r="H20" s="274">
        <v>1179563</v>
      </c>
      <c r="I20" s="274">
        <v>2525402</v>
      </c>
      <c r="J20" s="274">
        <v>3455327</v>
      </c>
      <c r="K20" s="274">
        <v>2578275</v>
      </c>
      <c r="L20" s="277">
        <v>9956097</v>
      </c>
      <c r="M20" s="278">
        <v>9962677</v>
      </c>
      <c r="N20" s="273">
        <v>0</v>
      </c>
      <c r="O20" s="274">
        <v>0</v>
      </c>
      <c r="P20" s="275">
        <v>0</v>
      </c>
      <c r="Q20" s="514">
        <v>0</v>
      </c>
      <c r="R20" s="274">
        <v>54210</v>
      </c>
      <c r="S20" s="274">
        <v>192300</v>
      </c>
      <c r="T20" s="274">
        <v>1448485</v>
      </c>
      <c r="U20" s="274">
        <v>2235005</v>
      </c>
      <c r="V20" s="274">
        <v>1935935</v>
      </c>
      <c r="W20" s="277">
        <v>5865935</v>
      </c>
      <c r="X20" s="278">
        <v>5865935</v>
      </c>
      <c r="Y20" s="273">
        <v>0</v>
      </c>
      <c r="Z20" s="274">
        <v>0</v>
      </c>
      <c r="AA20" s="275">
        <v>0</v>
      </c>
      <c r="AB20" s="514">
        <v>0</v>
      </c>
      <c r="AC20" s="274">
        <v>138935</v>
      </c>
      <c r="AD20" s="274">
        <v>847008</v>
      </c>
      <c r="AE20" s="274">
        <v>765031</v>
      </c>
      <c r="AF20" s="274">
        <v>723981</v>
      </c>
      <c r="AG20" s="274">
        <v>233925</v>
      </c>
      <c r="AH20" s="277">
        <v>2708880</v>
      </c>
      <c r="AI20" s="278">
        <v>2708880</v>
      </c>
      <c r="AJ20" s="273">
        <v>0</v>
      </c>
      <c r="AK20" s="274">
        <v>0</v>
      </c>
      <c r="AL20" s="275">
        <v>0</v>
      </c>
      <c r="AM20" s="514">
        <v>0</v>
      </c>
      <c r="AN20" s="274">
        <v>0</v>
      </c>
      <c r="AO20" s="274">
        <v>0</v>
      </c>
      <c r="AP20" s="274">
        <v>0</v>
      </c>
      <c r="AQ20" s="274">
        <v>0</v>
      </c>
      <c r="AR20" s="274">
        <v>2550</v>
      </c>
      <c r="AS20" s="277">
        <v>2550</v>
      </c>
      <c r="AT20" s="278">
        <v>2550</v>
      </c>
      <c r="AU20" s="273">
        <v>0</v>
      </c>
      <c r="AV20" s="274">
        <v>0</v>
      </c>
      <c r="AW20" s="275">
        <v>0</v>
      </c>
      <c r="AX20" s="514">
        <v>0</v>
      </c>
      <c r="AY20" s="274">
        <v>0</v>
      </c>
      <c r="AZ20" s="274">
        <v>0</v>
      </c>
      <c r="BA20" s="274">
        <v>0</v>
      </c>
      <c r="BB20" s="274">
        <v>2550</v>
      </c>
      <c r="BC20" s="274">
        <v>87150</v>
      </c>
      <c r="BD20" s="277">
        <v>89700</v>
      </c>
      <c r="BE20" s="278">
        <v>89700</v>
      </c>
      <c r="BF20" s="273">
        <v>0</v>
      </c>
      <c r="BG20" s="274">
        <v>0</v>
      </c>
      <c r="BH20" s="275">
        <v>0</v>
      </c>
      <c r="BI20" s="514">
        <v>0</v>
      </c>
      <c r="BJ20" s="274">
        <v>0</v>
      </c>
      <c r="BK20" s="274">
        <v>2550</v>
      </c>
      <c r="BL20" s="274">
        <v>181350</v>
      </c>
      <c r="BM20" s="274">
        <v>249200</v>
      </c>
      <c r="BN20" s="274">
        <v>193445</v>
      </c>
      <c r="BO20" s="277">
        <v>626545</v>
      </c>
      <c r="BP20" s="278">
        <v>626545</v>
      </c>
      <c r="BQ20" s="273">
        <v>6580</v>
      </c>
      <c r="BR20" s="274">
        <v>0</v>
      </c>
      <c r="BS20" s="275">
        <v>6580</v>
      </c>
      <c r="BT20" s="276">
        <v>0</v>
      </c>
      <c r="BU20" s="274">
        <v>24385</v>
      </c>
      <c r="BV20" s="274">
        <v>127455</v>
      </c>
      <c r="BW20" s="274">
        <v>130080</v>
      </c>
      <c r="BX20" s="274">
        <v>225030</v>
      </c>
      <c r="BY20" s="274">
        <v>90285</v>
      </c>
      <c r="BZ20" s="277">
        <v>597235</v>
      </c>
      <c r="CA20" s="278">
        <v>603815</v>
      </c>
      <c r="CB20" s="273">
        <v>0</v>
      </c>
      <c r="CC20" s="274">
        <v>0</v>
      </c>
      <c r="CD20" s="275">
        <v>0</v>
      </c>
      <c r="CE20" s="276">
        <v>0</v>
      </c>
      <c r="CF20" s="274">
        <v>0</v>
      </c>
      <c r="CG20" s="274">
        <v>10250</v>
      </c>
      <c r="CH20" s="274">
        <v>456</v>
      </c>
      <c r="CI20" s="274">
        <v>19561</v>
      </c>
      <c r="CJ20" s="274">
        <v>34985</v>
      </c>
      <c r="CK20" s="277">
        <v>65252</v>
      </c>
      <c r="CL20" s="278">
        <v>65252</v>
      </c>
      <c r="CM20" s="273">
        <v>0</v>
      </c>
      <c r="CN20" s="274">
        <v>0</v>
      </c>
      <c r="CO20" s="275">
        <v>0</v>
      </c>
      <c r="CP20" s="276">
        <v>0</v>
      </c>
      <c r="CQ20" s="274">
        <v>0</v>
      </c>
      <c r="CR20" s="274">
        <v>0</v>
      </c>
      <c r="CS20" s="274">
        <v>0</v>
      </c>
      <c r="CT20" s="274">
        <v>0</v>
      </c>
      <c r="CU20" s="274">
        <v>0</v>
      </c>
      <c r="CV20" s="277">
        <v>0</v>
      </c>
      <c r="CW20" s="278">
        <v>0</v>
      </c>
      <c r="CX20" s="273">
        <v>0</v>
      </c>
      <c r="CY20" s="274">
        <v>0</v>
      </c>
      <c r="CZ20" s="275">
        <v>0</v>
      </c>
      <c r="DA20" s="514">
        <v>0</v>
      </c>
      <c r="DB20" s="274">
        <v>0</v>
      </c>
      <c r="DC20" s="274">
        <v>0</v>
      </c>
      <c r="DD20" s="274">
        <v>0</v>
      </c>
      <c r="DE20" s="274">
        <v>0</v>
      </c>
      <c r="DF20" s="274">
        <v>0</v>
      </c>
      <c r="DG20" s="277">
        <v>0</v>
      </c>
      <c r="DH20" s="278">
        <v>0</v>
      </c>
      <c r="DI20" s="273">
        <v>7116</v>
      </c>
      <c r="DJ20" s="274">
        <v>0</v>
      </c>
      <c r="DK20" s="275">
        <v>7116</v>
      </c>
      <c r="DL20" s="276">
        <v>0</v>
      </c>
      <c r="DM20" s="274">
        <v>62401</v>
      </c>
      <c r="DN20" s="274">
        <v>493552</v>
      </c>
      <c r="DO20" s="274">
        <v>2582245</v>
      </c>
      <c r="DP20" s="274">
        <v>3761737</v>
      </c>
      <c r="DQ20" s="274">
        <v>2726225</v>
      </c>
      <c r="DR20" s="277">
        <v>9626160</v>
      </c>
      <c r="DS20" s="279">
        <v>9633276</v>
      </c>
      <c r="DT20" s="273">
        <v>0</v>
      </c>
      <c r="DU20" s="274">
        <v>0</v>
      </c>
      <c r="DV20" s="275">
        <v>0</v>
      </c>
      <c r="DW20" s="514">
        <v>0</v>
      </c>
      <c r="DX20" s="274">
        <v>29100</v>
      </c>
      <c r="DY20" s="274">
        <v>241830</v>
      </c>
      <c r="DZ20" s="274">
        <v>1999929</v>
      </c>
      <c r="EA20" s="274">
        <v>3128334</v>
      </c>
      <c r="EB20" s="274">
        <v>2227825</v>
      </c>
      <c r="EC20" s="277">
        <v>7627018</v>
      </c>
      <c r="ED20" s="278">
        <v>7627018</v>
      </c>
      <c r="EE20" s="273">
        <v>0</v>
      </c>
      <c r="EF20" s="274">
        <v>0</v>
      </c>
      <c r="EG20" s="275">
        <v>0</v>
      </c>
      <c r="EH20" s="514">
        <v>0</v>
      </c>
      <c r="EI20" s="274">
        <v>3402</v>
      </c>
      <c r="EJ20" s="274">
        <v>52143</v>
      </c>
      <c r="EK20" s="274">
        <v>62187</v>
      </c>
      <c r="EL20" s="274">
        <v>43565</v>
      </c>
      <c r="EM20" s="274">
        <v>3591</v>
      </c>
      <c r="EN20" s="277">
        <v>164888</v>
      </c>
      <c r="EO20" s="278">
        <v>164888</v>
      </c>
      <c r="EP20" s="273">
        <v>0</v>
      </c>
      <c r="EQ20" s="274">
        <v>0</v>
      </c>
      <c r="ER20" s="275">
        <v>0</v>
      </c>
      <c r="ES20" s="514">
        <v>0</v>
      </c>
      <c r="ET20" s="274">
        <v>0</v>
      </c>
      <c r="EU20" s="274">
        <v>0</v>
      </c>
      <c r="EV20" s="274">
        <v>0</v>
      </c>
      <c r="EW20" s="274">
        <v>0</v>
      </c>
      <c r="EX20" s="274">
        <v>210</v>
      </c>
      <c r="EY20" s="277">
        <v>210</v>
      </c>
      <c r="EZ20" s="278">
        <v>210</v>
      </c>
      <c r="FA20" s="273">
        <v>0</v>
      </c>
      <c r="FB20" s="274">
        <v>0</v>
      </c>
      <c r="FC20" s="275">
        <v>0</v>
      </c>
      <c r="FD20" s="514">
        <v>0</v>
      </c>
      <c r="FE20" s="274">
        <v>0</v>
      </c>
      <c r="FF20" s="274">
        <v>0</v>
      </c>
      <c r="FG20" s="274">
        <v>0</v>
      </c>
      <c r="FH20" s="274">
        <v>210</v>
      </c>
      <c r="FI20" s="274">
        <v>35760</v>
      </c>
      <c r="FJ20" s="277">
        <v>35970</v>
      </c>
      <c r="FK20" s="278">
        <v>35970</v>
      </c>
      <c r="FL20" s="273">
        <v>0</v>
      </c>
      <c r="FM20" s="274">
        <v>0</v>
      </c>
      <c r="FN20" s="275">
        <v>0</v>
      </c>
      <c r="FO20" s="514">
        <v>0</v>
      </c>
      <c r="FP20" s="274">
        <v>0</v>
      </c>
      <c r="FQ20" s="274">
        <v>10530</v>
      </c>
      <c r="FR20" s="274">
        <v>328740</v>
      </c>
      <c r="FS20" s="274">
        <v>339849</v>
      </c>
      <c r="FT20" s="274">
        <v>347755</v>
      </c>
      <c r="FU20" s="277">
        <v>1026874</v>
      </c>
      <c r="FV20" s="278">
        <v>1026874</v>
      </c>
      <c r="FW20" s="273">
        <v>7116</v>
      </c>
      <c r="FX20" s="274">
        <v>0</v>
      </c>
      <c r="FY20" s="275">
        <v>7116</v>
      </c>
      <c r="FZ20" s="276">
        <v>0</v>
      </c>
      <c r="GA20" s="274">
        <v>29899</v>
      </c>
      <c r="GB20" s="274">
        <v>186954</v>
      </c>
      <c r="GC20" s="274">
        <v>191361</v>
      </c>
      <c r="GD20" s="274">
        <v>249394</v>
      </c>
      <c r="GE20" s="274">
        <v>95101</v>
      </c>
      <c r="GF20" s="277">
        <v>752709</v>
      </c>
      <c r="GG20" s="278">
        <v>759825</v>
      </c>
      <c r="GH20" s="273">
        <v>0</v>
      </c>
      <c r="GI20" s="274">
        <v>0</v>
      </c>
      <c r="GJ20" s="275">
        <v>0</v>
      </c>
      <c r="GK20" s="276">
        <v>0</v>
      </c>
      <c r="GL20" s="274">
        <v>0</v>
      </c>
      <c r="GM20" s="274">
        <v>2095</v>
      </c>
      <c r="GN20" s="274">
        <v>28</v>
      </c>
      <c r="GO20" s="274">
        <v>385</v>
      </c>
      <c r="GP20" s="274">
        <v>15983</v>
      </c>
      <c r="GQ20" s="277">
        <v>18491</v>
      </c>
      <c r="GR20" s="278">
        <v>18491</v>
      </c>
      <c r="GS20" s="273">
        <v>0</v>
      </c>
      <c r="GT20" s="274">
        <v>0</v>
      </c>
      <c r="GU20" s="275">
        <v>0</v>
      </c>
      <c r="GV20" s="276">
        <v>0</v>
      </c>
      <c r="GW20" s="274">
        <v>0</v>
      </c>
      <c r="GX20" s="274">
        <v>0</v>
      </c>
      <c r="GY20" s="274">
        <v>0</v>
      </c>
      <c r="GZ20" s="274">
        <v>0</v>
      </c>
      <c r="HA20" s="274">
        <v>0</v>
      </c>
      <c r="HB20" s="277">
        <v>0</v>
      </c>
      <c r="HC20" s="278">
        <v>0</v>
      </c>
      <c r="HD20" s="273">
        <v>0</v>
      </c>
      <c r="HE20" s="274">
        <v>0</v>
      </c>
      <c r="HF20" s="275">
        <v>0</v>
      </c>
      <c r="HG20" s="514">
        <v>0</v>
      </c>
      <c r="HH20" s="274">
        <v>0</v>
      </c>
      <c r="HI20" s="274">
        <v>0</v>
      </c>
      <c r="HJ20" s="274">
        <v>0</v>
      </c>
      <c r="HK20" s="274">
        <v>0</v>
      </c>
      <c r="HL20" s="274">
        <v>0</v>
      </c>
      <c r="HM20" s="277">
        <v>0</v>
      </c>
      <c r="HN20" s="278">
        <v>0</v>
      </c>
      <c r="HO20" s="273">
        <v>13696</v>
      </c>
      <c r="HP20" s="274">
        <v>0</v>
      </c>
      <c r="HQ20" s="275">
        <v>13696</v>
      </c>
      <c r="HR20" s="276">
        <v>0</v>
      </c>
      <c r="HS20" s="274">
        <v>279931</v>
      </c>
      <c r="HT20" s="274">
        <v>1673115</v>
      </c>
      <c r="HU20" s="274">
        <v>5107647</v>
      </c>
      <c r="HV20" s="274">
        <v>7217064</v>
      </c>
      <c r="HW20" s="274">
        <v>5304500</v>
      </c>
      <c r="HX20" s="277">
        <v>19582257</v>
      </c>
      <c r="HY20" s="278">
        <v>19595953</v>
      </c>
    </row>
    <row r="21" spans="2:233" ht="21" customHeight="1" x14ac:dyDescent="0.2">
      <c r="B21" s="468" t="s">
        <v>18</v>
      </c>
      <c r="C21" s="273">
        <v>0</v>
      </c>
      <c r="D21" s="274">
        <v>145</v>
      </c>
      <c r="E21" s="275">
        <v>145</v>
      </c>
      <c r="F21" s="276">
        <v>0</v>
      </c>
      <c r="G21" s="274">
        <v>275960</v>
      </c>
      <c r="H21" s="274">
        <v>725164</v>
      </c>
      <c r="I21" s="274">
        <v>2006491</v>
      </c>
      <c r="J21" s="274">
        <v>3735246</v>
      </c>
      <c r="K21" s="274">
        <v>2335003</v>
      </c>
      <c r="L21" s="277">
        <v>9077864</v>
      </c>
      <c r="M21" s="278">
        <v>9078009</v>
      </c>
      <c r="N21" s="273">
        <v>0</v>
      </c>
      <c r="O21" s="274">
        <v>0</v>
      </c>
      <c r="P21" s="275">
        <v>0</v>
      </c>
      <c r="Q21" s="514">
        <v>0</v>
      </c>
      <c r="R21" s="274">
        <v>24450</v>
      </c>
      <c r="S21" s="274">
        <v>85800</v>
      </c>
      <c r="T21" s="274">
        <v>1257380</v>
      </c>
      <c r="U21" s="274">
        <v>2821330</v>
      </c>
      <c r="V21" s="274">
        <v>1872168</v>
      </c>
      <c r="W21" s="277">
        <v>6061128</v>
      </c>
      <c r="X21" s="278">
        <v>6061128</v>
      </c>
      <c r="Y21" s="273">
        <v>0</v>
      </c>
      <c r="Z21" s="274">
        <v>0</v>
      </c>
      <c r="AA21" s="275">
        <v>0</v>
      </c>
      <c r="AB21" s="514">
        <v>0</v>
      </c>
      <c r="AC21" s="274">
        <v>203845</v>
      </c>
      <c r="AD21" s="274">
        <v>545060</v>
      </c>
      <c r="AE21" s="274">
        <v>509880</v>
      </c>
      <c r="AF21" s="274">
        <v>336780</v>
      </c>
      <c r="AG21" s="274">
        <v>251005</v>
      </c>
      <c r="AH21" s="277">
        <v>1846570</v>
      </c>
      <c r="AI21" s="278">
        <v>1846570</v>
      </c>
      <c r="AJ21" s="273">
        <v>0</v>
      </c>
      <c r="AK21" s="274">
        <v>0</v>
      </c>
      <c r="AL21" s="275">
        <v>0</v>
      </c>
      <c r="AM21" s="514">
        <v>0</v>
      </c>
      <c r="AN21" s="274">
        <v>0</v>
      </c>
      <c r="AO21" s="274">
        <v>0</v>
      </c>
      <c r="AP21" s="274">
        <v>0</v>
      </c>
      <c r="AQ21" s="274">
        <v>0</v>
      </c>
      <c r="AR21" s="274">
        <v>0</v>
      </c>
      <c r="AS21" s="277">
        <v>0</v>
      </c>
      <c r="AT21" s="278">
        <v>0</v>
      </c>
      <c r="AU21" s="273">
        <v>0</v>
      </c>
      <c r="AV21" s="274">
        <v>0</v>
      </c>
      <c r="AW21" s="275">
        <v>0</v>
      </c>
      <c r="AX21" s="514">
        <v>0</v>
      </c>
      <c r="AY21" s="274">
        <v>0</v>
      </c>
      <c r="AZ21" s="274">
        <v>0</v>
      </c>
      <c r="BA21" s="274">
        <v>0</v>
      </c>
      <c r="BB21" s="274">
        <v>28950</v>
      </c>
      <c r="BC21" s="274">
        <v>62810</v>
      </c>
      <c r="BD21" s="277">
        <v>91760</v>
      </c>
      <c r="BE21" s="278">
        <v>91760</v>
      </c>
      <c r="BF21" s="273">
        <v>0</v>
      </c>
      <c r="BG21" s="274">
        <v>0</v>
      </c>
      <c r="BH21" s="275">
        <v>0</v>
      </c>
      <c r="BI21" s="514">
        <v>0</v>
      </c>
      <c r="BJ21" s="274">
        <v>0</v>
      </c>
      <c r="BK21" s="274">
        <v>2465</v>
      </c>
      <c r="BL21" s="274">
        <v>34200</v>
      </c>
      <c r="BM21" s="274">
        <v>88285</v>
      </c>
      <c r="BN21" s="274">
        <v>34200</v>
      </c>
      <c r="BO21" s="277">
        <v>159150</v>
      </c>
      <c r="BP21" s="278">
        <v>159150</v>
      </c>
      <c r="BQ21" s="273">
        <v>0</v>
      </c>
      <c r="BR21" s="274">
        <v>145</v>
      </c>
      <c r="BS21" s="275">
        <v>145</v>
      </c>
      <c r="BT21" s="276">
        <v>0</v>
      </c>
      <c r="BU21" s="274">
        <v>45975</v>
      </c>
      <c r="BV21" s="274">
        <v>91839</v>
      </c>
      <c r="BW21" s="274">
        <v>202436</v>
      </c>
      <c r="BX21" s="274">
        <v>449346</v>
      </c>
      <c r="BY21" s="274">
        <v>114820</v>
      </c>
      <c r="BZ21" s="277">
        <v>904416</v>
      </c>
      <c r="CA21" s="278">
        <v>904561</v>
      </c>
      <c r="CB21" s="273">
        <v>0</v>
      </c>
      <c r="CC21" s="274">
        <v>0</v>
      </c>
      <c r="CD21" s="275">
        <v>0</v>
      </c>
      <c r="CE21" s="276">
        <v>0</v>
      </c>
      <c r="CF21" s="274">
        <v>1690</v>
      </c>
      <c r="CG21" s="274">
        <v>0</v>
      </c>
      <c r="CH21" s="274">
        <v>2595</v>
      </c>
      <c r="CI21" s="274">
        <v>10555</v>
      </c>
      <c r="CJ21" s="274">
        <v>0</v>
      </c>
      <c r="CK21" s="277">
        <v>14840</v>
      </c>
      <c r="CL21" s="278">
        <v>14840</v>
      </c>
      <c r="CM21" s="273">
        <v>0</v>
      </c>
      <c r="CN21" s="274">
        <v>0</v>
      </c>
      <c r="CO21" s="275">
        <v>0</v>
      </c>
      <c r="CP21" s="276">
        <v>0</v>
      </c>
      <c r="CQ21" s="274">
        <v>0</v>
      </c>
      <c r="CR21" s="274">
        <v>0</v>
      </c>
      <c r="CS21" s="274">
        <v>0</v>
      </c>
      <c r="CT21" s="274">
        <v>0</v>
      </c>
      <c r="CU21" s="274">
        <v>0</v>
      </c>
      <c r="CV21" s="277">
        <v>0</v>
      </c>
      <c r="CW21" s="278">
        <v>0</v>
      </c>
      <c r="CX21" s="273">
        <v>0</v>
      </c>
      <c r="CY21" s="274">
        <v>0</v>
      </c>
      <c r="CZ21" s="275">
        <v>0</v>
      </c>
      <c r="DA21" s="514">
        <v>0</v>
      </c>
      <c r="DB21" s="274">
        <v>0</v>
      </c>
      <c r="DC21" s="274">
        <v>0</v>
      </c>
      <c r="DD21" s="274">
        <v>0</v>
      </c>
      <c r="DE21" s="274">
        <v>0</v>
      </c>
      <c r="DF21" s="274">
        <v>0</v>
      </c>
      <c r="DG21" s="277">
        <v>0</v>
      </c>
      <c r="DH21" s="278">
        <v>0</v>
      </c>
      <c r="DI21" s="273">
        <v>0</v>
      </c>
      <c r="DJ21" s="274">
        <v>4872</v>
      </c>
      <c r="DK21" s="275">
        <v>4872</v>
      </c>
      <c r="DL21" s="276">
        <v>0</v>
      </c>
      <c r="DM21" s="274">
        <v>161768</v>
      </c>
      <c r="DN21" s="274">
        <v>350200</v>
      </c>
      <c r="DO21" s="274">
        <v>2544622</v>
      </c>
      <c r="DP21" s="274">
        <v>4530825</v>
      </c>
      <c r="DQ21" s="274">
        <v>2692960</v>
      </c>
      <c r="DR21" s="277">
        <v>10280375</v>
      </c>
      <c r="DS21" s="279">
        <v>10285247</v>
      </c>
      <c r="DT21" s="273">
        <v>0</v>
      </c>
      <c r="DU21" s="274">
        <v>0</v>
      </c>
      <c r="DV21" s="275">
        <v>0</v>
      </c>
      <c r="DW21" s="514">
        <v>0</v>
      </c>
      <c r="DX21" s="274">
        <v>40680</v>
      </c>
      <c r="DY21" s="274">
        <v>137820</v>
      </c>
      <c r="DZ21" s="274">
        <v>1992368</v>
      </c>
      <c r="EA21" s="274">
        <v>3625287</v>
      </c>
      <c r="EB21" s="274">
        <v>2385556</v>
      </c>
      <c r="EC21" s="277">
        <v>8181711</v>
      </c>
      <c r="ED21" s="278">
        <v>8181711</v>
      </c>
      <c r="EE21" s="273">
        <v>0</v>
      </c>
      <c r="EF21" s="274">
        <v>0</v>
      </c>
      <c r="EG21" s="275">
        <v>0</v>
      </c>
      <c r="EH21" s="514">
        <v>0</v>
      </c>
      <c r="EI21" s="274">
        <v>34129</v>
      </c>
      <c r="EJ21" s="274">
        <v>59875</v>
      </c>
      <c r="EK21" s="274">
        <v>129322</v>
      </c>
      <c r="EL21" s="274">
        <v>16893</v>
      </c>
      <c r="EM21" s="274">
        <v>45737</v>
      </c>
      <c r="EN21" s="277">
        <v>285956</v>
      </c>
      <c r="EO21" s="278">
        <v>285956</v>
      </c>
      <c r="EP21" s="273">
        <v>0</v>
      </c>
      <c r="EQ21" s="274">
        <v>0</v>
      </c>
      <c r="ER21" s="275">
        <v>0</v>
      </c>
      <c r="ES21" s="514">
        <v>0</v>
      </c>
      <c r="ET21" s="274">
        <v>0</v>
      </c>
      <c r="EU21" s="274">
        <v>0</v>
      </c>
      <c r="EV21" s="274">
        <v>0</v>
      </c>
      <c r="EW21" s="274">
        <v>0</v>
      </c>
      <c r="EX21" s="274">
        <v>0</v>
      </c>
      <c r="EY21" s="277">
        <v>0</v>
      </c>
      <c r="EZ21" s="278">
        <v>0</v>
      </c>
      <c r="FA21" s="273">
        <v>0</v>
      </c>
      <c r="FB21" s="274">
        <v>0</v>
      </c>
      <c r="FC21" s="275">
        <v>0</v>
      </c>
      <c r="FD21" s="514">
        <v>0</v>
      </c>
      <c r="FE21" s="274">
        <v>0</v>
      </c>
      <c r="FF21" s="274">
        <v>0</v>
      </c>
      <c r="FG21" s="274">
        <v>0</v>
      </c>
      <c r="FH21" s="274">
        <v>630</v>
      </c>
      <c r="FI21" s="274">
        <v>1050</v>
      </c>
      <c r="FJ21" s="277">
        <v>1680</v>
      </c>
      <c r="FK21" s="278">
        <v>1680</v>
      </c>
      <c r="FL21" s="273">
        <v>0</v>
      </c>
      <c r="FM21" s="274">
        <v>0</v>
      </c>
      <c r="FN21" s="275">
        <v>0</v>
      </c>
      <c r="FO21" s="514">
        <v>0</v>
      </c>
      <c r="FP21" s="274">
        <v>0</v>
      </c>
      <c r="FQ21" s="274">
        <v>20880</v>
      </c>
      <c r="FR21" s="274">
        <v>56460</v>
      </c>
      <c r="FS21" s="274">
        <v>203400</v>
      </c>
      <c r="FT21" s="274">
        <v>56460</v>
      </c>
      <c r="FU21" s="277">
        <v>337200</v>
      </c>
      <c r="FV21" s="278">
        <v>337200</v>
      </c>
      <c r="FW21" s="273">
        <v>0</v>
      </c>
      <c r="FX21" s="274">
        <v>4872</v>
      </c>
      <c r="FY21" s="275">
        <v>4872</v>
      </c>
      <c r="FZ21" s="276">
        <v>0</v>
      </c>
      <c r="GA21" s="274">
        <v>84603</v>
      </c>
      <c r="GB21" s="274">
        <v>131625</v>
      </c>
      <c r="GC21" s="274">
        <v>359670</v>
      </c>
      <c r="GD21" s="274">
        <v>680845</v>
      </c>
      <c r="GE21" s="274">
        <v>204157</v>
      </c>
      <c r="GF21" s="277">
        <v>1460900</v>
      </c>
      <c r="GG21" s="278">
        <v>1465772</v>
      </c>
      <c r="GH21" s="273">
        <v>0</v>
      </c>
      <c r="GI21" s="274">
        <v>0</v>
      </c>
      <c r="GJ21" s="275">
        <v>0</v>
      </c>
      <c r="GK21" s="276">
        <v>0</v>
      </c>
      <c r="GL21" s="274">
        <v>2356</v>
      </c>
      <c r="GM21" s="274">
        <v>0</v>
      </c>
      <c r="GN21" s="274">
        <v>6802</v>
      </c>
      <c r="GO21" s="274">
        <v>3770</v>
      </c>
      <c r="GP21" s="274">
        <v>0</v>
      </c>
      <c r="GQ21" s="277">
        <v>12928</v>
      </c>
      <c r="GR21" s="278">
        <v>12928</v>
      </c>
      <c r="GS21" s="273">
        <v>0</v>
      </c>
      <c r="GT21" s="274">
        <v>0</v>
      </c>
      <c r="GU21" s="275">
        <v>0</v>
      </c>
      <c r="GV21" s="276">
        <v>0</v>
      </c>
      <c r="GW21" s="274">
        <v>0</v>
      </c>
      <c r="GX21" s="274">
        <v>0</v>
      </c>
      <c r="GY21" s="274">
        <v>0</v>
      </c>
      <c r="GZ21" s="274">
        <v>0</v>
      </c>
      <c r="HA21" s="274">
        <v>0</v>
      </c>
      <c r="HB21" s="277">
        <v>0</v>
      </c>
      <c r="HC21" s="278">
        <v>0</v>
      </c>
      <c r="HD21" s="273">
        <v>0</v>
      </c>
      <c r="HE21" s="274">
        <v>0</v>
      </c>
      <c r="HF21" s="275">
        <v>0</v>
      </c>
      <c r="HG21" s="514">
        <v>0</v>
      </c>
      <c r="HH21" s="274">
        <v>0</v>
      </c>
      <c r="HI21" s="274">
        <v>0</v>
      </c>
      <c r="HJ21" s="274">
        <v>0</v>
      </c>
      <c r="HK21" s="274">
        <v>0</v>
      </c>
      <c r="HL21" s="274">
        <v>0</v>
      </c>
      <c r="HM21" s="277">
        <v>0</v>
      </c>
      <c r="HN21" s="278">
        <v>0</v>
      </c>
      <c r="HO21" s="273">
        <v>0</v>
      </c>
      <c r="HP21" s="274">
        <v>5017</v>
      </c>
      <c r="HQ21" s="275">
        <v>5017</v>
      </c>
      <c r="HR21" s="276">
        <v>0</v>
      </c>
      <c r="HS21" s="274">
        <v>437728</v>
      </c>
      <c r="HT21" s="274">
        <v>1075364</v>
      </c>
      <c r="HU21" s="274">
        <v>4551113</v>
      </c>
      <c r="HV21" s="274">
        <v>8266071</v>
      </c>
      <c r="HW21" s="274">
        <v>5027963</v>
      </c>
      <c r="HX21" s="277">
        <v>19358239</v>
      </c>
      <c r="HY21" s="278">
        <v>19363256</v>
      </c>
    </row>
    <row r="22" spans="2:233" ht="21" customHeight="1" x14ac:dyDescent="0.2">
      <c r="B22" s="468" t="s">
        <v>19</v>
      </c>
      <c r="C22" s="273">
        <v>0</v>
      </c>
      <c r="D22" s="274">
        <v>0</v>
      </c>
      <c r="E22" s="275">
        <v>0</v>
      </c>
      <c r="F22" s="276">
        <v>0</v>
      </c>
      <c r="G22" s="274">
        <v>123490</v>
      </c>
      <c r="H22" s="274">
        <v>368894</v>
      </c>
      <c r="I22" s="274">
        <v>1204720</v>
      </c>
      <c r="J22" s="274">
        <v>1226930</v>
      </c>
      <c r="K22" s="274">
        <v>1018915</v>
      </c>
      <c r="L22" s="277">
        <v>3942949</v>
      </c>
      <c r="M22" s="278">
        <v>3942949</v>
      </c>
      <c r="N22" s="273">
        <v>0</v>
      </c>
      <c r="O22" s="274">
        <v>0</v>
      </c>
      <c r="P22" s="275">
        <v>0</v>
      </c>
      <c r="Q22" s="514">
        <v>0</v>
      </c>
      <c r="R22" s="274">
        <v>23850</v>
      </c>
      <c r="S22" s="274">
        <v>44550</v>
      </c>
      <c r="T22" s="274">
        <v>826310</v>
      </c>
      <c r="U22" s="274">
        <v>950810</v>
      </c>
      <c r="V22" s="274">
        <v>841655</v>
      </c>
      <c r="W22" s="277">
        <v>2687175</v>
      </c>
      <c r="X22" s="278">
        <v>2687175</v>
      </c>
      <c r="Y22" s="273">
        <v>0</v>
      </c>
      <c r="Z22" s="274">
        <v>0</v>
      </c>
      <c r="AA22" s="275">
        <v>0</v>
      </c>
      <c r="AB22" s="514">
        <v>0</v>
      </c>
      <c r="AC22" s="274">
        <v>92250</v>
      </c>
      <c r="AD22" s="274">
        <v>271500</v>
      </c>
      <c r="AE22" s="274">
        <v>334765</v>
      </c>
      <c r="AF22" s="274">
        <v>171440</v>
      </c>
      <c r="AG22" s="274">
        <v>126595</v>
      </c>
      <c r="AH22" s="277">
        <v>996550</v>
      </c>
      <c r="AI22" s="278">
        <v>996550</v>
      </c>
      <c r="AJ22" s="273">
        <v>0</v>
      </c>
      <c r="AK22" s="274">
        <v>0</v>
      </c>
      <c r="AL22" s="275">
        <v>0</v>
      </c>
      <c r="AM22" s="514">
        <v>0</v>
      </c>
      <c r="AN22" s="274">
        <v>0</v>
      </c>
      <c r="AO22" s="274">
        <v>0</v>
      </c>
      <c r="AP22" s="274">
        <v>0</v>
      </c>
      <c r="AQ22" s="274">
        <v>0</v>
      </c>
      <c r="AR22" s="274">
        <v>0</v>
      </c>
      <c r="AS22" s="277">
        <v>0</v>
      </c>
      <c r="AT22" s="278">
        <v>0</v>
      </c>
      <c r="AU22" s="273">
        <v>0</v>
      </c>
      <c r="AV22" s="274">
        <v>0</v>
      </c>
      <c r="AW22" s="275">
        <v>0</v>
      </c>
      <c r="AX22" s="514">
        <v>0</v>
      </c>
      <c r="AY22" s="274">
        <v>0</v>
      </c>
      <c r="AZ22" s="274">
        <v>0</v>
      </c>
      <c r="BA22" s="274">
        <v>0</v>
      </c>
      <c r="BB22" s="274">
        <v>0</v>
      </c>
      <c r="BC22" s="274">
        <v>0</v>
      </c>
      <c r="BD22" s="277">
        <v>0</v>
      </c>
      <c r="BE22" s="278">
        <v>0</v>
      </c>
      <c r="BF22" s="273">
        <v>0</v>
      </c>
      <c r="BG22" s="274">
        <v>0</v>
      </c>
      <c r="BH22" s="275">
        <v>0</v>
      </c>
      <c r="BI22" s="514">
        <v>0</v>
      </c>
      <c r="BJ22" s="274">
        <v>0</v>
      </c>
      <c r="BK22" s="274">
        <v>0</v>
      </c>
      <c r="BL22" s="274">
        <v>0</v>
      </c>
      <c r="BM22" s="274">
        <v>0</v>
      </c>
      <c r="BN22" s="274">
        <v>0</v>
      </c>
      <c r="BO22" s="277">
        <v>0</v>
      </c>
      <c r="BP22" s="278">
        <v>0</v>
      </c>
      <c r="BQ22" s="273">
        <v>0</v>
      </c>
      <c r="BR22" s="274">
        <v>0</v>
      </c>
      <c r="BS22" s="275">
        <v>0</v>
      </c>
      <c r="BT22" s="276">
        <v>0</v>
      </c>
      <c r="BU22" s="274">
        <v>6490</v>
      </c>
      <c r="BV22" s="274">
        <v>50379</v>
      </c>
      <c r="BW22" s="274">
        <v>40650</v>
      </c>
      <c r="BX22" s="274">
        <v>100555</v>
      </c>
      <c r="BY22" s="274">
        <v>48345</v>
      </c>
      <c r="BZ22" s="277">
        <v>246419</v>
      </c>
      <c r="CA22" s="278">
        <v>246419</v>
      </c>
      <c r="CB22" s="273">
        <v>0</v>
      </c>
      <c r="CC22" s="274">
        <v>0</v>
      </c>
      <c r="CD22" s="275">
        <v>0</v>
      </c>
      <c r="CE22" s="276">
        <v>0</v>
      </c>
      <c r="CF22" s="274">
        <v>900</v>
      </c>
      <c r="CG22" s="274">
        <v>2465</v>
      </c>
      <c r="CH22" s="274">
        <v>2995</v>
      </c>
      <c r="CI22" s="274">
        <v>4125</v>
      </c>
      <c r="CJ22" s="274">
        <v>2320</v>
      </c>
      <c r="CK22" s="277">
        <v>12805</v>
      </c>
      <c r="CL22" s="278">
        <v>12805</v>
      </c>
      <c r="CM22" s="273">
        <v>0</v>
      </c>
      <c r="CN22" s="274">
        <v>0</v>
      </c>
      <c r="CO22" s="275">
        <v>0</v>
      </c>
      <c r="CP22" s="276">
        <v>0</v>
      </c>
      <c r="CQ22" s="274">
        <v>0</v>
      </c>
      <c r="CR22" s="274">
        <v>0</v>
      </c>
      <c r="CS22" s="274">
        <v>0</v>
      </c>
      <c r="CT22" s="274">
        <v>0</v>
      </c>
      <c r="CU22" s="274">
        <v>0</v>
      </c>
      <c r="CV22" s="277">
        <v>0</v>
      </c>
      <c r="CW22" s="278">
        <v>0</v>
      </c>
      <c r="CX22" s="273">
        <v>0</v>
      </c>
      <c r="CY22" s="274">
        <v>0</v>
      </c>
      <c r="CZ22" s="275">
        <v>0</v>
      </c>
      <c r="DA22" s="514">
        <v>0</v>
      </c>
      <c r="DB22" s="274">
        <v>0</v>
      </c>
      <c r="DC22" s="274">
        <v>0</v>
      </c>
      <c r="DD22" s="274">
        <v>0</v>
      </c>
      <c r="DE22" s="274">
        <v>0</v>
      </c>
      <c r="DF22" s="274">
        <v>0</v>
      </c>
      <c r="DG22" s="277">
        <v>0</v>
      </c>
      <c r="DH22" s="278">
        <v>0</v>
      </c>
      <c r="DI22" s="273">
        <v>0</v>
      </c>
      <c r="DJ22" s="274">
        <v>0</v>
      </c>
      <c r="DK22" s="275">
        <v>0</v>
      </c>
      <c r="DL22" s="276">
        <v>0</v>
      </c>
      <c r="DM22" s="274">
        <v>33830</v>
      </c>
      <c r="DN22" s="274">
        <v>200038</v>
      </c>
      <c r="DO22" s="274">
        <v>1335469</v>
      </c>
      <c r="DP22" s="274">
        <v>1531290</v>
      </c>
      <c r="DQ22" s="274">
        <v>1100073</v>
      </c>
      <c r="DR22" s="277">
        <v>4200700</v>
      </c>
      <c r="DS22" s="279">
        <v>4200700</v>
      </c>
      <c r="DT22" s="273">
        <v>0</v>
      </c>
      <c r="DU22" s="274">
        <v>0</v>
      </c>
      <c r="DV22" s="275">
        <v>0</v>
      </c>
      <c r="DW22" s="514">
        <v>0</v>
      </c>
      <c r="DX22" s="274">
        <v>14550</v>
      </c>
      <c r="DY22" s="274">
        <v>96060</v>
      </c>
      <c r="DZ22" s="274">
        <v>1277884</v>
      </c>
      <c r="EA22" s="274">
        <v>1377363</v>
      </c>
      <c r="EB22" s="274">
        <v>1042816</v>
      </c>
      <c r="EC22" s="277">
        <v>3808673</v>
      </c>
      <c r="ED22" s="278">
        <v>3808673</v>
      </c>
      <c r="EE22" s="273">
        <v>0</v>
      </c>
      <c r="EF22" s="274">
        <v>0</v>
      </c>
      <c r="EG22" s="275">
        <v>0</v>
      </c>
      <c r="EH22" s="514">
        <v>0</v>
      </c>
      <c r="EI22" s="274">
        <v>12150</v>
      </c>
      <c r="EJ22" s="274">
        <v>25410</v>
      </c>
      <c r="EK22" s="274">
        <v>4791</v>
      </c>
      <c r="EL22" s="274">
        <v>28819</v>
      </c>
      <c r="EM22" s="274">
        <v>11345</v>
      </c>
      <c r="EN22" s="277">
        <v>82515</v>
      </c>
      <c r="EO22" s="278">
        <v>82515</v>
      </c>
      <c r="EP22" s="273">
        <v>0</v>
      </c>
      <c r="EQ22" s="274">
        <v>0</v>
      </c>
      <c r="ER22" s="275">
        <v>0</v>
      </c>
      <c r="ES22" s="514">
        <v>0</v>
      </c>
      <c r="ET22" s="274">
        <v>0</v>
      </c>
      <c r="EU22" s="274">
        <v>0</v>
      </c>
      <c r="EV22" s="274">
        <v>0</v>
      </c>
      <c r="EW22" s="274">
        <v>0</v>
      </c>
      <c r="EX22" s="274">
        <v>0</v>
      </c>
      <c r="EY22" s="277">
        <v>0</v>
      </c>
      <c r="EZ22" s="278">
        <v>0</v>
      </c>
      <c r="FA22" s="273">
        <v>0</v>
      </c>
      <c r="FB22" s="274">
        <v>0</v>
      </c>
      <c r="FC22" s="275">
        <v>0</v>
      </c>
      <c r="FD22" s="514">
        <v>0</v>
      </c>
      <c r="FE22" s="274">
        <v>0</v>
      </c>
      <c r="FF22" s="274">
        <v>0</v>
      </c>
      <c r="FG22" s="274">
        <v>0</v>
      </c>
      <c r="FH22" s="274">
        <v>0</v>
      </c>
      <c r="FI22" s="274">
        <v>0</v>
      </c>
      <c r="FJ22" s="277">
        <v>0</v>
      </c>
      <c r="FK22" s="278">
        <v>0</v>
      </c>
      <c r="FL22" s="273">
        <v>0</v>
      </c>
      <c r="FM22" s="274">
        <v>0</v>
      </c>
      <c r="FN22" s="275">
        <v>0</v>
      </c>
      <c r="FO22" s="514">
        <v>0</v>
      </c>
      <c r="FP22" s="274">
        <v>0</v>
      </c>
      <c r="FQ22" s="274">
        <v>0</v>
      </c>
      <c r="FR22" s="274">
        <v>0</v>
      </c>
      <c r="FS22" s="274">
        <v>0</v>
      </c>
      <c r="FT22" s="274">
        <v>0</v>
      </c>
      <c r="FU22" s="277">
        <v>0</v>
      </c>
      <c r="FV22" s="278">
        <v>0</v>
      </c>
      <c r="FW22" s="273">
        <v>0</v>
      </c>
      <c r="FX22" s="274">
        <v>0</v>
      </c>
      <c r="FY22" s="275">
        <v>0</v>
      </c>
      <c r="FZ22" s="276">
        <v>0</v>
      </c>
      <c r="GA22" s="274">
        <v>7046</v>
      </c>
      <c r="GB22" s="274">
        <v>69976</v>
      </c>
      <c r="GC22" s="274">
        <v>52766</v>
      </c>
      <c r="GD22" s="274">
        <v>113982</v>
      </c>
      <c r="GE22" s="274">
        <v>43160</v>
      </c>
      <c r="GF22" s="277">
        <v>286930</v>
      </c>
      <c r="GG22" s="278">
        <v>286930</v>
      </c>
      <c r="GH22" s="273">
        <v>0</v>
      </c>
      <c r="GI22" s="274">
        <v>0</v>
      </c>
      <c r="GJ22" s="275">
        <v>0</v>
      </c>
      <c r="GK22" s="276">
        <v>0</v>
      </c>
      <c r="GL22" s="274">
        <v>84</v>
      </c>
      <c r="GM22" s="274">
        <v>8592</v>
      </c>
      <c r="GN22" s="274">
        <v>28</v>
      </c>
      <c r="GO22" s="274">
        <v>11126</v>
      </c>
      <c r="GP22" s="274">
        <v>2752</v>
      </c>
      <c r="GQ22" s="277">
        <v>22582</v>
      </c>
      <c r="GR22" s="278">
        <v>22582</v>
      </c>
      <c r="GS22" s="273">
        <v>0</v>
      </c>
      <c r="GT22" s="274">
        <v>0</v>
      </c>
      <c r="GU22" s="275">
        <v>0</v>
      </c>
      <c r="GV22" s="276">
        <v>0</v>
      </c>
      <c r="GW22" s="274">
        <v>0</v>
      </c>
      <c r="GX22" s="274">
        <v>0</v>
      </c>
      <c r="GY22" s="274">
        <v>0</v>
      </c>
      <c r="GZ22" s="274">
        <v>0</v>
      </c>
      <c r="HA22" s="274">
        <v>0</v>
      </c>
      <c r="HB22" s="277">
        <v>0</v>
      </c>
      <c r="HC22" s="278">
        <v>0</v>
      </c>
      <c r="HD22" s="273">
        <v>0</v>
      </c>
      <c r="HE22" s="274">
        <v>0</v>
      </c>
      <c r="HF22" s="275">
        <v>0</v>
      </c>
      <c r="HG22" s="514">
        <v>0</v>
      </c>
      <c r="HH22" s="274">
        <v>0</v>
      </c>
      <c r="HI22" s="274">
        <v>0</v>
      </c>
      <c r="HJ22" s="274">
        <v>0</v>
      </c>
      <c r="HK22" s="274">
        <v>0</v>
      </c>
      <c r="HL22" s="274">
        <v>0</v>
      </c>
      <c r="HM22" s="277">
        <v>0</v>
      </c>
      <c r="HN22" s="278">
        <v>0</v>
      </c>
      <c r="HO22" s="273">
        <v>0</v>
      </c>
      <c r="HP22" s="274">
        <v>0</v>
      </c>
      <c r="HQ22" s="275">
        <v>0</v>
      </c>
      <c r="HR22" s="276">
        <v>0</v>
      </c>
      <c r="HS22" s="274">
        <v>157320</v>
      </c>
      <c r="HT22" s="274">
        <v>568932</v>
      </c>
      <c r="HU22" s="274">
        <v>2540189</v>
      </c>
      <c r="HV22" s="274">
        <v>2758220</v>
      </c>
      <c r="HW22" s="274">
        <v>2118988</v>
      </c>
      <c r="HX22" s="277">
        <v>8143649</v>
      </c>
      <c r="HY22" s="278">
        <v>8143649</v>
      </c>
    </row>
    <row r="23" spans="2:233" ht="21" customHeight="1" x14ac:dyDescent="0.2">
      <c r="B23" s="468" t="s">
        <v>20</v>
      </c>
      <c r="C23" s="273">
        <v>0</v>
      </c>
      <c r="D23" s="274">
        <v>0</v>
      </c>
      <c r="E23" s="275">
        <v>0</v>
      </c>
      <c r="F23" s="276">
        <v>0</v>
      </c>
      <c r="G23" s="274">
        <v>189805</v>
      </c>
      <c r="H23" s="274">
        <v>446230</v>
      </c>
      <c r="I23" s="274">
        <v>1460615</v>
      </c>
      <c r="J23" s="274">
        <v>1289940</v>
      </c>
      <c r="K23" s="274">
        <v>653500</v>
      </c>
      <c r="L23" s="277">
        <v>4040090</v>
      </c>
      <c r="M23" s="278">
        <v>4040090</v>
      </c>
      <c r="N23" s="273">
        <v>0</v>
      </c>
      <c r="O23" s="274">
        <v>0</v>
      </c>
      <c r="P23" s="275">
        <v>0</v>
      </c>
      <c r="Q23" s="514">
        <v>0</v>
      </c>
      <c r="R23" s="274">
        <v>39365</v>
      </c>
      <c r="S23" s="274">
        <v>256290</v>
      </c>
      <c r="T23" s="274">
        <v>1089325</v>
      </c>
      <c r="U23" s="274">
        <v>1123775</v>
      </c>
      <c r="V23" s="274">
        <v>552835</v>
      </c>
      <c r="W23" s="277">
        <v>3061590</v>
      </c>
      <c r="X23" s="278">
        <v>3061590</v>
      </c>
      <c r="Y23" s="273">
        <v>0</v>
      </c>
      <c r="Z23" s="274">
        <v>0</v>
      </c>
      <c r="AA23" s="275">
        <v>0</v>
      </c>
      <c r="AB23" s="514">
        <v>0</v>
      </c>
      <c r="AC23" s="274">
        <v>106785</v>
      </c>
      <c r="AD23" s="274">
        <v>147195</v>
      </c>
      <c r="AE23" s="274">
        <v>253495</v>
      </c>
      <c r="AF23" s="274">
        <v>109270</v>
      </c>
      <c r="AG23" s="274">
        <v>89550</v>
      </c>
      <c r="AH23" s="277">
        <v>706295</v>
      </c>
      <c r="AI23" s="278">
        <v>706295</v>
      </c>
      <c r="AJ23" s="273">
        <v>0</v>
      </c>
      <c r="AK23" s="274">
        <v>0</v>
      </c>
      <c r="AL23" s="275">
        <v>0</v>
      </c>
      <c r="AM23" s="514">
        <v>0</v>
      </c>
      <c r="AN23" s="274">
        <v>0</v>
      </c>
      <c r="AO23" s="274">
        <v>0</v>
      </c>
      <c r="AP23" s="274">
        <v>0</v>
      </c>
      <c r="AQ23" s="274">
        <v>0</v>
      </c>
      <c r="AR23" s="274">
        <v>0</v>
      </c>
      <c r="AS23" s="277">
        <v>0</v>
      </c>
      <c r="AT23" s="278">
        <v>0</v>
      </c>
      <c r="AU23" s="273">
        <v>0</v>
      </c>
      <c r="AV23" s="274">
        <v>0</v>
      </c>
      <c r="AW23" s="275">
        <v>0</v>
      </c>
      <c r="AX23" s="514">
        <v>0</v>
      </c>
      <c r="AY23" s="274">
        <v>0</v>
      </c>
      <c r="AZ23" s="274">
        <v>0</v>
      </c>
      <c r="BA23" s="274">
        <v>0</v>
      </c>
      <c r="BB23" s="274">
        <v>0</v>
      </c>
      <c r="BC23" s="274">
        <v>0</v>
      </c>
      <c r="BD23" s="277">
        <v>0</v>
      </c>
      <c r="BE23" s="278">
        <v>0</v>
      </c>
      <c r="BF23" s="273">
        <v>0</v>
      </c>
      <c r="BG23" s="274">
        <v>0</v>
      </c>
      <c r="BH23" s="275">
        <v>0</v>
      </c>
      <c r="BI23" s="514">
        <v>0</v>
      </c>
      <c r="BJ23" s="274">
        <v>0</v>
      </c>
      <c r="BK23" s="274">
        <v>0</v>
      </c>
      <c r="BL23" s="274">
        <v>0</v>
      </c>
      <c r="BM23" s="274">
        <v>0</v>
      </c>
      <c r="BN23" s="274">
        <v>0</v>
      </c>
      <c r="BO23" s="277">
        <v>0</v>
      </c>
      <c r="BP23" s="278">
        <v>0</v>
      </c>
      <c r="BQ23" s="273">
        <v>0</v>
      </c>
      <c r="BR23" s="274">
        <v>0</v>
      </c>
      <c r="BS23" s="275">
        <v>0</v>
      </c>
      <c r="BT23" s="276">
        <v>0</v>
      </c>
      <c r="BU23" s="274">
        <v>39790</v>
      </c>
      <c r="BV23" s="274">
        <v>42310</v>
      </c>
      <c r="BW23" s="274">
        <v>116345</v>
      </c>
      <c r="BX23" s="274">
        <v>55590</v>
      </c>
      <c r="BY23" s="274">
        <v>11115</v>
      </c>
      <c r="BZ23" s="277">
        <v>265150</v>
      </c>
      <c r="CA23" s="278">
        <v>265150</v>
      </c>
      <c r="CB23" s="273">
        <v>0</v>
      </c>
      <c r="CC23" s="274">
        <v>0</v>
      </c>
      <c r="CD23" s="275">
        <v>0</v>
      </c>
      <c r="CE23" s="276">
        <v>0</v>
      </c>
      <c r="CF23" s="274">
        <v>3865</v>
      </c>
      <c r="CG23" s="274">
        <v>435</v>
      </c>
      <c r="CH23" s="274">
        <v>1450</v>
      </c>
      <c r="CI23" s="274">
        <v>1305</v>
      </c>
      <c r="CJ23" s="274">
        <v>0</v>
      </c>
      <c r="CK23" s="277">
        <v>7055</v>
      </c>
      <c r="CL23" s="278">
        <v>7055</v>
      </c>
      <c r="CM23" s="273">
        <v>0</v>
      </c>
      <c r="CN23" s="274">
        <v>0</v>
      </c>
      <c r="CO23" s="275">
        <v>0</v>
      </c>
      <c r="CP23" s="276">
        <v>0</v>
      </c>
      <c r="CQ23" s="274">
        <v>0</v>
      </c>
      <c r="CR23" s="274">
        <v>0</v>
      </c>
      <c r="CS23" s="274">
        <v>0</v>
      </c>
      <c r="CT23" s="274">
        <v>0</v>
      </c>
      <c r="CU23" s="274">
        <v>0</v>
      </c>
      <c r="CV23" s="277">
        <v>0</v>
      </c>
      <c r="CW23" s="278">
        <v>0</v>
      </c>
      <c r="CX23" s="273">
        <v>0</v>
      </c>
      <c r="CY23" s="274">
        <v>0</v>
      </c>
      <c r="CZ23" s="275">
        <v>0</v>
      </c>
      <c r="DA23" s="514">
        <v>0</v>
      </c>
      <c r="DB23" s="274">
        <v>0</v>
      </c>
      <c r="DC23" s="274">
        <v>0</v>
      </c>
      <c r="DD23" s="274">
        <v>0</v>
      </c>
      <c r="DE23" s="274">
        <v>0</v>
      </c>
      <c r="DF23" s="274">
        <v>0</v>
      </c>
      <c r="DG23" s="277">
        <v>0</v>
      </c>
      <c r="DH23" s="278">
        <v>0</v>
      </c>
      <c r="DI23" s="273">
        <v>0</v>
      </c>
      <c r="DJ23" s="274">
        <v>0</v>
      </c>
      <c r="DK23" s="275">
        <v>0</v>
      </c>
      <c r="DL23" s="276">
        <v>0</v>
      </c>
      <c r="DM23" s="274">
        <v>182100</v>
      </c>
      <c r="DN23" s="274">
        <v>478493</v>
      </c>
      <c r="DO23" s="274">
        <v>1970177</v>
      </c>
      <c r="DP23" s="274">
        <v>2274158</v>
      </c>
      <c r="DQ23" s="274">
        <v>889685</v>
      </c>
      <c r="DR23" s="277">
        <v>5794613</v>
      </c>
      <c r="DS23" s="279">
        <v>5794613</v>
      </c>
      <c r="DT23" s="273">
        <v>0</v>
      </c>
      <c r="DU23" s="274">
        <v>0</v>
      </c>
      <c r="DV23" s="275">
        <v>0</v>
      </c>
      <c r="DW23" s="514">
        <v>0</v>
      </c>
      <c r="DX23" s="274">
        <v>60660</v>
      </c>
      <c r="DY23" s="274">
        <v>369138</v>
      </c>
      <c r="DZ23" s="274">
        <v>1696793</v>
      </c>
      <c r="EA23" s="274">
        <v>2060667</v>
      </c>
      <c r="EB23" s="274">
        <v>852897</v>
      </c>
      <c r="EC23" s="277">
        <v>5040155</v>
      </c>
      <c r="ED23" s="278">
        <v>5040155</v>
      </c>
      <c r="EE23" s="273">
        <v>0</v>
      </c>
      <c r="EF23" s="274">
        <v>0</v>
      </c>
      <c r="EG23" s="275">
        <v>0</v>
      </c>
      <c r="EH23" s="514">
        <v>0</v>
      </c>
      <c r="EI23" s="274">
        <v>33906</v>
      </c>
      <c r="EJ23" s="274">
        <v>13267</v>
      </c>
      <c r="EK23" s="274">
        <v>27854</v>
      </c>
      <c r="EL23" s="274">
        <v>13827</v>
      </c>
      <c r="EM23" s="274">
        <v>1470</v>
      </c>
      <c r="EN23" s="277">
        <v>90324</v>
      </c>
      <c r="EO23" s="278">
        <v>90324</v>
      </c>
      <c r="EP23" s="273">
        <v>0</v>
      </c>
      <c r="EQ23" s="274">
        <v>0</v>
      </c>
      <c r="ER23" s="275">
        <v>0</v>
      </c>
      <c r="ES23" s="514">
        <v>0</v>
      </c>
      <c r="ET23" s="274">
        <v>0</v>
      </c>
      <c r="EU23" s="274">
        <v>0</v>
      </c>
      <c r="EV23" s="274">
        <v>0</v>
      </c>
      <c r="EW23" s="274">
        <v>0</v>
      </c>
      <c r="EX23" s="274">
        <v>0</v>
      </c>
      <c r="EY23" s="277">
        <v>0</v>
      </c>
      <c r="EZ23" s="278">
        <v>0</v>
      </c>
      <c r="FA23" s="273">
        <v>0</v>
      </c>
      <c r="FB23" s="274">
        <v>0</v>
      </c>
      <c r="FC23" s="275">
        <v>0</v>
      </c>
      <c r="FD23" s="514">
        <v>0</v>
      </c>
      <c r="FE23" s="274">
        <v>0</v>
      </c>
      <c r="FF23" s="274">
        <v>0</v>
      </c>
      <c r="FG23" s="274">
        <v>0</v>
      </c>
      <c r="FH23" s="274">
        <v>0</v>
      </c>
      <c r="FI23" s="274">
        <v>0</v>
      </c>
      <c r="FJ23" s="277">
        <v>0</v>
      </c>
      <c r="FK23" s="278">
        <v>0</v>
      </c>
      <c r="FL23" s="273">
        <v>0</v>
      </c>
      <c r="FM23" s="274">
        <v>0</v>
      </c>
      <c r="FN23" s="275">
        <v>0</v>
      </c>
      <c r="FO23" s="514">
        <v>0</v>
      </c>
      <c r="FP23" s="274">
        <v>0</v>
      </c>
      <c r="FQ23" s="274">
        <v>0</v>
      </c>
      <c r="FR23" s="274">
        <v>0</v>
      </c>
      <c r="FS23" s="274">
        <v>0</v>
      </c>
      <c r="FT23" s="274">
        <v>0</v>
      </c>
      <c r="FU23" s="277">
        <v>0</v>
      </c>
      <c r="FV23" s="278">
        <v>0</v>
      </c>
      <c r="FW23" s="273">
        <v>0</v>
      </c>
      <c r="FX23" s="274">
        <v>0</v>
      </c>
      <c r="FY23" s="275">
        <v>0</v>
      </c>
      <c r="FZ23" s="276">
        <v>0</v>
      </c>
      <c r="GA23" s="274">
        <v>83954</v>
      </c>
      <c r="GB23" s="274">
        <v>94656</v>
      </c>
      <c r="GC23" s="274">
        <v>241234</v>
      </c>
      <c r="GD23" s="274">
        <v>197144</v>
      </c>
      <c r="GE23" s="274">
        <v>35318</v>
      </c>
      <c r="GF23" s="277">
        <v>652306</v>
      </c>
      <c r="GG23" s="278">
        <v>652306</v>
      </c>
      <c r="GH23" s="273">
        <v>0</v>
      </c>
      <c r="GI23" s="274">
        <v>0</v>
      </c>
      <c r="GJ23" s="275">
        <v>0</v>
      </c>
      <c r="GK23" s="276">
        <v>0</v>
      </c>
      <c r="GL23" s="274">
        <v>3580</v>
      </c>
      <c r="GM23" s="274">
        <v>1432</v>
      </c>
      <c r="GN23" s="274">
        <v>4296</v>
      </c>
      <c r="GO23" s="274">
        <v>2520</v>
      </c>
      <c r="GP23" s="274">
        <v>0</v>
      </c>
      <c r="GQ23" s="277">
        <v>11828</v>
      </c>
      <c r="GR23" s="278">
        <v>11828</v>
      </c>
      <c r="GS23" s="273">
        <v>0</v>
      </c>
      <c r="GT23" s="274">
        <v>0</v>
      </c>
      <c r="GU23" s="275">
        <v>0</v>
      </c>
      <c r="GV23" s="276">
        <v>0</v>
      </c>
      <c r="GW23" s="274">
        <v>0</v>
      </c>
      <c r="GX23" s="274">
        <v>0</v>
      </c>
      <c r="GY23" s="274">
        <v>0</v>
      </c>
      <c r="GZ23" s="274">
        <v>0</v>
      </c>
      <c r="HA23" s="274">
        <v>0</v>
      </c>
      <c r="HB23" s="277">
        <v>0</v>
      </c>
      <c r="HC23" s="278">
        <v>0</v>
      </c>
      <c r="HD23" s="273">
        <v>0</v>
      </c>
      <c r="HE23" s="274">
        <v>0</v>
      </c>
      <c r="HF23" s="275">
        <v>0</v>
      </c>
      <c r="HG23" s="514">
        <v>0</v>
      </c>
      <c r="HH23" s="274">
        <v>0</v>
      </c>
      <c r="HI23" s="274">
        <v>0</v>
      </c>
      <c r="HJ23" s="274">
        <v>0</v>
      </c>
      <c r="HK23" s="274">
        <v>0</v>
      </c>
      <c r="HL23" s="274">
        <v>0</v>
      </c>
      <c r="HM23" s="277">
        <v>0</v>
      </c>
      <c r="HN23" s="278">
        <v>0</v>
      </c>
      <c r="HO23" s="273">
        <v>0</v>
      </c>
      <c r="HP23" s="274">
        <v>0</v>
      </c>
      <c r="HQ23" s="275">
        <v>0</v>
      </c>
      <c r="HR23" s="276">
        <v>0</v>
      </c>
      <c r="HS23" s="274">
        <v>371905</v>
      </c>
      <c r="HT23" s="274">
        <v>924723</v>
      </c>
      <c r="HU23" s="274">
        <v>3430792</v>
      </c>
      <c r="HV23" s="274">
        <v>3564098</v>
      </c>
      <c r="HW23" s="274">
        <v>1543185</v>
      </c>
      <c r="HX23" s="277">
        <v>9834703</v>
      </c>
      <c r="HY23" s="278">
        <v>9834703</v>
      </c>
    </row>
    <row r="24" spans="2:233" ht="21" customHeight="1" x14ac:dyDescent="0.2">
      <c r="B24" s="468" t="s">
        <v>21</v>
      </c>
      <c r="C24" s="273">
        <v>0</v>
      </c>
      <c r="D24" s="274">
        <v>0</v>
      </c>
      <c r="E24" s="275">
        <v>0</v>
      </c>
      <c r="F24" s="276">
        <v>0</v>
      </c>
      <c r="G24" s="274">
        <v>155120</v>
      </c>
      <c r="H24" s="274">
        <v>392896</v>
      </c>
      <c r="I24" s="274">
        <v>2210492</v>
      </c>
      <c r="J24" s="274">
        <v>1995306</v>
      </c>
      <c r="K24" s="274">
        <v>1384199</v>
      </c>
      <c r="L24" s="277">
        <v>6138013</v>
      </c>
      <c r="M24" s="278">
        <v>6138013</v>
      </c>
      <c r="N24" s="273">
        <v>0</v>
      </c>
      <c r="O24" s="274">
        <v>0</v>
      </c>
      <c r="P24" s="275">
        <v>0</v>
      </c>
      <c r="Q24" s="514">
        <v>0</v>
      </c>
      <c r="R24" s="274">
        <v>34350</v>
      </c>
      <c r="S24" s="274">
        <v>192090</v>
      </c>
      <c r="T24" s="274">
        <v>1796148</v>
      </c>
      <c r="U24" s="274">
        <v>1519016</v>
      </c>
      <c r="V24" s="274">
        <v>1046719</v>
      </c>
      <c r="W24" s="277">
        <v>4588323</v>
      </c>
      <c r="X24" s="278">
        <v>4588323</v>
      </c>
      <c r="Y24" s="273">
        <v>0</v>
      </c>
      <c r="Z24" s="274">
        <v>0</v>
      </c>
      <c r="AA24" s="275">
        <v>0</v>
      </c>
      <c r="AB24" s="514">
        <v>0</v>
      </c>
      <c r="AC24" s="274">
        <v>99665</v>
      </c>
      <c r="AD24" s="274">
        <v>135290</v>
      </c>
      <c r="AE24" s="274">
        <v>293307</v>
      </c>
      <c r="AF24" s="274">
        <v>225660</v>
      </c>
      <c r="AG24" s="274">
        <v>189100</v>
      </c>
      <c r="AH24" s="277">
        <v>943022</v>
      </c>
      <c r="AI24" s="278">
        <v>943022</v>
      </c>
      <c r="AJ24" s="273">
        <v>0</v>
      </c>
      <c r="AK24" s="274">
        <v>0</v>
      </c>
      <c r="AL24" s="275">
        <v>0</v>
      </c>
      <c r="AM24" s="514">
        <v>0</v>
      </c>
      <c r="AN24" s="274">
        <v>0</v>
      </c>
      <c r="AO24" s="274">
        <v>0</v>
      </c>
      <c r="AP24" s="274">
        <v>0</v>
      </c>
      <c r="AQ24" s="274">
        <v>31650</v>
      </c>
      <c r="AR24" s="274">
        <v>36730</v>
      </c>
      <c r="AS24" s="277">
        <v>68380</v>
      </c>
      <c r="AT24" s="278">
        <v>68380</v>
      </c>
      <c r="AU24" s="273">
        <v>0</v>
      </c>
      <c r="AV24" s="274">
        <v>0</v>
      </c>
      <c r="AW24" s="275">
        <v>0</v>
      </c>
      <c r="AX24" s="514">
        <v>0</v>
      </c>
      <c r="AY24" s="274">
        <v>0</v>
      </c>
      <c r="AZ24" s="274">
        <v>0</v>
      </c>
      <c r="BA24" s="274">
        <v>34350</v>
      </c>
      <c r="BB24" s="274">
        <v>36500</v>
      </c>
      <c r="BC24" s="274">
        <v>63915</v>
      </c>
      <c r="BD24" s="277">
        <v>134765</v>
      </c>
      <c r="BE24" s="278">
        <v>134765</v>
      </c>
      <c r="BF24" s="273">
        <v>0</v>
      </c>
      <c r="BG24" s="274">
        <v>0</v>
      </c>
      <c r="BH24" s="275">
        <v>0</v>
      </c>
      <c r="BI24" s="514">
        <v>0</v>
      </c>
      <c r="BJ24" s="274">
        <v>0</v>
      </c>
      <c r="BK24" s="274">
        <v>0</v>
      </c>
      <c r="BL24" s="274">
        <v>0</v>
      </c>
      <c r="BM24" s="274">
        <v>0</v>
      </c>
      <c r="BN24" s="274">
        <v>0</v>
      </c>
      <c r="BO24" s="277">
        <v>0</v>
      </c>
      <c r="BP24" s="278">
        <v>0</v>
      </c>
      <c r="BQ24" s="273">
        <v>0</v>
      </c>
      <c r="BR24" s="274">
        <v>0</v>
      </c>
      <c r="BS24" s="275">
        <v>0</v>
      </c>
      <c r="BT24" s="276">
        <v>0</v>
      </c>
      <c r="BU24" s="274">
        <v>21105</v>
      </c>
      <c r="BV24" s="274">
        <v>62125</v>
      </c>
      <c r="BW24" s="274">
        <v>84065</v>
      </c>
      <c r="BX24" s="274">
        <v>178762</v>
      </c>
      <c r="BY24" s="274">
        <v>47735</v>
      </c>
      <c r="BZ24" s="277">
        <v>393792</v>
      </c>
      <c r="CA24" s="278">
        <v>393792</v>
      </c>
      <c r="CB24" s="273">
        <v>0</v>
      </c>
      <c r="CC24" s="274">
        <v>0</v>
      </c>
      <c r="CD24" s="275">
        <v>0</v>
      </c>
      <c r="CE24" s="276">
        <v>0</v>
      </c>
      <c r="CF24" s="274">
        <v>0</v>
      </c>
      <c r="CG24" s="274">
        <v>3391</v>
      </c>
      <c r="CH24" s="274">
        <v>2622</v>
      </c>
      <c r="CI24" s="274">
        <v>3718</v>
      </c>
      <c r="CJ24" s="274">
        <v>0</v>
      </c>
      <c r="CK24" s="277">
        <v>9731</v>
      </c>
      <c r="CL24" s="278">
        <v>9731</v>
      </c>
      <c r="CM24" s="273">
        <v>0</v>
      </c>
      <c r="CN24" s="274">
        <v>0</v>
      </c>
      <c r="CO24" s="275">
        <v>0</v>
      </c>
      <c r="CP24" s="276">
        <v>0</v>
      </c>
      <c r="CQ24" s="274">
        <v>0</v>
      </c>
      <c r="CR24" s="274">
        <v>0</v>
      </c>
      <c r="CS24" s="274">
        <v>0</v>
      </c>
      <c r="CT24" s="274">
        <v>0</v>
      </c>
      <c r="CU24" s="274">
        <v>0</v>
      </c>
      <c r="CV24" s="277">
        <v>0</v>
      </c>
      <c r="CW24" s="278">
        <v>0</v>
      </c>
      <c r="CX24" s="273">
        <v>0</v>
      </c>
      <c r="CY24" s="274">
        <v>0</v>
      </c>
      <c r="CZ24" s="275">
        <v>0</v>
      </c>
      <c r="DA24" s="514">
        <v>0</v>
      </c>
      <c r="DB24" s="274">
        <v>0</v>
      </c>
      <c r="DC24" s="274">
        <v>0</v>
      </c>
      <c r="DD24" s="274">
        <v>0</v>
      </c>
      <c r="DE24" s="274">
        <v>0</v>
      </c>
      <c r="DF24" s="274">
        <v>0</v>
      </c>
      <c r="DG24" s="277">
        <v>0</v>
      </c>
      <c r="DH24" s="278">
        <v>0</v>
      </c>
      <c r="DI24" s="273">
        <v>0</v>
      </c>
      <c r="DJ24" s="274">
        <v>0</v>
      </c>
      <c r="DK24" s="275">
        <v>0</v>
      </c>
      <c r="DL24" s="276">
        <v>0</v>
      </c>
      <c r="DM24" s="274">
        <v>72408</v>
      </c>
      <c r="DN24" s="274">
        <v>354719</v>
      </c>
      <c r="DO24" s="274">
        <v>2406978</v>
      </c>
      <c r="DP24" s="274">
        <v>2688467</v>
      </c>
      <c r="DQ24" s="274">
        <v>1612006</v>
      </c>
      <c r="DR24" s="277">
        <v>7134578</v>
      </c>
      <c r="DS24" s="279">
        <v>7134578</v>
      </c>
      <c r="DT24" s="273">
        <v>0</v>
      </c>
      <c r="DU24" s="274">
        <v>0</v>
      </c>
      <c r="DV24" s="275">
        <v>0</v>
      </c>
      <c r="DW24" s="514">
        <v>0</v>
      </c>
      <c r="DX24" s="274">
        <v>25650</v>
      </c>
      <c r="DY24" s="274">
        <v>210468</v>
      </c>
      <c r="DZ24" s="274">
        <v>2186413</v>
      </c>
      <c r="EA24" s="274">
        <v>2320051</v>
      </c>
      <c r="EB24" s="274">
        <v>1485703</v>
      </c>
      <c r="EC24" s="277">
        <v>6228285</v>
      </c>
      <c r="ED24" s="278">
        <v>6228285</v>
      </c>
      <c r="EE24" s="273">
        <v>0</v>
      </c>
      <c r="EF24" s="274">
        <v>0</v>
      </c>
      <c r="EG24" s="275">
        <v>0</v>
      </c>
      <c r="EH24" s="514">
        <v>0</v>
      </c>
      <c r="EI24" s="274">
        <v>2303</v>
      </c>
      <c r="EJ24" s="274">
        <v>12728</v>
      </c>
      <c r="EK24" s="274">
        <v>24590</v>
      </c>
      <c r="EL24" s="274">
        <v>13676</v>
      </c>
      <c r="EM24" s="274">
        <v>24255</v>
      </c>
      <c r="EN24" s="277">
        <v>77552</v>
      </c>
      <c r="EO24" s="278">
        <v>77552</v>
      </c>
      <c r="EP24" s="273">
        <v>0</v>
      </c>
      <c r="EQ24" s="274">
        <v>0</v>
      </c>
      <c r="ER24" s="275">
        <v>0</v>
      </c>
      <c r="ES24" s="514">
        <v>0</v>
      </c>
      <c r="ET24" s="274">
        <v>0</v>
      </c>
      <c r="EU24" s="274">
        <v>0</v>
      </c>
      <c r="EV24" s="274">
        <v>0</v>
      </c>
      <c r="EW24" s="274">
        <v>0</v>
      </c>
      <c r="EX24" s="274">
        <v>11100</v>
      </c>
      <c r="EY24" s="277">
        <v>11100</v>
      </c>
      <c r="EZ24" s="278">
        <v>11100</v>
      </c>
      <c r="FA24" s="273">
        <v>0</v>
      </c>
      <c r="FB24" s="274">
        <v>0</v>
      </c>
      <c r="FC24" s="275">
        <v>0</v>
      </c>
      <c r="FD24" s="514">
        <v>0</v>
      </c>
      <c r="FE24" s="274">
        <v>0</v>
      </c>
      <c r="FF24" s="274">
        <v>0</v>
      </c>
      <c r="FG24" s="274">
        <v>11310</v>
      </c>
      <c r="FH24" s="274">
        <v>630</v>
      </c>
      <c r="FI24" s="274">
        <v>11989</v>
      </c>
      <c r="FJ24" s="277">
        <v>23929</v>
      </c>
      <c r="FK24" s="278">
        <v>23929</v>
      </c>
      <c r="FL24" s="273">
        <v>0</v>
      </c>
      <c r="FM24" s="274">
        <v>0</v>
      </c>
      <c r="FN24" s="275">
        <v>0</v>
      </c>
      <c r="FO24" s="514">
        <v>0</v>
      </c>
      <c r="FP24" s="274">
        <v>0</v>
      </c>
      <c r="FQ24" s="274">
        <v>0</v>
      </c>
      <c r="FR24" s="274">
        <v>0</v>
      </c>
      <c r="FS24" s="274">
        <v>0</v>
      </c>
      <c r="FT24" s="274">
        <v>0</v>
      </c>
      <c r="FU24" s="277">
        <v>0</v>
      </c>
      <c r="FV24" s="278">
        <v>0</v>
      </c>
      <c r="FW24" s="273">
        <v>0</v>
      </c>
      <c r="FX24" s="274">
        <v>0</v>
      </c>
      <c r="FY24" s="275">
        <v>0</v>
      </c>
      <c r="FZ24" s="276">
        <v>0</v>
      </c>
      <c r="GA24" s="274">
        <v>44455</v>
      </c>
      <c r="GB24" s="274">
        <v>125259</v>
      </c>
      <c r="GC24" s="274">
        <v>184665</v>
      </c>
      <c r="GD24" s="274">
        <v>351560</v>
      </c>
      <c r="GE24" s="274">
        <v>78959</v>
      </c>
      <c r="GF24" s="277">
        <v>784898</v>
      </c>
      <c r="GG24" s="278">
        <v>784898</v>
      </c>
      <c r="GH24" s="273">
        <v>0</v>
      </c>
      <c r="GI24" s="274">
        <v>0</v>
      </c>
      <c r="GJ24" s="275">
        <v>0</v>
      </c>
      <c r="GK24" s="276">
        <v>0</v>
      </c>
      <c r="GL24" s="274">
        <v>0</v>
      </c>
      <c r="GM24" s="274">
        <v>6264</v>
      </c>
      <c r="GN24" s="274">
        <v>0</v>
      </c>
      <c r="GO24" s="274">
        <v>2550</v>
      </c>
      <c r="GP24" s="274">
        <v>0</v>
      </c>
      <c r="GQ24" s="277">
        <v>8814</v>
      </c>
      <c r="GR24" s="278">
        <v>8814</v>
      </c>
      <c r="GS24" s="273">
        <v>0</v>
      </c>
      <c r="GT24" s="274">
        <v>0</v>
      </c>
      <c r="GU24" s="275">
        <v>0</v>
      </c>
      <c r="GV24" s="276">
        <v>0</v>
      </c>
      <c r="GW24" s="274">
        <v>0</v>
      </c>
      <c r="GX24" s="274">
        <v>0</v>
      </c>
      <c r="GY24" s="274">
        <v>0</v>
      </c>
      <c r="GZ24" s="274">
        <v>0</v>
      </c>
      <c r="HA24" s="274">
        <v>0</v>
      </c>
      <c r="HB24" s="277">
        <v>0</v>
      </c>
      <c r="HC24" s="278">
        <v>0</v>
      </c>
      <c r="HD24" s="273">
        <v>0</v>
      </c>
      <c r="HE24" s="274">
        <v>0</v>
      </c>
      <c r="HF24" s="275">
        <v>0</v>
      </c>
      <c r="HG24" s="514">
        <v>0</v>
      </c>
      <c r="HH24" s="274">
        <v>0</v>
      </c>
      <c r="HI24" s="274">
        <v>0</v>
      </c>
      <c r="HJ24" s="274">
        <v>0</v>
      </c>
      <c r="HK24" s="274">
        <v>0</v>
      </c>
      <c r="HL24" s="274">
        <v>0</v>
      </c>
      <c r="HM24" s="277">
        <v>0</v>
      </c>
      <c r="HN24" s="278">
        <v>0</v>
      </c>
      <c r="HO24" s="273">
        <v>0</v>
      </c>
      <c r="HP24" s="274">
        <v>0</v>
      </c>
      <c r="HQ24" s="275">
        <v>0</v>
      </c>
      <c r="HR24" s="276">
        <v>0</v>
      </c>
      <c r="HS24" s="274">
        <v>227528</v>
      </c>
      <c r="HT24" s="274">
        <v>747615</v>
      </c>
      <c r="HU24" s="274">
        <v>4617470</v>
      </c>
      <c r="HV24" s="274">
        <v>4683773</v>
      </c>
      <c r="HW24" s="274">
        <v>2996205</v>
      </c>
      <c r="HX24" s="277">
        <v>13272591</v>
      </c>
      <c r="HY24" s="278">
        <v>13272591</v>
      </c>
    </row>
    <row r="25" spans="2:233" ht="21" customHeight="1" x14ac:dyDescent="0.2">
      <c r="B25" s="468" t="s">
        <v>22</v>
      </c>
      <c r="C25" s="273">
        <v>0</v>
      </c>
      <c r="D25" s="274">
        <v>0</v>
      </c>
      <c r="E25" s="275">
        <v>0</v>
      </c>
      <c r="F25" s="276">
        <v>0</v>
      </c>
      <c r="G25" s="274">
        <v>57800</v>
      </c>
      <c r="H25" s="274">
        <v>375495</v>
      </c>
      <c r="I25" s="274">
        <v>565355</v>
      </c>
      <c r="J25" s="274">
        <v>905565</v>
      </c>
      <c r="K25" s="274">
        <v>488075</v>
      </c>
      <c r="L25" s="277">
        <v>2392290</v>
      </c>
      <c r="M25" s="278">
        <v>2392290</v>
      </c>
      <c r="N25" s="273">
        <v>0</v>
      </c>
      <c r="O25" s="274">
        <v>0</v>
      </c>
      <c r="P25" s="275">
        <v>0</v>
      </c>
      <c r="Q25" s="514">
        <v>0</v>
      </c>
      <c r="R25" s="274">
        <v>34350</v>
      </c>
      <c r="S25" s="274">
        <v>94950</v>
      </c>
      <c r="T25" s="274">
        <v>429135</v>
      </c>
      <c r="U25" s="274">
        <v>538145</v>
      </c>
      <c r="V25" s="274">
        <v>236850</v>
      </c>
      <c r="W25" s="277">
        <v>1333430</v>
      </c>
      <c r="X25" s="278">
        <v>1333430</v>
      </c>
      <c r="Y25" s="273">
        <v>0</v>
      </c>
      <c r="Z25" s="274">
        <v>0</v>
      </c>
      <c r="AA25" s="275">
        <v>0</v>
      </c>
      <c r="AB25" s="514">
        <v>0</v>
      </c>
      <c r="AC25" s="274">
        <v>17820</v>
      </c>
      <c r="AD25" s="274">
        <v>278585</v>
      </c>
      <c r="AE25" s="274">
        <v>72075</v>
      </c>
      <c r="AF25" s="274">
        <v>312880</v>
      </c>
      <c r="AG25" s="274">
        <v>118450</v>
      </c>
      <c r="AH25" s="277">
        <v>799810</v>
      </c>
      <c r="AI25" s="278">
        <v>799810</v>
      </c>
      <c r="AJ25" s="273">
        <v>0</v>
      </c>
      <c r="AK25" s="274">
        <v>0</v>
      </c>
      <c r="AL25" s="275">
        <v>0</v>
      </c>
      <c r="AM25" s="514">
        <v>0</v>
      </c>
      <c r="AN25" s="274">
        <v>0</v>
      </c>
      <c r="AO25" s="274">
        <v>0</v>
      </c>
      <c r="AP25" s="274">
        <v>0</v>
      </c>
      <c r="AQ25" s="274">
        <v>0</v>
      </c>
      <c r="AR25" s="274">
        <v>0</v>
      </c>
      <c r="AS25" s="277">
        <v>0</v>
      </c>
      <c r="AT25" s="278">
        <v>0</v>
      </c>
      <c r="AU25" s="273">
        <v>0</v>
      </c>
      <c r="AV25" s="274">
        <v>0</v>
      </c>
      <c r="AW25" s="275">
        <v>0</v>
      </c>
      <c r="AX25" s="514">
        <v>0</v>
      </c>
      <c r="AY25" s="274">
        <v>0</v>
      </c>
      <c r="AZ25" s="274">
        <v>0</v>
      </c>
      <c r="BA25" s="274">
        <v>0</v>
      </c>
      <c r="BB25" s="274">
        <v>0</v>
      </c>
      <c r="BC25" s="274">
        <v>23850</v>
      </c>
      <c r="BD25" s="277">
        <v>23850</v>
      </c>
      <c r="BE25" s="278">
        <v>23850</v>
      </c>
      <c r="BF25" s="273">
        <v>0</v>
      </c>
      <c r="BG25" s="274">
        <v>0</v>
      </c>
      <c r="BH25" s="275">
        <v>0</v>
      </c>
      <c r="BI25" s="514">
        <v>0</v>
      </c>
      <c r="BJ25" s="274">
        <v>0</v>
      </c>
      <c r="BK25" s="274">
        <v>0</v>
      </c>
      <c r="BL25" s="274">
        <v>26400</v>
      </c>
      <c r="BM25" s="274">
        <v>52800</v>
      </c>
      <c r="BN25" s="274">
        <v>108925</v>
      </c>
      <c r="BO25" s="277">
        <v>188125</v>
      </c>
      <c r="BP25" s="278">
        <v>188125</v>
      </c>
      <c r="BQ25" s="273">
        <v>0</v>
      </c>
      <c r="BR25" s="274">
        <v>0</v>
      </c>
      <c r="BS25" s="275">
        <v>0</v>
      </c>
      <c r="BT25" s="276">
        <v>0</v>
      </c>
      <c r="BU25" s="274">
        <v>290</v>
      </c>
      <c r="BV25" s="274">
        <v>1960</v>
      </c>
      <c r="BW25" s="274">
        <v>37455</v>
      </c>
      <c r="BX25" s="274">
        <v>1740</v>
      </c>
      <c r="BY25" s="274">
        <v>0</v>
      </c>
      <c r="BZ25" s="277">
        <v>41445</v>
      </c>
      <c r="CA25" s="278">
        <v>41445</v>
      </c>
      <c r="CB25" s="273">
        <v>0</v>
      </c>
      <c r="CC25" s="274">
        <v>0</v>
      </c>
      <c r="CD25" s="275">
        <v>0</v>
      </c>
      <c r="CE25" s="276">
        <v>0</v>
      </c>
      <c r="CF25" s="274">
        <v>5340</v>
      </c>
      <c r="CG25" s="274">
        <v>0</v>
      </c>
      <c r="CH25" s="274">
        <v>290</v>
      </c>
      <c r="CI25" s="274">
        <v>0</v>
      </c>
      <c r="CJ25" s="274">
        <v>0</v>
      </c>
      <c r="CK25" s="277">
        <v>5630</v>
      </c>
      <c r="CL25" s="278">
        <v>5630</v>
      </c>
      <c r="CM25" s="273">
        <v>0</v>
      </c>
      <c r="CN25" s="274">
        <v>0</v>
      </c>
      <c r="CO25" s="275">
        <v>0</v>
      </c>
      <c r="CP25" s="276">
        <v>0</v>
      </c>
      <c r="CQ25" s="274">
        <v>0</v>
      </c>
      <c r="CR25" s="274">
        <v>0</v>
      </c>
      <c r="CS25" s="274">
        <v>0</v>
      </c>
      <c r="CT25" s="274">
        <v>0</v>
      </c>
      <c r="CU25" s="274">
        <v>0</v>
      </c>
      <c r="CV25" s="277">
        <v>0</v>
      </c>
      <c r="CW25" s="278">
        <v>0</v>
      </c>
      <c r="CX25" s="273">
        <v>0</v>
      </c>
      <c r="CY25" s="274">
        <v>0</v>
      </c>
      <c r="CZ25" s="275">
        <v>0</v>
      </c>
      <c r="DA25" s="514">
        <v>0</v>
      </c>
      <c r="DB25" s="274">
        <v>0</v>
      </c>
      <c r="DC25" s="274">
        <v>0</v>
      </c>
      <c r="DD25" s="274">
        <v>0</v>
      </c>
      <c r="DE25" s="274">
        <v>0</v>
      </c>
      <c r="DF25" s="274">
        <v>0</v>
      </c>
      <c r="DG25" s="277">
        <v>0</v>
      </c>
      <c r="DH25" s="278">
        <v>0</v>
      </c>
      <c r="DI25" s="273">
        <v>0</v>
      </c>
      <c r="DJ25" s="274">
        <v>0</v>
      </c>
      <c r="DK25" s="275">
        <v>0</v>
      </c>
      <c r="DL25" s="276">
        <v>0</v>
      </c>
      <c r="DM25" s="274">
        <v>28906</v>
      </c>
      <c r="DN25" s="274">
        <v>102759</v>
      </c>
      <c r="DO25" s="274">
        <v>581696</v>
      </c>
      <c r="DP25" s="274">
        <v>880490</v>
      </c>
      <c r="DQ25" s="274">
        <v>505295</v>
      </c>
      <c r="DR25" s="277">
        <v>2099146</v>
      </c>
      <c r="DS25" s="279">
        <v>2099146</v>
      </c>
      <c r="DT25" s="273">
        <v>0</v>
      </c>
      <c r="DU25" s="274">
        <v>0</v>
      </c>
      <c r="DV25" s="275">
        <v>0</v>
      </c>
      <c r="DW25" s="514">
        <v>0</v>
      </c>
      <c r="DX25" s="274">
        <v>25650</v>
      </c>
      <c r="DY25" s="274">
        <v>51630</v>
      </c>
      <c r="DZ25" s="274">
        <v>486667</v>
      </c>
      <c r="EA25" s="274">
        <v>742455</v>
      </c>
      <c r="EB25" s="274">
        <v>280110</v>
      </c>
      <c r="EC25" s="277">
        <v>1586512</v>
      </c>
      <c r="ED25" s="278">
        <v>1586512</v>
      </c>
      <c r="EE25" s="273">
        <v>0</v>
      </c>
      <c r="EF25" s="274">
        <v>0</v>
      </c>
      <c r="EG25" s="275">
        <v>0</v>
      </c>
      <c r="EH25" s="514">
        <v>0</v>
      </c>
      <c r="EI25" s="274">
        <v>532</v>
      </c>
      <c r="EJ25" s="274">
        <v>48125</v>
      </c>
      <c r="EK25" s="274">
        <v>12120</v>
      </c>
      <c r="EL25" s="274">
        <v>48228</v>
      </c>
      <c r="EM25" s="274">
        <v>12715</v>
      </c>
      <c r="EN25" s="277">
        <v>121720</v>
      </c>
      <c r="EO25" s="278">
        <v>121720</v>
      </c>
      <c r="EP25" s="273">
        <v>0</v>
      </c>
      <c r="EQ25" s="274">
        <v>0</v>
      </c>
      <c r="ER25" s="275">
        <v>0</v>
      </c>
      <c r="ES25" s="514">
        <v>0</v>
      </c>
      <c r="ET25" s="274">
        <v>0</v>
      </c>
      <c r="EU25" s="274">
        <v>0</v>
      </c>
      <c r="EV25" s="274">
        <v>0</v>
      </c>
      <c r="EW25" s="274">
        <v>0</v>
      </c>
      <c r="EX25" s="274">
        <v>0</v>
      </c>
      <c r="EY25" s="277">
        <v>0</v>
      </c>
      <c r="EZ25" s="278">
        <v>0</v>
      </c>
      <c r="FA25" s="273">
        <v>0</v>
      </c>
      <c r="FB25" s="274">
        <v>0</v>
      </c>
      <c r="FC25" s="275">
        <v>0</v>
      </c>
      <c r="FD25" s="514">
        <v>0</v>
      </c>
      <c r="FE25" s="274">
        <v>0</v>
      </c>
      <c r="FF25" s="274">
        <v>0</v>
      </c>
      <c r="FG25" s="274">
        <v>0</v>
      </c>
      <c r="FH25" s="274">
        <v>7</v>
      </c>
      <c r="FI25" s="274">
        <v>210</v>
      </c>
      <c r="FJ25" s="277">
        <v>217</v>
      </c>
      <c r="FK25" s="278">
        <v>217</v>
      </c>
      <c r="FL25" s="273">
        <v>0</v>
      </c>
      <c r="FM25" s="274">
        <v>0</v>
      </c>
      <c r="FN25" s="275">
        <v>0</v>
      </c>
      <c r="FO25" s="514">
        <v>0</v>
      </c>
      <c r="FP25" s="274">
        <v>0</v>
      </c>
      <c r="FQ25" s="274">
        <v>0</v>
      </c>
      <c r="FR25" s="274">
        <v>41400</v>
      </c>
      <c r="FS25" s="274">
        <v>82800</v>
      </c>
      <c r="FT25" s="274">
        <v>212260</v>
      </c>
      <c r="FU25" s="277">
        <v>336460</v>
      </c>
      <c r="FV25" s="278">
        <v>336460</v>
      </c>
      <c r="FW25" s="273">
        <v>0</v>
      </c>
      <c r="FX25" s="274">
        <v>0</v>
      </c>
      <c r="FY25" s="275">
        <v>0</v>
      </c>
      <c r="FZ25" s="276">
        <v>0</v>
      </c>
      <c r="GA25" s="274">
        <v>2640</v>
      </c>
      <c r="GB25" s="274">
        <v>3004</v>
      </c>
      <c r="GC25" s="274">
        <v>41495</v>
      </c>
      <c r="GD25" s="274">
        <v>7000</v>
      </c>
      <c r="GE25" s="274">
        <v>0</v>
      </c>
      <c r="GF25" s="277">
        <v>54139</v>
      </c>
      <c r="GG25" s="278">
        <v>54139</v>
      </c>
      <c r="GH25" s="273">
        <v>0</v>
      </c>
      <c r="GI25" s="274">
        <v>0</v>
      </c>
      <c r="GJ25" s="275">
        <v>0</v>
      </c>
      <c r="GK25" s="276">
        <v>0</v>
      </c>
      <c r="GL25" s="274">
        <v>84</v>
      </c>
      <c r="GM25" s="274">
        <v>0</v>
      </c>
      <c r="GN25" s="274">
        <v>14</v>
      </c>
      <c r="GO25" s="274">
        <v>0</v>
      </c>
      <c r="GP25" s="274">
        <v>0</v>
      </c>
      <c r="GQ25" s="277">
        <v>98</v>
      </c>
      <c r="GR25" s="278">
        <v>98</v>
      </c>
      <c r="GS25" s="273">
        <v>0</v>
      </c>
      <c r="GT25" s="274">
        <v>0</v>
      </c>
      <c r="GU25" s="275">
        <v>0</v>
      </c>
      <c r="GV25" s="276">
        <v>0</v>
      </c>
      <c r="GW25" s="274">
        <v>0</v>
      </c>
      <c r="GX25" s="274">
        <v>0</v>
      </c>
      <c r="GY25" s="274">
        <v>0</v>
      </c>
      <c r="GZ25" s="274">
        <v>0</v>
      </c>
      <c r="HA25" s="274">
        <v>0</v>
      </c>
      <c r="HB25" s="277">
        <v>0</v>
      </c>
      <c r="HC25" s="278">
        <v>0</v>
      </c>
      <c r="HD25" s="273">
        <v>0</v>
      </c>
      <c r="HE25" s="274">
        <v>0</v>
      </c>
      <c r="HF25" s="275">
        <v>0</v>
      </c>
      <c r="HG25" s="514">
        <v>0</v>
      </c>
      <c r="HH25" s="274">
        <v>0</v>
      </c>
      <c r="HI25" s="274">
        <v>0</v>
      </c>
      <c r="HJ25" s="274">
        <v>0</v>
      </c>
      <c r="HK25" s="274">
        <v>0</v>
      </c>
      <c r="HL25" s="274">
        <v>0</v>
      </c>
      <c r="HM25" s="277">
        <v>0</v>
      </c>
      <c r="HN25" s="278">
        <v>0</v>
      </c>
      <c r="HO25" s="273">
        <v>0</v>
      </c>
      <c r="HP25" s="274">
        <v>0</v>
      </c>
      <c r="HQ25" s="275">
        <v>0</v>
      </c>
      <c r="HR25" s="276">
        <v>0</v>
      </c>
      <c r="HS25" s="274">
        <v>86706</v>
      </c>
      <c r="HT25" s="274">
        <v>478254</v>
      </c>
      <c r="HU25" s="274">
        <v>1147051</v>
      </c>
      <c r="HV25" s="274">
        <v>1786055</v>
      </c>
      <c r="HW25" s="274">
        <v>993370</v>
      </c>
      <c r="HX25" s="277">
        <v>4491436</v>
      </c>
      <c r="HY25" s="278">
        <v>4491436</v>
      </c>
    </row>
    <row r="26" spans="2:233" ht="21" customHeight="1" x14ac:dyDescent="0.2">
      <c r="B26" s="468" t="s">
        <v>23</v>
      </c>
      <c r="C26" s="273">
        <v>0</v>
      </c>
      <c r="D26" s="274">
        <v>0</v>
      </c>
      <c r="E26" s="275">
        <v>0</v>
      </c>
      <c r="F26" s="276">
        <v>0</v>
      </c>
      <c r="G26" s="274">
        <v>197396</v>
      </c>
      <c r="H26" s="274">
        <v>297770</v>
      </c>
      <c r="I26" s="274">
        <v>1065661</v>
      </c>
      <c r="J26" s="274">
        <v>1187370</v>
      </c>
      <c r="K26" s="274">
        <v>797100</v>
      </c>
      <c r="L26" s="277">
        <v>3545297</v>
      </c>
      <c r="M26" s="278">
        <v>3545297</v>
      </c>
      <c r="N26" s="273">
        <v>0</v>
      </c>
      <c r="O26" s="274">
        <v>0</v>
      </c>
      <c r="P26" s="275">
        <v>0</v>
      </c>
      <c r="Q26" s="514">
        <v>0</v>
      </c>
      <c r="R26" s="274">
        <v>55500</v>
      </c>
      <c r="S26" s="274">
        <v>178695</v>
      </c>
      <c r="T26" s="274">
        <v>787330</v>
      </c>
      <c r="U26" s="274">
        <v>828670</v>
      </c>
      <c r="V26" s="274">
        <v>568250</v>
      </c>
      <c r="W26" s="277">
        <v>2418445</v>
      </c>
      <c r="X26" s="278">
        <v>2418445</v>
      </c>
      <c r="Y26" s="273">
        <v>0</v>
      </c>
      <c r="Z26" s="274">
        <v>0</v>
      </c>
      <c r="AA26" s="275">
        <v>0</v>
      </c>
      <c r="AB26" s="514">
        <v>0</v>
      </c>
      <c r="AC26" s="274">
        <v>136296</v>
      </c>
      <c r="AD26" s="274">
        <v>68770</v>
      </c>
      <c r="AE26" s="274">
        <v>241773</v>
      </c>
      <c r="AF26" s="274">
        <v>291900</v>
      </c>
      <c r="AG26" s="274">
        <v>114140</v>
      </c>
      <c r="AH26" s="277">
        <v>852879</v>
      </c>
      <c r="AI26" s="278">
        <v>852879</v>
      </c>
      <c r="AJ26" s="273">
        <v>0</v>
      </c>
      <c r="AK26" s="274">
        <v>0</v>
      </c>
      <c r="AL26" s="275">
        <v>0</v>
      </c>
      <c r="AM26" s="514">
        <v>0</v>
      </c>
      <c r="AN26" s="274">
        <v>0</v>
      </c>
      <c r="AO26" s="274">
        <v>0</v>
      </c>
      <c r="AP26" s="274">
        <v>0</v>
      </c>
      <c r="AQ26" s="274">
        <v>0</v>
      </c>
      <c r="AR26" s="274">
        <v>58200</v>
      </c>
      <c r="AS26" s="277">
        <v>58200</v>
      </c>
      <c r="AT26" s="278">
        <v>58200</v>
      </c>
      <c r="AU26" s="273">
        <v>0</v>
      </c>
      <c r="AV26" s="274">
        <v>0</v>
      </c>
      <c r="AW26" s="275">
        <v>0</v>
      </c>
      <c r="AX26" s="514">
        <v>0</v>
      </c>
      <c r="AY26" s="274">
        <v>0</v>
      </c>
      <c r="AZ26" s="274">
        <v>0</v>
      </c>
      <c r="BA26" s="274">
        <v>0</v>
      </c>
      <c r="BB26" s="274">
        <v>23850</v>
      </c>
      <c r="BC26" s="274">
        <v>48300</v>
      </c>
      <c r="BD26" s="277">
        <v>72150</v>
      </c>
      <c r="BE26" s="278">
        <v>72150</v>
      </c>
      <c r="BF26" s="273">
        <v>0</v>
      </c>
      <c r="BG26" s="274">
        <v>0</v>
      </c>
      <c r="BH26" s="275">
        <v>0</v>
      </c>
      <c r="BI26" s="514">
        <v>0</v>
      </c>
      <c r="BJ26" s="274">
        <v>0</v>
      </c>
      <c r="BK26" s="274">
        <v>0</v>
      </c>
      <c r="BL26" s="274">
        <v>0</v>
      </c>
      <c r="BM26" s="274">
        <v>0</v>
      </c>
      <c r="BN26" s="274">
        <v>0</v>
      </c>
      <c r="BO26" s="277">
        <v>0</v>
      </c>
      <c r="BP26" s="278">
        <v>0</v>
      </c>
      <c r="BQ26" s="273">
        <v>0</v>
      </c>
      <c r="BR26" s="274">
        <v>0</v>
      </c>
      <c r="BS26" s="275">
        <v>0</v>
      </c>
      <c r="BT26" s="276">
        <v>0</v>
      </c>
      <c r="BU26" s="274">
        <v>5600</v>
      </c>
      <c r="BV26" s="274">
        <v>50305</v>
      </c>
      <c r="BW26" s="274">
        <v>36558</v>
      </c>
      <c r="BX26" s="274">
        <v>42950</v>
      </c>
      <c r="BY26" s="274">
        <v>7775</v>
      </c>
      <c r="BZ26" s="277">
        <v>143188</v>
      </c>
      <c r="CA26" s="278">
        <v>143188</v>
      </c>
      <c r="CB26" s="273">
        <v>0</v>
      </c>
      <c r="CC26" s="274">
        <v>0</v>
      </c>
      <c r="CD26" s="275">
        <v>0</v>
      </c>
      <c r="CE26" s="276">
        <v>0</v>
      </c>
      <c r="CF26" s="274">
        <v>0</v>
      </c>
      <c r="CG26" s="274">
        <v>0</v>
      </c>
      <c r="CH26" s="274">
        <v>0</v>
      </c>
      <c r="CI26" s="274">
        <v>0</v>
      </c>
      <c r="CJ26" s="274">
        <v>435</v>
      </c>
      <c r="CK26" s="277">
        <v>435</v>
      </c>
      <c r="CL26" s="278">
        <v>435</v>
      </c>
      <c r="CM26" s="273">
        <v>0</v>
      </c>
      <c r="CN26" s="274">
        <v>0</v>
      </c>
      <c r="CO26" s="275">
        <v>0</v>
      </c>
      <c r="CP26" s="276">
        <v>0</v>
      </c>
      <c r="CQ26" s="274">
        <v>0</v>
      </c>
      <c r="CR26" s="274">
        <v>0</v>
      </c>
      <c r="CS26" s="274">
        <v>0</v>
      </c>
      <c r="CT26" s="274">
        <v>0</v>
      </c>
      <c r="CU26" s="274">
        <v>0</v>
      </c>
      <c r="CV26" s="277">
        <v>0</v>
      </c>
      <c r="CW26" s="278">
        <v>0</v>
      </c>
      <c r="CX26" s="273">
        <v>0</v>
      </c>
      <c r="CY26" s="274">
        <v>0</v>
      </c>
      <c r="CZ26" s="275">
        <v>0</v>
      </c>
      <c r="DA26" s="514">
        <v>0</v>
      </c>
      <c r="DB26" s="274">
        <v>0</v>
      </c>
      <c r="DC26" s="274">
        <v>0</v>
      </c>
      <c r="DD26" s="274">
        <v>0</v>
      </c>
      <c r="DE26" s="274">
        <v>0</v>
      </c>
      <c r="DF26" s="274">
        <v>0</v>
      </c>
      <c r="DG26" s="277">
        <v>0</v>
      </c>
      <c r="DH26" s="278">
        <v>0</v>
      </c>
      <c r="DI26" s="273">
        <v>0</v>
      </c>
      <c r="DJ26" s="274">
        <v>0</v>
      </c>
      <c r="DK26" s="275">
        <v>0</v>
      </c>
      <c r="DL26" s="276">
        <v>0</v>
      </c>
      <c r="DM26" s="274">
        <v>88632</v>
      </c>
      <c r="DN26" s="274">
        <v>259301</v>
      </c>
      <c r="DO26" s="274">
        <v>1019715</v>
      </c>
      <c r="DP26" s="274">
        <v>1046459</v>
      </c>
      <c r="DQ26" s="274">
        <v>641363</v>
      </c>
      <c r="DR26" s="277">
        <v>3055470</v>
      </c>
      <c r="DS26" s="279">
        <v>3055470</v>
      </c>
      <c r="DT26" s="273">
        <v>0</v>
      </c>
      <c r="DU26" s="274">
        <v>0</v>
      </c>
      <c r="DV26" s="275">
        <v>0</v>
      </c>
      <c r="DW26" s="514">
        <v>0</v>
      </c>
      <c r="DX26" s="274">
        <v>31980</v>
      </c>
      <c r="DY26" s="274">
        <v>188748</v>
      </c>
      <c r="DZ26" s="274">
        <v>920773</v>
      </c>
      <c r="EA26" s="274">
        <v>922382</v>
      </c>
      <c r="EB26" s="274">
        <v>570030</v>
      </c>
      <c r="EC26" s="277">
        <v>2633913</v>
      </c>
      <c r="ED26" s="278">
        <v>2633913</v>
      </c>
      <c r="EE26" s="273">
        <v>0</v>
      </c>
      <c r="EF26" s="274">
        <v>0</v>
      </c>
      <c r="EG26" s="275">
        <v>0</v>
      </c>
      <c r="EH26" s="514">
        <v>0</v>
      </c>
      <c r="EI26" s="274">
        <v>47604</v>
      </c>
      <c r="EJ26" s="274">
        <v>36684</v>
      </c>
      <c r="EK26" s="274">
        <v>24199</v>
      </c>
      <c r="EL26" s="274">
        <v>5040</v>
      </c>
      <c r="EM26" s="274">
        <v>37631</v>
      </c>
      <c r="EN26" s="277">
        <v>151158</v>
      </c>
      <c r="EO26" s="278">
        <v>151158</v>
      </c>
      <c r="EP26" s="273">
        <v>0</v>
      </c>
      <c r="EQ26" s="274">
        <v>0</v>
      </c>
      <c r="ER26" s="275">
        <v>0</v>
      </c>
      <c r="ES26" s="514">
        <v>0</v>
      </c>
      <c r="ET26" s="274">
        <v>0</v>
      </c>
      <c r="EU26" s="274">
        <v>0</v>
      </c>
      <c r="EV26" s="274">
        <v>0</v>
      </c>
      <c r="EW26" s="274">
        <v>0</v>
      </c>
      <c r="EX26" s="274">
        <v>11100</v>
      </c>
      <c r="EY26" s="277">
        <v>11100</v>
      </c>
      <c r="EZ26" s="278">
        <v>11100</v>
      </c>
      <c r="FA26" s="273">
        <v>0</v>
      </c>
      <c r="FB26" s="274">
        <v>0</v>
      </c>
      <c r="FC26" s="275">
        <v>0</v>
      </c>
      <c r="FD26" s="514">
        <v>0</v>
      </c>
      <c r="FE26" s="274">
        <v>0</v>
      </c>
      <c r="FF26" s="274">
        <v>0</v>
      </c>
      <c r="FG26" s="274">
        <v>0</v>
      </c>
      <c r="FH26" s="274">
        <v>210</v>
      </c>
      <c r="FI26" s="274">
        <v>420</v>
      </c>
      <c r="FJ26" s="277">
        <v>630</v>
      </c>
      <c r="FK26" s="278">
        <v>630</v>
      </c>
      <c r="FL26" s="273">
        <v>0</v>
      </c>
      <c r="FM26" s="274">
        <v>0</v>
      </c>
      <c r="FN26" s="275">
        <v>0</v>
      </c>
      <c r="FO26" s="514">
        <v>0</v>
      </c>
      <c r="FP26" s="274">
        <v>0</v>
      </c>
      <c r="FQ26" s="274">
        <v>0</v>
      </c>
      <c r="FR26" s="274">
        <v>0</v>
      </c>
      <c r="FS26" s="274">
        <v>0</v>
      </c>
      <c r="FT26" s="274">
        <v>0</v>
      </c>
      <c r="FU26" s="277">
        <v>0</v>
      </c>
      <c r="FV26" s="278">
        <v>0</v>
      </c>
      <c r="FW26" s="273">
        <v>0</v>
      </c>
      <c r="FX26" s="274">
        <v>0</v>
      </c>
      <c r="FY26" s="275">
        <v>0</v>
      </c>
      <c r="FZ26" s="276">
        <v>0</v>
      </c>
      <c r="GA26" s="274">
        <v>9048</v>
      </c>
      <c r="GB26" s="274">
        <v>33869</v>
      </c>
      <c r="GC26" s="274">
        <v>74743</v>
      </c>
      <c r="GD26" s="274">
        <v>118827</v>
      </c>
      <c r="GE26" s="274">
        <v>21108</v>
      </c>
      <c r="GF26" s="277">
        <v>257595</v>
      </c>
      <c r="GG26" s="278">
        <v>257595</v>
      </c>
      <c r="GH26" s="273">
        <v>0</v>
      </c>
      <c r="GI26" s="274">
        <v>0</v>
      </c>
      <c r="GJ26" s="275">
        <v>0</v>
      </c>
      <c r="GK26" s="276">
        <v>0</v>
      </c>
      <c r="GL26" s="274">
        <v>0</v>
      </c>
      <c r="GM26" s="274">
        <v>0</v>
      </c>
      <c r="GN26" s="274">
        <v>0</v>
      </c>
      <c r="GO26" s="274">
        <v>0</v>
      </c>
      <c r="GP26" s="274">
        <v>1074</v>
      </c>
      <c r="GQ26" s="277">
        <v>1074</v>
      </c>
      <c r="GR26" s="278">
        <v>1074</v>
      </c>
      <c r="GS26" s="273">
        <v>0</v>
      </c>
      <c r="GT26" s="274">
        <v>0</v>
      </c>
      <c r="GU26" s="275">
        <v>0</v>
      </c>
      <c r="GV26" s="276">
        <v>0</v>
      </c>
      <c r="GW26" s="274">
        <v>0</v>
      </c>
      <c r="GX26" s="274">
        <v>0</v>
      </c>
      <c r="GY26" s="274">
        <v>0</v>
      </c>
      <c r="GZ26" s="274">
        <v>0</v>
      </c>
      <c r="HA26" s="274">
        <v>0</v>
      </c>
      <c r="HB26" s="277">
        <v>0</v>
      </c>
      <c r="HC26" s="278">
        <v>0</v>
      </c>
      <c r="HD26" s="273">
        <v>0</v>
      </c>
      <c r="HE26" s="274">
        <v>0</v>
      </c>
      <c r="HF26" s="275">
        <v>0</v>
      </c>
      <c r="HG26" s="514">
        <v>0</v>
      </c>
      <c r="HH26" s="274">
        <v>0</v>
      </c>
      <c r="HI26" s="274">
        <v>0</v>
      </c>
      <c r="HJ26" s="274">
        <v>0</v>
      </c>
      <c r="HK26" s="274">
        <v>0</v>
      </c>
      <c r="HL26" s="274">
        <v>0</v>
      </c>
      <c r="HM26" s="277">
        <v>0</v>
      </c>
      <c r="HN26" s="278">
        <v>0</v>
      </c>
      <c r="HO26" s="273">
        <v>0</v>
      </c>
      <c r="HP26" s="274">
        <v>0</v>
      </c>
      <c r="HQ26" s="275">
        <v>0</v>
      </c>
      <c r="HR26" s="276">
        <v>0</v>
      </c>
      <c r="HS26" s="274">
        <v>286028</v>
      </c>
      <c r="HT26" s="274">
        <v>557071</v>
      </c>
      <c r="HU26" s="274">
        <v>2085376</v>
      </c>
      <c r="HV26" s="274">
        <v>2233829</v>
      </c>
      <c r="HW26" s="274">
        <v>1438463</v>
      </c>
      <c r="HX26" s="277">
        <v>6600767</v>
      </c>
      <c r="HY26" s="278">
        <v>6600767</v>
      </c>
    </row>
    <row r="27" spans="2:233" ht="21" customHeight="1" x14ac:dyDescent="0.2">
      <c r="B27" s="468" t="s">
        <v>24</v>
      </c>
      <c r="C27" s="273">
        <v>0</v>
      </c>
      <c r="D27" s="274">
        <v>0</v>
      </c>
      <c r="E27" s="275">
        <v>0</v>
      </c>
      <c r="F27" s="276">
        <v>0</v>
      </c>
      <c r="G27" s="274">
        <v>66885</v>
      </c>
      <c r="H27" s="274">
        <v>34790</v>
      </c>
      <c r="I27" s="274">
        <v>252770</v>
      </c>
      <c r="J27" s="274">
        <v>844590</v>
      </c>
      <c r="K27" s="274">
        <v>273595</v>
      </c>
      <c r="L27" s="277">
        <v>1472630</v>
      </c>
      <c r="M27" s="278">
        <v>1472630</v>
      </c>
      <c r="N27" s="273">
        <v>0</v>
      </c>
      <c r="O27" s="274">
        <v>0</v>
      </c>
      <c r="P27" s="275">
        <v>0</v>
      </c>
      <c r="Q27" s="514">
        <v>0</v>
      </c>
      <c r="R27" s="274">
        <v>0</v>
      </c>
      <c r="S27" s="274">
        <v>0</v>
      </c>
      <c r="T27" s="274">
        <v>126950</v>
      </c>
      <c r="U27" s="274">
        <v>656315</v>
      </c>
      <c r="V27" s="274">
        <v>161690</v>
      </c>
      <c r="W27" s="277">
        <v>944955</v>
      </c>
      <c r="X27" s="278">
        <v>944955</v>
      </c>
      <c r="Y27" s="273">
        <v>0</v>
      </c>
      <c r="Z27" s="274">
        <v>0</v>
      </c>
      <c r="AA27" s="275">
        <v>0</v>
      </c>
      <c r="AB27" s="514">
        <v>0</v>
      </c>
      <c r="AC27" s="274">
        <v>58050</v>
      </c>
      <c r="AD27" s="274">
        <v>34200</v>
      </c>
      <c r="AE27" s="274">
        <v>74265</v>
      </c>
      <c r="AF27" s="274">
        <v>120435</v>
      </c>
      <c r="AG27" s="274">
        <v>102900</v>
      </c>
      <c r="AH27" s="277">
        <v>389850</v>
      </c>
      <c r="AI27" s="278">
        <v>389850</v>
      </c>
      <c r="AJ27" s="273">
        <v>0</v>
      </c>
      <c r="AK27" s="274">
        <v>0</v>
      </c>
      <c r="AL27" s="275">
        <v>0</v>
      </c>
      <c r="AM27" s="514">
        <v>0</v>
      </c>
      <c r="AN27" s="274">
        <v>0</v>
      </c>
      <c r="AO27" s="274">
        <v>0</v>
      </c>
      <c r="AP27" s="274">
        <v>0</v>
      </c>
      <c r="AQ27" s="274">
        <v>0</v>
      </c>
      <c r="AR27" s="274">
        <v>0</v>
      </c>
      <c r="AS27" s="277">
        <v>0</v>
      </c>
      <c r="AT27" s="278">
        <v>0</v>
      </c>
      <c r="AU27" s="273">
        <v>0</v>
      </c>
      <c r="AV27" s="274">
        <v>0</v>
      </c>
      <c r="AW27" s="275">
        <v>0</v>
      </c>
      <c r="AX27" s="514">
        <v>0</v>
      </c>
      <c r="AY27" s="274">
        <v>0</v>
      </c>
      <c r="AZ27" s="274">
        <v>0</v>
      </c>
      <c r="BA27" s="274">
        <v>0</v>
      </c>
      <c r="BB27" s="274">
        <v>0</v>
      </c>
      <c r="BC27" s="274">
        <v>0</v>
      </c>
      <c r="BD27" s="277">
        <v>0</v>
      </c>
      <c r="BE27" s="278">
        <v>0</v>
      </c>
      <c r="BF27" s="273">
        <v>0</v>
      </c>
      <c r="BG27" s="274">
        <v>0</v>
      </c>
      <c r="BH27" s="275">
        <v>0</v>
      </c>
      <c r="BI27" s="514">
        <v>0</v>
      </c>
      <c r="BJ27" s="274">
        <v>0</v>
      </c>
      <c r="BK27" s="274">
        <v>0</v>
      </c>
      <c r="BL27" s="274">
        <v>0</v>
      </c>
      <c r="BM27" s="274">
        <v>0</v>
      </c>
      <c r="BN27" s="274">
        <v>0</v>
      </c>
      <c r="BO27" s="277">
        <v>0</v>
      </c>
      <c r="BP27" s="278">
        <v>0</v>
      </c>
      <c r="BQ27" s="273">
        <v>0</v>
      </c>
      <c r="BR27" s="274">
        <v>0</v>
      </c>
      <c r="BS27" s="275">
        <v>0</v>
      </c>
      <c r="BT27" s="276">
        <v>0</v>
      </c>
      <c r="BU27" s="274">
        <v>8280</v>
      </c>
      <c r="BV27" s="274">
        <v>590</v>
      </c>
      <c r="BW27" s="274">
        <v>50510</v>
      </c>
      <c r="BX27" s="274">
        <v>67840</v>
      </c>
      <c r="BY27" s="274">
        <v>0</v>
      </c>
      <c r="BZ27" s="277">
        <v>127220</v>
      </c>
      <c r="CA27" s="278">
        <v>127220</v>
      </c>
      <c r="CB27" s="273">
        <v>0</v>
      </c>
      <c r="CC27" s="274">
        <v>0</v>
      </c>
      <c r="CD27" s="275">
        <v>0</v>
      </c>
      <c r="CE27" s="276">
        <v>0</v>
      </c>
      <c r="CF27" s="274">
        <v>555</v>
      </c>
      <c r="CG27" s="274">
        <v>0</v>
      </c>
      <c r="CH27" s="274">
        <v>1045</v>
      </c>
      <c r="CI27" s="274">
        <v>0</v>
      </c>
      <c r="CJ27" s="274">
        <v>9005</v>
      </c>
      <c r="CK27" s="277">
        <v>10605</v>
      </c>
      <c r="CL27" s="278">
        <v>10605</v>
      </c>
      <c r="CM27" s="273">
        <v>0</v>
      </c>
      <c r="CN27" s="274">
        <v>0</v>
      </c>
      <c r="CO27" s="275">
        <v>0</v>
      </c>
      <c r="CP27" s="276">
        <v>0</v>
      </c>
      <c r="CQ27" s="274">
        <v>0</v>
      </c>
      <c r="CR27" s="274">
        <v>0</v>
      </c>
      <c r="CS27" s="274">
        <v>0</v>
      </c>
      <c r="CT27" s="274">
        <v>0</v>
      </c>
      <c r="CU27" s="274">
        <v>0</v>
      </c>
      <c r="CV27" s="277">
        <v>0</v>
      </c>
      <c r="CW27" s="278">
        <v>0</v>
      </c>
      <c r="CX27" s="273">
        <v>0</v>
      </c>
      <c r="CY27" s="274">
        <v>0</v>
      </c>
      <c r="CZ27" s="275">
        <v>0</v>
      </c>
      <c r="DA27" s="514">
        <v>0</v>
      </c>
      <c r="DB27" s="274">
        <v>0</v>
      </c>
      <c r="DC27" s="274">
        <v>0</v>
      </c>
      <c r="DD27" s="274">
        <v>0</v>
      </c>
      <c r="DE27" s="274">
        <v>0</v>
      </c>
      <c r="DF27" s="274">
        <v>0</v>
      </c>
      <c r="DG27" s="277">
        <v>0</v>
      </c>
      <c r="DH27" s="278">
        <v>0</v>
      </c>
      <c r="DI27" s="273">
        <v>0</v>
      </c>
      <c r="DJ27" s="274">
        <v>0</v>
      </c>
      <c r="DK27" s="275">
        <v>0</v>
      </c>
      <c r="DL27" s="276">
        <v>0</v>
      </c>
      <c r="DM27" s="274">
        <v>13212</v>
      </c>
      <c r="DN27" s="274">
        <v>40323</v>
      </c>
      <c r="DO27" s="274">
        <v>308256</v>
      </c>
      <c r="DP27" s="274">
        <v>832659</v>
      </c>
      <c r="DQ27" s="274">
        <v>387257</v>
      </c>
      <c r="DR27" s="277">
        <v>1581707</v>
      </c>
      <c r="DS27" s="279">
        <v>1581707</v>
      </c>
      <c r="DT27" s="273">
        <v>0</v>
      </c>
      <c r="DU27" s="274">
        <v>0</v>
      </c>
      <c r="DV27" s="275">
        <v>0</v>
      </c>
      <c r="DW27" s="514">
        <v>0</v>
      </c>
      <c r="DX27" s="274">
        <v>0</v>
      </c>
      <c r="DY27" s="274">
        <v>0</v>
      </c>
      <c r="DZ27" s="274">
        <v>173148</v>
      </c>
      <c r="EA27" s="274">
        <v>739580</v>
      </c>
      <c r="EB27" s="274">
        <v>364140</v>
      </c>
      <c r="EC27" s="277">
        <v>1276868</v>
      </c>
      <c r="ED27" s="278">
        <v>1276868</v>
      </c>
      <c r="EE27" s="273">
        <v>0</v>
      </c>
      <c r="EF27" s="274">
        <v>0</v>
      </c>
      <c r="EG27" s="275">
        <v>0</v>
      </c>
      <c r="EH27" s="514">
        <v>0</v>
      </c>
      <c r="EI27" s="274">
        <v>630</v>
      </c>
      <c r="EJ27" s="274">
        <v>35790</v>
      </c>
      <c r="EK27" s="274">
        <v>67900</v>
      </c>
      <c r="EL27" s="274">
        <v>22287</v>
      </c>
      <c r="EM27" s="274">
        <v>23040</v>
      </c>
      <c r="EN27" s="277">
        <v>149647</v>
      </c>
      <c r="EO27" s="278">
        <v>149647</v>
      </c>
      <c r="EP27" s="273">
        <v>0</v>
      </c>
      <c r="EQ27" s="274">
        <v>0</v>
      </c>
      <c r="ER27" s="275">
        <v>0</v>
      </c>
      <c r="ES27" s="514">
        <v>0</v>
      </c>
      <c r="ET27" s="274">
        <v>0</v>
      </c>
      <c r="EU27" s="274">
        <v>0</v>
      </c>
      <c r="EV27" s="274">
        <v>0</v>
      </c>
      <c r="EW27" s="274">
        <v>0</v>
      </c>
      <c r="EX27" s="274">
        <v>0</v>
      </c>
      <c r="EY27" s="277">
        <v>0</v>
      </c>
      <c r="EZ27" s="278">
        <v>0</v>
      </c>
      <c r="FA27" s="273">
        <v>0</v>
      </c>
      <c r="FB27" s="274">
        <v>0</v>
      </c>
      <c r="FC27" s="275">
        <v>0</v>
      </c>
      <c r="FD27" s="514">
        <v>0</v>
      </c>
      <c r="FE27" s="274">
        <v>0</v>
      </c>
      <c r="FF27" s="274">
        <v>0</v>
      </c>
      <c r="FG27" s="274">
        <v>0</v>
      </c>
      <c r="FH27" s="274">
        <v>0</v>
      </c>
      <c r="FI27" s="274">
        <v>0</v>
      </c>
      <c r="FJ27" s="277">
        <v>0</v>
      </c>
      <c r="FK27" s="278">
        <v>0</v>
      </c>
      <c r="FL27" s="273">
        <v>0</v>
      </c>
      <c r="FM27" s="274">
        <v>0</v>
      </c>
      <c r="FN27" s="275">
        <v>0</v>
      </c>
      <c r="FO27" s="514">
        <v>0</v>
      </c>
      <c r="FP27" s="274">
        <v>0</v>
      </c>
      <c r="FQ27" s="274">
        <v>0</v>
      </c>
      <c r="FR27" s="274">
        <v>0</v>
      </c>
      <c r="FS27" s="274">
        <v>0</v>
      </c>
      <c r="FT27" s="274">
        <v>0</v>
      </c>
      <c r="FU27" s="277">
        <v>0</v>
      </c>
      <c r="FV27" s="278">
        <v>0</v>
      </c>
      <c r="FW27" s="273">
        <v>0</v>
      </c>
      <c r="FX27" s="274">
        <v>0</v>
      </c>
      <c r="FY27" s="275">
        <v>0</v>
      </c>
      <c r="FZ27" s="276">
        <v>0</v>
      </c>
      <c r="GA27" s="274">
        <v>12547</v>
      </c>
      <c r="GB27" s="274">
        <v>4533</v>
      </c>
      <c r="GC27" s="274">
        <v>67187</v>
      </c>
      <c r="GD27" s="274">
        <v>70792</v>
      </c>
      <c r="GE27" s="274">
        <v>0</v>
      </c>
      <c r="GF27" s="277">
        <v>155059</v>
      </c>
      <c r="GG27" s="278">
        <v>155059</v>
      </c>
      <c r="GH27" s="273">
        <v>0</v>
      </c>
      <c r="GI27" s="274">
        <v>0</v>
      </c>
      <c r="GJ27" s="275">
        <v>0</v>
      </c>
      <c r="GK27" s="276">
        <v>0</v>
      </c>
      <c r="GL27" s="274">
        <v>35</v>
      </c>
      <c r="GM27" s="274">
        <v>0</v>
      </c>
      <c r="GN27" s="274">
        <v>21</v>
      </c>
      <c r="GO27" s="274">
        <v>0</v>
      </c>
      <c r="GP27" s="274">
        <v>77</v>
      </c>
      <c r="GQ27" s="277">
        <v>133</v>
      </c>
      <c r="GR27" s="278">
        <v>133</v>
      </c>
      <c r="GS27" s="273">
        <v>0</v>
      </c>
      <c r="GT27" s="274">
        <v>0</v>
      </c>
      <c r="GU27" s="275">
        <v>0</v>
      </c>
      <c r="GV27" s="276">
        <v>0</v>
      </c>
      <c r="GW27" s="274">
        <v>0</v>
      </c>
      <c r="GX27" s="274">
        <v>0</v>
      </c>
      <c r="GY27" s="274">
        <v>0</v>
      </c>
      <c r="GZ27" s="274">
        <v>0</v>
      </c>
      <c r="HA27" s="274">
        <v>0</v>
      </c>
      <c r="HB27" s="277">
        <v>0</v>
      </c>
      <c r="HC27" s="278">
        <v>0</v>
      </c>
      <c r="HD27" s="273">
        <v>0</v>
      </c>
      <c r="HE27" s="274">
        <v>0</v>
      </c>
      <c r="HF27" s="275">
        <v>0</v>
      </c>
      <c r="HG27" s="514">
        <v>0</v>
      </c>
      <c r="HH27" s="274">
        <v>0</v>
      </c>
      <c r="HI27" s="274">
        <v>0</v>
      </c>
      <c r="HJ27" s="274">
        <v>0</v>
      </c>
      <c r="HK27" s="274">
        <v>0</v>
      </c>
      <c r="HL27" s="274">
        <v>0</v>
      </c>
      <c r="HM27" s="277">
        <v>0</v>
      </c>
      <c r="HN27" s="278">
        <v>0</v>
      </c>
      <c r="HO27" s="273">
        <v>0</v>
      </c>
      <c r="HP27" s="274">
        <v>0</v>
      </c>
      <c r="HQ27" s="275">
        <v>0</v>
      </c>
      <c r="HR27" s="276">
        <v>0</v>
      </c>
      <c r="HS27" s="274">
        <v>80097</v>
      </c>
      <c r="HT27" s="274">
        <v>75113</v>
      </c>
      <c r="HU27" s="274">
        <v>561026</v>
      </c>
      <c r="HV27" s="274">
        <v>1677249</v>
      </c>
      <c r="HW27" s="274">
        <v>660852</v>
      </c>
      <c r="HX27" s="277">
        <v>3054337</v>
      </c>
      <c r="HY27" s="278">
        <v>3054337</v>
      </c>
    </row>
    <row r="28" spans="2:233" ht="21" customHeight="1" x14ac:dyDescent="0.2">
      <c r="B28" s="468" t="s">
        <v>25</v>
      </c>
      <c r="C28" s="273">
        <v>0</v>
      </c>
      <c r="D28" s="274">
        <v>0</v>
      </c>
      <c r="E28" s="275">
        <v>0</v>
      </c>
      <c r="F28" s="276">
        <v>0</v>
      </c>
      <c r="G28" s="274">
        <v>36402</v>
      </c>
      <c r="H28" s="274">
        <v>105379</v>
      </c>
      <c r="I28" s="274">
        <v>505995</v>
      </c>
      <c r="J28" s="274">
        <v>656219</v>
      </c>
      <c r="K28" s="274">
        <v>567050</v>
      </c>
      <c r="L28" s="277">
        <v>1871045</v>
      </c>
      <c r="M28" s="278">
        <v>1871045</v>
      </c>
      <c r="N28" s="273">
        <v>0</v>
      </c>
      <c r="O28" s="274">
        <v>0</v>
      </c>
      <c r="P28" s="275">
        <v>0</v>
      </c>
      <c r="Q28" s="514">
        <v>0</v>
      </c>
      <c r="R28" s="274">
        <v>0</v>
      </c>
      <c r="S28" s="274">
        <v>2550</v>
      </c>
      <c r="T28" s="274">
        <v>376330</v>
      </c>
      <c r="U28" s="274">
        <v>445510</v>
      </c>
      <c r="V28" s="274">
        <v>450950</v>
      </c>
      <c r="W28" s="277">
        <v>1275340</v>
      </c>
      <c r="X28" s="278">
        <v>1275340</v>
      </c>
      <c r="Y28" s="273">
        <v>0</v>
      </c>
      <c r="Z28" s="274">
        <v>0</v>
      </c>
      <c r="AA28" s="275">
        <v>0</v>
      </c>
      <c r="AB28" s="514">
        <v>0</v>
      </c>
      <c r="AC28" s="274">
        <v>28950</v>
      </c>
      <c r="AD28" s="274">
        <v>81450</v>
      </c>
      <c r="AE28" s="274">
        <v>87070</v>
      </c>
      <c r="AF28" s="274">
        <v>164325</v>
      </c>
      <c r="AG28" s="274">
        <v>84450</v>
      </c>
      <c r="AH28" s="277">
        <v>446245</v>
      </c>
      <c r="AI28" s="278">
        <v>446245</v>
      </c>
      <c r="AJ28" s="273">
        <v>0</v>
      </c>
      <c r="AK28" s="274">
        <v>0</v>
      </c>
      <c r="AL28" s="275">
        <v>0</v>
      </c>
      <c r="AM28" s="514">
        <v>0</v>
      </c>
      <c r="AN28" s="274">
        <v>0</v>
      </c>
      <c r="AO28" s="274">
        <v>0</v>
      </c>
      <c r="AP28" s="274">
        <v>0</v>
      </c>
      <c r="AQ28" s="274">
        <v>0</v>
      </c>
      <c r="AR28" s="274">
        <v>0</v>
      </c>
      <c r="AS28" s="277">
        <v>0</v>
      </c>
      <c r="AT28" s="278">
        <v>0</v>
      </c>
      <c r="AU28" s="273">
        <v>0</v>
      </c>
      <c r="AV28" s="274">
        <v>0</v>
      </c>
      <c r="AW28" s="275">
        <v>0</v>
      </c>
      <c r="AX28" s="514">
        <v>0</v>
      </c>
      <c r="AY28" s="274">
        <v>0</v>
      </c>
      <c r="AZ28" s="274">
        <v>0</v>
      </c>
      <c r="BA28" s="274">
        <v>0</v>
      </c>
      <c r="BB28" s="274">
        <v>0</v>
      </c>
      <c r="BC28" s="274">
        <v>31650</v>
      </c>
      <c r="BD28" s="277">
        <v>31650</v>
      </c>
      <c r="BE28" s="278">
        <v>31650</v>
      </c>
      <c r="BF28" s="273">
        <v>0</v>
      </c>
      <c r="BG28" s="274">
        <v>0</v>
      </c>
      <c r="BH28" s="275">
        <v>0</v>
      </c>
      <c r="BI28" s="514">
        <v>0</v>
      </c>
      <c r="BJ28" s="274">
        <v>0</v>
      </c>
      <c r="BK28" s="274">
        <v>0</v>
      </c>
      <c r="BL28" s="274">
        <v>0</v>
      </c>
      <c r="BM28" s="274">
        <v>0</v>
      </c>
      <c r="BN28" s="274">
        <v>0</v>
      </c>
      <c r="BO28" s="277">
        <v>0</v>
      </c>
      <c r="BP28" s="278">
        <v>0</v>
      </c>
      <c r="BQ28" s="273">
        <v>0</v>
      </c>
      <c r="BR28" s="274">
        <v>0</v>
      </c>
      <c r="BS28" s="275">
        <v>0</v>
      </c>
      <c r="BT28" s="276">
        <v>0</v>
      </c>
      <c r="BU28" s="274">
        <v>7452</v>
      </c>
      <c r="BV28" s="274">
        <v>21234</v>
      </c>
      <c r="BW28" s="274">
        <v>40265</v>
      </c>
      <c r="BX28" s="274">
        <v>46384</v>
      </c>
      <c r="BY28" s="274">
        <v>0</v>
      </c>
      <c r="BZ28" s="277">
        <v>115335</v>
      </c>
      <c r="CA28" s="278">
        <v>115335</v>
      </c>
      <c r="CB28" s="273">
        <v>0</v>
      </c>
      <c r="CC28" s="274">
        <v>0</v>
      </c>
      <c r="CD28" s="275">
        <v>0</v>
      </c>
      <c r="CE28" s="276">
        <v>0</v>
      </c>
      <c r="CF28" s="274">
        <v>0</v>
      </c>
      <c r="CG28" s="274">
        <v>145</v>
      </c>
      <c r="CH28" s="274">
        <v>2330</v>
      </c>
      <c r="CI28" s="274">
        <v>0</v>
      </c>
      <c r="CJ28" s="274">
        <v>0</v>
      </c>
      <c r="CK28" s="277">
        <v>2475</v>
      </c>
      <c r="CL28" s="278">
        <v>2475</v>
      </c>
      <c r="CM28" s="273">
        <v>0</v>
      </c>
      <c r="CN28" s="274">
        <v>0</v>
      </c>
      <c r="CO28" s="275">
        <v>0</v>
      </c>
      <c r="CP28" s="276">
        <v>0</v>
      </c>
      <c r="CQ28" s="274">
        <v>0</v>
      </c>
      <c r="CR28" s="274">
        <v>0</v>
      </c>
      <c r="CS28" s="274">
        <v>0</v>
      </c>
      <c r="CT28" s="274">
        <v>0</v>
      </c>
      <c r="CU28" s="274">
        <v>0</v>
      </c>
      <c r="CV28" s="277">
        <v>0</v>
      </c>
      <c r="CW28" s="278">
        <v>0</v>
      </c>
      <c r="CX28" s="273">
        <v>0</v>
      </c>
      <c r="CY28" s="274">
        <v>0</v>
      </c>
      <c r="CZ28" s="275">
        <v>0</v>
      </c>
      <c r="DA28" s="514">
        <v>0</v>
      </c>
      <c r="DB28" s="274">
        <v>0</v>
      </c>
      <c r="DC28" s="274">
        <v>0</v>
      </c>
      <c r="DD28" s="274">
        <v>0</v>
      </c>
      <c r="DE28" s="274">
        <v>0</v>
      </c>
      <c r="DF28" s="274">
        <v>0</v>
      </c>
      <c r="DG28" s="277">
        <v>0</v>
      </c>
      <c r="DH28" s="278">
        <v>0</v>
      </c>
      <c r="DI28" s="273">
        <v>0</v>
      </c>
      <c r="DJ28" s="274">
        <v>0</v>
      </c>
      <c r="DK28" s="275">
        <v>0</v>
      </c>
      <c r="DL28" s="276">
        <v>0</v>
      </c>
      <c r="DM28" s="274">
        <v>21064</v>
      </c>
      <c r="DN28" s="274">
        <v>93062</v>
      </c>
      <c r="DO28" s="274">
        <v>593164</v>
      </c>
      <c r="DP28" s="274">
        <v>874313</v>
      </c>
      <c r="DQ28" s="274">
        <v>429206</v>
      </c>
      <c r="DR28" s="277">
        <v>2010809</v>
      </c>
      <c r="DS28" s="279">
        <v>2010809</v>
      </c>
      <c r="DT28" s="273">
        <v>0</v>
      </c>
      <c r="DU28" s="274">
        <v>0</v>
      </c>
      <c r="DV28" s="275">
        <v>0</v>
      </c>
      <c r="DW28" s="514">
        <v>0</v>
      </c>
      <c r="DX28" s="274">
        <v>0</v>
      </c>
      <c r="DY28" s="274">
        <v>14550</v>
      </c>
      <c r="DZ28" s="274">
        <v>545790</v>
      </c>
      <c r="EA28" s="274">
        <v>786479</v>
      </c>
      <c r="EB28" s="274">
        <v>427946</v>
      </c>
      <c r="EC28" s="277">
        <v>1774765</v>
      </c>
      <c r="ED28" s="278">
        <v>1774765</v>
      </c>
      <c r="EE28" s="273">
        <v>0</v>
      </c>
      <c r="EF28" s="274">
        <v>0</v>
      </c>
      <c r="EG28" s="275">
        <v>0</v>
      </c>
      <c r="EH28" s="514">
        <v>0</v>
      </c>
      <c r="EI28" s="274">
        <v>630</v>
      </c>
      <c r="EJ28" s="274">
        <v>23250</v>
      </c>
      <c r="EK28" s="274">
        <v>1148</v>
      </c>
      <c r="EL28" s="274">
        <v>24825</v>
      </c>
      <c r="EM28" s="274">
        <v>1050</v>
      </c>
      <c r="EN28" s="277">
        <v>50903</v>
      </c>
      <c r="EO28" s="278">
        <v>50903</v>
      </c>
      <c r="EP28" s="273">
        <v>0</v>
      </c>
      <c r="EQ28" s="274">
        <v>0</v>
      </c>
      <c r="ER28" s="275">
        <v>0</v>
      </c>
      <c r="ES28" s="514">
        <v>0</v>
      </c>
      <c r="ET28" s="274">
        <v>0</v>
      </c>
      <c r="EU28" s="274">
        <v>0</v>
      </c>
      <c r="EV28" s="274">
        <v>0</v>
      </c>
      <c r="EW28" s="274">
        <v>0</v>
      </c>
      <c r="EX28" s="274">
        <v>0</v>
      </c>
      <c r="EY28" s="277">
        <v>0</v>
      </c>
      <c r="EZ28" s="278">
        <v>0</v>
      </c>
      <c r="FA28" s="273">
        <v>0</v>
      </c>
      <c r="FB28" s="274">
        <v>0</v>
      </c>
      <c r="FC28" s="275">
        <v>0</v>
      </c>
      <c r="FD28" s="514">
        <v>0</v>
      </c>
      <c r="FE28" s="274">
        <v>0</v>
      </c>
      <c r="FF28" s="274">
        <v>0</v>
      </c>
      <c r="FG28" s="274">
        <v>0</v>
      </c>
      <c r="FH28" s="274">
        <v>0</v>
      </c>
      <c r="FI28" s="274">
        <v>210</v>
      </c>
      <c r="FJ28" s="277">
        <v>210</v>
      </c>
      <c r="FK28" s="278">
        <v>210</v>
      </c>
      <c r="FL28" s="273">
        <v>0</v>
      </c>
      <c r="FM28" s="274">
        <v>0</v>
      </c>
      <c r="FN28" s="275">
        <v>0</v>
      </c>
      <c r="FO28" s="514">
        <v>0</v>
      </c>
      <c r="FP28" s="274">
        <v>0</v>
      </c>
      <c r="FQ28" s="274">
        <v>0</v>
      </c>
      <c r="FR28" s="274">
        <v>0</v>
      </c>
      <c r="FS28" s="274">
        <v>0</v>
      </c>
      <c r="FT28" s="274">
        <v>0</v>
      </c>
      <c r="FU28" s="277">
        <v>0</v>
      </c>
      <c r="FV28" s="278">
        <v>0</v>
      </c>
      <c r="FW28" s="273">
        <v>0</v>
      </c>
      <c r="FX28" s="274">
        <v>0</v>
      </c>
      <c r="FY28" s="275">
        <v>0</v>
      </c>
      <c r="FZ28" s="276">
        <v>0</v>
      </c>
      <c r="GA28" s="274">
        <v>20434</v>
      </c>
      <c r="GB28" s="274">
        <v>55262</v>
      </c>
      <c r="GC28" s="274">
        <v>46100</v>
      </c>
      <c r="GD28" s="274">
        <v>63009</v>
      </c>
      <c r="GE28" s="274">
        <v>0</v>
      </c>
      <c r="GF28" s="277">
        <v>184805</v>
      </c>
      <c r="GG28" s="278">
        <v>184805</v>
      </c>
      <c r="GH28" s="273">
        <v>0</v>
      </c>
      <c r="GI28" s="274">
        <v>0</v>
      </c>
      <c r="GJ28" s="275">
        <v>0</v>
      </c>
      <c r="GK28" s="276">
        <v>0</v>
      </c>
      <c r="GL28" s="274">
        <v>0</v>
      </c>
      <c r="GM28" s="274">
        <v>0</v>
      </c>
      <c r="GN28" s="274">
        <v>126</v>
      </c>
      <c r="GO28" s="274">
        <v>0</v>
      </c>
      <c r="GP28" s="274">
        <v>0</v>
      </c>
      <c r="GQ28" s="277">
        <v>126</v>
      </c>
      <c r="GR28" s="278">
        <v>126</v>
      </c>
      <c r="GS28" s="273">
        <v>0</v>
      </c>
      <c r="GT28" s="274">
        <v>0</v>
      </c>
      <c r="GU28" s="275">
        <v>0</v>
      </c>
      <c r="GV28" s="276">
        <v>0</v>
      </c>
      <c r="GW28" s="274">
        <v>0</v>
      </c>
      <c r="GX28" s="274">
        <v>0</v>
      </c>
      <c r="GY28" s="274">
        <v>0</v>
      </c>
      <c r="GZ28" s="274">
        <v>0</v>
      </c>
      <c r="HA28" s="274">
        <v>0</v>
      </c>
      <c r="HB28" s="277">
        <v>0</v>
      </c>
      <c r="HC28" s="278">
        <v>0</v>
      </c>
      <c r="HD28" s="273">
        <v>0</v>
      </c>
      <c r="HE28" s="274">
        <v>0</v>
      </c>
      <c r="HF28" s="275">
        <v>0</v>
      </c>
      <c r="HG28" s="514">
        <v>0</v>
      </c>
      <c r="HH28" s="274">
        <v>0</v>
      </c>
      <c r="HI28" s="274">
        <v>0</v>
      </c>
      <c r="HJ28" s="274">
        <v>0</v>
      </c>
      <c r="HK28" s="274">
        <v>0</v>
      </c>
      <c r="HL28" s="274">
        <v>0</v>
      </c>
      <c r="HM28" s="277">
        <v>0</v>
      </c>
      <c r="HN28" s="278">
        <v>0</v>
      </c>
      <c r="HO28" s="273">
        <v>0</v>
      </c>
      <c r="HP28" s="274">
        <v>0</v>
      </c>
      <c r="HQ28" s="275">
        <v>0</v>
      </c>
      <c r="HR28" s="276">
        <v>0</v>
      </c>
      <c r="HS28" s="274">
        <v>57466</v>
      </c>
      <c r="HT28" s="274">
        <v>198441</v>
      </c>
      <c r="HU28" s="274">
        <v>1099159</v>
      </c>
      <c r="HV28" s="274">
        <v>1530532</v>
      </c>
      <c r="HW28" s="274">
        <v>996256</v>
      </c>
      <c r="HX28" s="277">
        <v>3881854</v>
      </c>
      <c r="HY28" s="278">
        <v>3881854</v>
      </c>
    </row>
    <row r="29" spans="2:233" ht="21" customHeight="1" x14ac:dyDescent="0.2">
      <c r="B29" s="468" t="s">
        <v>26</v>
      </c>
      <c r="C29" s="273">
        <v>0</v>
      </c>
      <c r="D29" s="274">
        <v>0</v>
      </c>
      <c r="E29" s="275">
        <v>0</v>
      </c>
      <c r="F29" s="276">
        <v>0</v>
      </c>
      <c r="G29" s="274">
        <v>40259</v>
      </c>
      <c r="H29" s="274">
        <v>122180</v>
      </c>
      <c r="I29" s="274">
        <v>363410</v>
      </c>
      <c r="J29" s="274">
        <v>732730</v>
      </c>
      <c r="K29" s="274">
        <v>379801</v>
      </c>
      <c r="L29" s="277">
        <v>1638380</v>
      </c>
      <c r="M29" s="278">
        <v>1638380</v>
      </c>
      <c r="N29" s="273">
        <v>0</v>
      </c>
      <c r="O29" s="274">
        <v>0</v>
      </c>
      <c r="P29" s="275">
        <v>0</v>
      </c>
      <c r="Q29" s="514">
        <v>0</v>
      </c>
      <c r="R29" s="274">
        <v>0</v>
      </c>
      <c r="S29" s="274">
        <v>32850</v>
      </c>
      <c r="T29" s="274">
        <v>257370</v>
      </c>
      <c r="U29" s="274">
        <v>502590</v>
      </c>
      <c r="V29" s="274">
        <v>327011</v>
      </c>
      <c r="W29" s="277">
        <v>1119821</v>
      </c>
      <c r="X29" s="278">
        <v>1119821</v>
      </c>
      <c r="Y29" s="273">
        <v>0</v>
      </c>
      <c r="Z29" s="274">
        <v>0</v>
      </c>
      <c r="AA29" s="275">
        <v>0</v>
      </c>
      <c r="AB29" s="514">
        <v>0</v>
      </c>
      <c r="AC29" s="274">
        <v>34200</v>
      </c>
      <c r="AD29" s="274">
        <v>76050</v>
      </c>
      <c r="AE29" s="274">
        <v>78615</v>
      </c>
      <c r="AF29" s="274">
        <v>195000</v>
      </c>
      <c r="AG29" s="274">
        <v>25945</v>
      </c>
      <c r="AH29" s="277">
        <v>409810</v>
      </c>
      <c r="AI29" s="278">
        <v>409810</v>
      </c>
      <c r="AJ29" s="273">
        <v>0</v>
      </c>
      <c r="AK29" s="274">
        <v>0</v>
      </c>
      <c r="AL29" s="275">
        <v>0</v>
      </c>
      <c r="AM29" s="514">
        <v>0</v>
      </c>
      <c r="AN29" s="274">
        <v>0</v>
      </c>
      <c r="AO29" s="274">
        <v>0</v>
      </c>
      <c r="AP29" s="274">
        <v>0</v>
      </c>
      <c r="AQ29" s="274">
        <v>0</v>
      </c>
      <c r="AR29" s="274">
        <v>0</v>
      </c>
      <c r="AS29" s="277">
        <v>0</v>
      </c>
      <c r="AT29" s="278">
        <v>0</v>
      </c>
      <c r="AU29" s="273">
        <v>0</v>
      </c>
      <c r="AV29" s="274">
        <v>0</v>
      </c>
      <c r="AW29" s="275">
        <v>0</v>
      </c>
      <c r="AX29" s="514">
        <v>0</v>
      </c>
      <c r="AY29" s="274">
        <v>0</v>
      </c>
      <c r="AZ29" s="274">
        <v>0</v>
      </c>
      <c r="BA29" s="274">
        <v>2550</v>
      </c>
      <c r="BB29" s="274">
        <v>0</v>
      </c>
      <c r="BC29" s="274">
        <v>5100</v>
      </c>
      <c r="BD29" s="277">
        <v>7650</v>
      </c>
      <c r="BE29" s="278">
        <v>7650</v>
      </c>
      <c r="BF29" s="273">
        <v>0</v>
      </c>
      <c r="BG29" s="274">
        <v>0</v>
      </c>
      <c r="BH29" s="275">
        <v>0</v>
      </c>
      <c r="BI29" s="514">
        <v>0</v>
      </c>
      <c r="BJ29" s="274">
        <v>0</v>
      </c>
      <c r="BK29" s="274">
        <v>0</v>
      </c>
      <c r="BL29" s="274">
        <v>0</v>
      </c>
      <c r="BM29" s="274">
        <v>0</v>
      </c>
      <c r="BN29" s="274">
        <v>0</v>
      </c>
      <c r="BO29" s="277">
        <v>0</v>
      </c>
      <c r="BP29" s="278">
        <v>0</v>
      </c>
      <c r="BQ29" s="273">
        <v>0</v>
      </c>
      <c r="BR29" s="274">
        <v>0</v>
      </c>
      <c r="BS29" s="275">
        <v>0</v>
      </c>
      <c r="BT29" s="276">
        <v>0</v>
      </c>
      <c r="BU29" s="274">
        <v>6059</v>
      </c>
      <c r="BV29" s="274">
        <v>11170</v>
      </c>
      <c r="BW29" s="274">
        <v>24875</v>
      </c>
      <c r="BX29" s="274">
        <v>34160</v>
      </c>
      <c r="BY29" s="274">
        <v>21745</v>
      </c>
      <c r="BZ29" s="277">
        <v>98009</v>
      </c>
      <c r="CA29" s="278">
        <v>98009</v>
      </c>
      <c r="CB29" s="273">
        <v>0</v>
      </c>
      <c r="CC29" s="274">
        <v>0</v>
      </c>
      <c r="CD29" s="275">
        <v>0</v>
      </c>
      <c r="CE29" s="276">
        <v>0</v>
      </c>
      <c r="CF29" s="274">
        <v>0</v>
      </c>
      <c r="CG29" s="274">
        <v>2110</v>
      </c>
      <c r="CH29" s="274">
        <v>0</v>
      </c>
      <c r="CI29" s="274">
        <v>980</v>
      </c>
      <c r="CJ29" s="274">
        <v>0</v>
      </c>
      <c r="CK29" s="277">
        <v>3090</v>
      </c>
      <c r="CL29" s="278">
        <v>3090</v>
      </c>
      <c r="CM29" s="273">
        <v>0</v>
      </c>
      <c r="CN29" s="274">
        <v>0</v>
      </c>
      <c r="CO29" s="275">
        <v>0</v>
      </c>
      <c r="CP29" s="276">
        <v>0</v>
      </c>
      <c r="CQ29" s="274">
        <v>0</v>
      </c>
      <c r="CR29" s="274">
        <v>0</v>
      </c>
      <c r="CS29" s="274">
        <v>0</v>
      </c>
      <c r="CT29" s="274">
        <v>0</v>
      </c>
      <c r="CU29" s="274">
        <v>0</v>
      </c>
      <c r="CV29" s="277">
        <v>0</v>
      </c>
      <c r="CW29" s="278">
        <v>0</v>
      </c>
      <c r="CX29" s="273">
        <v>0</v>
      </c>
      <c r="CY29" s="274">
        <v>0</v>
      </c>
      <c r="CZ29" s="275">
        <v>0</v>
      </c>
      <c r="DA29" s="514">
        <v>0</v>
      </c>
      <c r="DB29" s="274">
        <v>0</v>
      </c>
      <c r="DC29" s="274">
        <v>0</v>
      </c>
      <c r="DD29" s="274">
        <v>0</v>
      </c>
      <c r="DE29" s="274">
        <v>0</v>
      </c>
      <c r="DF29" s="274">
        <v>0</v>
      </c>
      <c r="DG29" s="277">
        <v>0</v>
      </c>
      <c r="DH29" s="278">
        <v>0</v>
      </c>
      <c r="DI29" s="273">
        <v>0</v>
      </c>
      <c r="DJ29" s="274">
        <v>0</v>
      </c>
      <c r="DK29" s="275">
        <v>0</v>
      </c>
      <c r="DL29" s="276">
        <v>0</v>
      </c>
      <c r="DM29" s="274">
        <v>22083</v>
      </c>
      <c r="DN29" s="274">
        <v>111140</v>
      </c>
      <c r="DO29" s="274">
        <v>399479</v>
      </c>
      <c r="DP29" s="274">
        <v>705874</v>
      </c>
      <c r="DQ29" s="274">
        <v>448898</v>
      </c>
      <c r="DR29" s="277">
        <v>1687474</v>
      </c>
      <c r="DS29" s="279">
        <v>1687474</v>
      </c>
      <c r="DT29" s="273">
        <v>0</v>
      </c>
      <c r="DU29" s="274">
        <v>0</v>
      </c>
      <c r="DV29" s="275">
        <v>0</v>
      </c>
      <c r="DW29" s="514">
        <v>0</v>
      </c>
      <c r="DX29" s="274">
        <v>0</v>
      </c>
      <c r="DY29" s="274">
        <v>75180</v>
      </c>
      <c r="DZ29" s="274">
        <v>349370</v>
      </c>
      <c r="EA29" s="274">
        <v>627470</v>
      </c>
      <c r="EB29" s="274">
        <v>410476</v>
      </c>
      <c r="EC29" s="277">
        <v>1462496</v>
      </c>
      <c r="ED29" s="278">
        <v>1462496</v>
      </c>
      <c r="EE29" s="273">
        <v>0</v>
      </c>
      <c r="EF29" s="274">
        <v>0</v>
      </c>
      <c r="EG29" s="275">
        <v>0</v>
      </c>
      <c r="EH29" s="514">
        <v>0</v>
      </c>
      <c r="EI29" s="274">
        <v>420</v>
      </c>
      <c r="EJ29" s="274">
        <v>22140</v>
      </c>
      <c r="EK29" s="274">
        <v>12325</v>
      </c>
      <c r="EL29" s="274">
        <v>48330</v>
      </c>
      <c r="EM29" s="274">
        <v>546</v>
      </c>
      <c r="EN29" s="277">
        <v>83761</v>
      </c>
      <c r="EO29" s="278">
        <v>83761</v>
      </c>
      <c r="EP29" s="273">
        <v>0</v>
      </c>
      <c r="EQ29" s="274">
        <v>0</v>
      </c>
      <c r="ER29" s="275">
        <v>0</v>
      </c>
      <c r="ES29" s="514">
        <v>0</v>
      </c>
      <c r="ET29" s="274">
        <v>0</v>
      </c>
      <c r="EU29" s="274">
        <v>0</v>
      </c>
      <c r="EV29" s="274">
        <v>0</v>
      </c>
      <c r="EW29" s="274">
        <v>0</v>
      </c>
      <c r="EX29" s="274">
        <v>0</v>
      </c>
      <c r="EY29" s="277">
        <v>0</v>
      </c>
      <c r="EZ29" s="278">
        <v>0</v>
      </c>
      <c r="FA29" s="273">
        <v>0</v>
      </c>
      <c r="FB29" s="274">
        <v>0</v>
      </c>
      <c r="FC29" s="275">
        <v>0</v>
      </c>
      <c r="FD29" s="514">
        <v>0</v>
      </c>
      <c r="FE29" s="274">
        <v>0</v>
      </c>
      <c r="FF29" s="274">
        <v>0</v>
      </c>
      <c r="FG29" s="274">
        <v>210</v>
      </c>
      <c r="FH29" s="274">
        <v>0</v>
      </c>
      <c r="FI29" s="274">
        <v>420</v>
      </c>
      <c r="FJ29" s="277">
        <v>630</v>
      </c>
      <c r="FK29" s="278">
        <v>630</v>
      </c>
      <c r="FL29" s="273">
        <v>0</v>
      </c>
      <c r="FM29" s="274">
        <v>0</v>
      </c>
      <c r="FN29" s="275">
        <v>0</v>
      </c>
      <c r="FO29" s="514">
        <v>0</v>
      </c>
      <c r="FP29" s="274">
        <v>0</v>
      </c>
      <c r="FQ29" s="274">
        <v>0</v>
      </c>
      <c r="FR29" s="274">
        <v>0</v>
      </c>
      <c r="FS29" s="274">
        <v>0</v>
      </c>
      <c r="FT29" s="274">
        <v>0</v>
      </c>
      <c r="FU29" s="277">
        <v>0</v>
      </c>
      <c r="FV29" s="278">
        <v>0</v>
      </c>
      <c r="FW29" s="273">
        <v>0</v>
      </c>
      <c r="FX29" s="274">
        <v>0</v>
      </c>
      <c r="FY29" s="275">
        <v>0</v>
      </c>
      <c r="FZ29" s="276">
        <v>0</v>
      </c>
      <c r="GA29" s="274">
        <v>21663</v>
      </c>
      <c r="GB29" s="274">
        <v>13778</v>
      </c>
      <c r="GC29" s="274">
        <v>37574</v>
      </c>
      <c r="GD29" s="274">
        <v>29990</v>
      </c>
      <c r="GE29" s="274">
        <v>37456</v>
      </c>
      <c r="GF29" s="277">
        <v>140461</v>
      </c>
      <c r="GG29" s="278">
        <v>140461</v>
      </c>
      <c r="GH29" s="273">
        <v>0</v>
      </c>
      <c r="GI29" s="274">
        <v>0</v>
      </c>
      <c r="GJ29" s="275">
        <v>0</v>
      </c>
      <c r="GK29" s="276">
        <v>0</v>
      </c>
      <c r="GL29" s="274">
        <v>0</v>
      </c>
      <c r="GM29" s="274">
        <v>42</v>
      </c>
      <c r="GN29" s="274">
        <v>0</v>
      </c>
      <c r="GO29" s="274">
        <v>84</v>
      </c>
      <c r="GP29" s="274">
        <v>0</v>
      </c>
      <c r="GQ29" s="277">
        <v>126</v>
      </c>
      <c r="GR29" s="278">
        <v>126</v>
      </c>
      <c r="GS29" s="273">
        <v>0</v>
      </c>
      <c r="GT29" s="274">
        <v>0</v>
      </c>
      <c r="GU29" s="275">
        <v>0</v>
      </c>
      <c r="GV29" s="276">
        <v>0</v>
      </c>
      <c r="GW29" s="274">
        <v>0</v>
      </c>
      <c r="GX29" s="274">
        <v>0</v>
      </c>
      <c r="GY29" s="274">
        <v>0</v>
      </c>
      <c r="GZ29" s="274">
        <v>0</v>
      </c>
      <c r="HA29" s="274">
        <v>0</v>
      </c>
      <c r="HB29" s="277">
        <v>0</v>
      </c>
      <c r="HC29" s="278">
        <v>0</v>
      </c>
      <c r="HD29" s="273">
        <v>0</v>
      </c>
      <c r="HE29" s="274">
        <v>0</v>
      </c>
      <c r="HF29" s="275">
        <v>0</v>
      </c>
      <c r="HG29" s="514">
        <v>0</v>
      </c>
      <c r="HH29" s="274">
        <v>0</v>
      </c>
      <c r="HI29" s="274">
        <v>0</v>
      </c>
      <c r="HJ29" s="274">
        <v>0</v>
      </c>
      <c r="HK29" s="274">
        <v>0</v>
      </c>
      <c r="HL29" s="274">
        <v>0</v>
      </c>
      <c r="HM29" s="277">
        <v>0</v>
      </c>
      <c r="HN29" s="278">
        <v>0</v>
      </c>
      <c r="HO29" s="273">
        <v>0</v>
      </c>
      <c r="HP29" s="274">
        <v>0</v>
      </c>
      <c r="HQ29" s="275">
        <v>0</v>
      </c>
      <c r="HR29" s="276">
        <v>0</v>
      </c>
      <c r="HS29" s="274">
        <v>62342</v>
      </c>
      <c r="HT29" s="274">
        <v>233320</v>
      </c>
      <c r="HU29" s="274">
        <v>762889</v>
      </c>
      <c r="HV29" s="274">
        <v>1438604</v>
      </c>
      <c r="HW29" s="274">
        <v>828699</v>
      </c>
      <c r="HX29" s="277">
        <v>3325854</v>
      </c>
      <c r="HY29" s="278">
        <v>3325854</v>
      </c>
    </row>
    <row r="30" spans="2:233" ht="21" customHeight="1" x14ac:dyDescent="0.2">
      <c r="B30" s="468" t="s">
        <v>27</v>
      </c>
      <c r="C30" s="273">
        <v>0</v>
      </c>
      <c r="D30" s="274">
        <v>0</v>
      </c>
      <c r="E30" s="275">
        <v>0</v>
      </c>
      <c r="F30" s="276">
        <v>0</v>
      </c>
      <c r="G30" s="274">
        <v>44818</v>
      </c>
      <c r="H30" s="274">
        <v>122093</v>
      </c>
      <c r="I30" s="274">
        <v>446050</v>
      </c>
      <c r="J30" s="274">
        <v>740715</v>
      </c>
      <c r="K30" s="274">
        <v>398525</v>
      </c>
      <c r="L30" s="277">
        <v>1752201</v>
      </c>
      <c r="M30" s="278">
        <v>1752201</v>
      </c>
      <c r="N30" s="273">
        <v>0</v>
      </c>
      <c r="O30" s="274">
        <v>0</v>
      </c>
      <c r="P30" s="275">
        <v>0</v>
      </c>
      <c r="Q30" s="514">
        <v>0</v>
      </c>
      <c r="R30" s="274">
        <v>34200</v>
      </c>
      <c r="S30" s="274">
        <v>31650</v>
      </c>
      <c r="T30" s="274">
        <v>278945</v>
      </c>
      <c r="U30" s="274">
        <v>497470</v>
      </c>
      <c r="V30" s="274">
        <v>379455</v>
      </c>
      <c r="W30" s="277">
        <v>1221720</v>
      </c>
      <c r="X30" s="278">
        <v>1221720</v>
      </c>
      <c r="Y30" s="273">
        <v>0</v>
      </c>
      <c r="Z30" s="274">
        <v>0</v>
      </c>
      <c r="AA30" s="275">
        <v>0</v>
      </c>
      <c r="AB30" s="514">
        <v>0</v>
      </c>
      <c r="AC30" s="274">
        <v>7650</v>
      </c>
      <c r="AD30" s="274">
        <v>81900</v>
      </c>
      <c r="AE30" s="274">
        <v>103695</v>
      </c>
      <c r="AF30" s="274">
        <v>186350</v>
      </c>
      <c r="AG30" s="274">
        <v>5100</v>
      </c>
      <c r="AH30" s="277">
        <v>384695</v>
      </c>
      <c r="AI30" s="278">
        <v>384695</v>
      </c>
      <c r="AJ30" s="273">
        <v>0</v>
      </c>
      <c r="AK30" s="274">
        <v>0</v>
      </c>
      <c r="AL30" s="275">
        <v>0</v>
      </c>
      <c r="AM30" s="514">
        <v>0</v>
      </c>
      <c r="AN30" s="274">
        <v>0</v>
      </c>
      <c r="AO30" s="274">
        <v>0</v>
      </c>
      <c r="AP30" s="274">
        <v>0</v>
      </c>
      <c r="AQ30" s="274">
        <v>0</v>
      </c>
      <c r="AR30" s="274">
        <v>0</v>
      </c>
      <c r="AS30" s="277">
        <v>0</v>
      </c>
      <c r="AT30" s="278">
        <v>0</v>
      </c>
      <c r="AU30" s="273">
        <v>0</v>
      </c>
      <c r="AV30" s="274">
        <v>0</v>
      </c>
      <c r="AW30" s="275">
        <v>0</v>
      </c>
      <c r="AX30" s="514">
        <v>0</v>
      </c>
      <c r="AY30" s="274">
        <v>0</v>
      </c>
      <c r="AZ30" s="274">
        <v>0</v>
      </c>
      <c r="BA30" s="274">
        <v>0</v>
      </c>
      <c r="BB30" s="274">
        <v>0</v>
      </c>
      <c r="BC30" s="274">
        <v>0</v>
      </c>
      <c r="BD30" s="277">
        <v>0</v>
      </c>
      <c r="BE30" s="278">
        <v>0</v>
      </c>
      <c r="BF30" s="273">
        <v>0</v>
      </c>
      <c r="BG30" s="274">
        <v>0</v>
      </c>
      <c r="BH30" s="275">
        <v>0</v>
      </c>
      <c r="BI30" s="514">
        <v>0</v>
      </c>
      <c r="BJ30" s="274">
        <v>0</v>
      </c>
      <c r="BK30" s="274">
        <v>0</v>
      </c>
      <c r="BL30" s="274">
        <v>58050</v>
      </c>
      <c r="BM30" s="274">
        <v>10200</v>
      </c>
      <c r="BN30" s="274">
        <v>2550</v>
      </c>
      <c r="BO30" s="277">
        <v>70800</v>
      </c>
      <c r="BP30" s="278">
        <v>70800</v>
      </c>
      <c r="BQ30" s="273">
        <v>0</v>
      </c>
      <c r="BR30" s="274">
        <v>0</v>
      </c>
      <c r="BS30" s="275">
        <v>0</v>
      </c>
      <c r="BT30" s="276">
        <v>0</v>
      </c>
      <c r="BU30" s="274">
        <v>2968</v>
      </c>
      <c r="BV30" s="274">
        <v>8543</v>
      </c>
      <c r="BW30" s="274">
        <v>5360</v>
      </c>
      <c r="BX30" s="274">
        <v>43580</v>
      </c>
      <c r="BY30" s="274">
        <v>11420</v>
      </c>
      <c r="BZ30" s="277">
        <v>71871</v>
      </c>
      <c r="CA30" s="278">
        <v>71871</v>
      </c>
      <c r="CB30" s="273">
        <v>0</v>
      </c>
      <c r="CC30" s="274">
        <v>0</v>
      </c>
      <c r="CD30" s="275">
        <v>0</v>
      </c>
      <c r="CE30" s="276">
        <v>0</v>
      </c>
      <c r="CF30" s="274">
        <v>0</v>
      </c>
      <c r="CG30" s="274">
        <v>0</v>
      </c>
      <c r="CH30" s="274">
        <v>0</v>
      </c>
      <c r="CI30" s="274">
        <v>3115</v>
      </c>
      <c r="CJ30" s="274">
        <v>0</v>
      </c>
      <c r="CK30" s="277">
        <v>3115</v>
      </c>
      <c r="CL30" s="278">
        <v>3115</v>
      </c>
      <c r="CM30" s="273">
        <v>0</v>
      </c>
      <c r="CN30" s="274">
        <v>0</v>
      </c>
      <c r="CO30" s="275">
        <v>0</v>
      </c>
      <c r="CP30" s="276">
        <v>0</v>
      </c>
      <c r="CQ30" s="274">
        <v>0</v>
      </c>
      <c r="CR30" s="274">
        <v>0</v>
      </c>
      <c r="CS30" s="274">
        <v>0</v>
      </c>
      <c r="CT30" s="274">
        <v>0</v>
      </c>
      <c r="CU30" s="274">
        <v>0</v>
      </c>
      <c r="CV30" s="277">
        <v>0</v>
      </c>
      <c r="CW30" s="278">
        <v>0</v>
      </c>
      <c r="CX30" s="273">
        <v>0</v>
      </c>
      <c r="CY30" s="274">
        <v>0</v>
      </c>
      <c r="CZ30" s="275">
        <v>0</v>
      </c>
      <c r="DA30" s="514">
        <v>0</v>
      </c>
      <c r="DB30" s="274">
        <v>0</v>
      </c>
      <c r="DC30" s="274">
        <v>0</v>
      </c>
      <c r="DD30" s="274">
        <v>0</v>
      </c>
      <c r="DE30" s="274">
        <v>0</v>
      </c>
      <c r="DF30" s="274">
        <v>0</v>
      </c>
      <c r="DG30" s="277">
        <v>0</v>
      </c>
      <c r="DH30" s="278">
        <v>0</v>
      </c>
      <c r="DI30" s="273">
        <v>0</v>
      </c>
      <c r="DJ30" s="274">
        <v>0</v>
      </c>
      <c r="DK30" s="275">
        <v>0</v>
      </c>
      <c r="DL30" s="276">
        <v>0</v>
      </c>
      <c r="DM30" s="274">
        <v>57580</v>
      </c>
      <c r="DN30" s="274">
        <v>32913</v>
      </c>
      <c r="DO30" s="274">
        <v>391092</v>
      </c>
      <c r="DP30" s="274">
        <v>693241</v>
      </c>
      <c r="DQ30" s="274">
        <v>419265</v>
      </c>
      <c r="DR30" s="277">
        <v>1594091</v>
      </c>
      <c r="DS30" s="279">
        <v>1594091</v>
      </c>
      <c r="DT30" s="273">
        <v>0</v>
      </c>
      <c r="DU30" s="274">
        <v>0</v>
      </c>
      <c r="DV30" s="275">
        <v>0</v>
      </c>
      <c r="DW30" s="514">
        <v>0</v>
      </c>
      <c r="DX30" s="274">
        <v>28200</v>
      </c>
      <c r="DY30" s="274">
        <v>14100</v>
      </c>
      <c r="DZ30" s="274">
        <v>271530</v>
      </c>
      <c r="EA30" s="274">
        <v>493786</v>
      </c>
      <c r="EB30" s="274">
        <v>375585</v>
      </c>
      <c r="EC30" s="277">
        <v>1183201</v>
      </c>
      <c r="ED30" s="278">
        <v>1183201</v>
      </c>
      <c r="EE30" s="273">
        <v>0</v>
      </c>
      <c r="EF30" s="274">
        <v>0</v>
      </c>
      <c r="EG30" s="275">
        <v>0</v>
      </c>
      <c r="EH30" s="514">
        <v>0</v>
      </c>
      <c r="EI30" s="274">
        <v>21300</v>
      </c>
      <c r="EJ30" s="274">
        <v>840</v>
      </c>
      <c r="EK30" s="274">
        <v>31767</v>
      </c>
      <c r="EL30" s="274">
        <v>76980</v>
      </c>
      <c r="EM30" s="274">
        <v>10110</v>
      </c>
      <c r="EN30" s="277">
        <v>140997</v>
      </c>
      <c r="EO30" s="278">
        <v>140997</v>
      </c>
      <c r="EP30" s="273">
        <v>0</v>
      </c>
      <c r="EQ30" s="274">
        <v>0</v>
      </c>
      <c r="ER30" s="275">
        <v>0</v>
      </c>
      <c r="ES30" s="514">
        <v>0</v>
      </c>
      <c r="ET30" s="274">
        <v>0</v>
      </c>
      <c r="EU30" s="274">
        <v>0</v>
      </c>
      <c r="EV30" s="274">
        <v>0</v>
      </c>
      <c r="EW30" s="274">
        <v>0</v>
      </c>
      <c r="EX30" s="274">
        <v>0</v>
      </c>
      <c r="EY30" s="277">
        <v>0</v>
      </c>
      <c r="EZ30" s="278">
        <v>0</v>
      </c>
      <c r="FA30" s="273">
        <v>0</v>
      </c>
      <c r="FB30" s="274">
        <v>0</v>
      </c>
      <c r="FC30" s="275">
        <v>0</v>
      </c>
      <c r="FD30" s="514">
        <v>0</v>
      </c>
      <c r="FE30" s="274">
        <v>0</v>
      </c>
      <c r="FF30" s="274">
        <v>0</v>
      </c>
      <c r="FG30" s="274">
        <v>0</v>
      </c>
      <c r="FH30" s="274">
        <v>0</v>
      </c>
      <c r="FI30" s="274">
        <v>0</v>
      </c>
      <c r="FJ30" s="277">
        <v>0</v>
      </c>
      <c r="FK30" s="278">
        <v>0</v>
      </c>
      <c r="FL30" s="273">
        <v>0</v>
      </c>
      <c r="FM30" s="274">
        <v>0</v>
      </c>
      <c r="FN30" s="275">
        <v>0</v>
      </c>
      <c r="FO30" s="514">
        <v>0</v>
      </c>
      <c r="FP30" s="274">
        <v>0</v>
      </c>
      <c r="FQ30" s="274">
        <v>0</v>
      </c>
      <c r="FR30" s="274">
        <v>77340</v>
      </c>
      <c r="FS30" s="274">
        <v>83520</v>
      </c>
      <c r="FT30" s="274">
        <v>20880</v>
      </c>
      <c r="FU30" s="277">
        <v>181740</v>
      </c>
      <c r="FV30" s="278">
        <v>181740</v>
      </c>
      <c r="FW30" s="273">
        <v>0</v>
      </c>
      <c r="FX30" s="274">
        <v>0</v>
      </c>
      <c r="FY30" s="275">
        <v>0</v>
      </c>
      <c r="FZ30" s="276">
        <v>0</v>
      </c>
      <c r="GA30" s="274">
        <v>8080</v>
      </c>
      <c r="GB30" s="274">
        <v>17973</v>
      </c>
      <c r="GC30" s="274">
        <v>10455</v>
      </c>
      <c r="GD30" s="274">
        <v>35655</v>
      </c>
      <c r="GE30" s="274">
        <v>12690</v>
      </c>
      <c r="GF30" s="277">
        <v>84853</v>
      </c>
      <c r="GG30" s="278">
        <v>84853</v>
      </c>
      <c r="GH30" s="273">
        <v>0</v>
      </c>
      <c r="GI30" s="274">
        <v>0</v>
      </c>
      <c r="GJ30" s="275">
        <v>0</v>
      </c>
      <c r="GK30" s="276">
        <v>0</v>
      </c>
      <c r="GL30" s="274">
        <v>0</v>
      </c>
      <c r="GM30" s="274">
        <v>0</v>
      </c>
      <c r="GN30" s="274">
        <v>0</v>
      </c>
      <c r="GO30" s="274">
        <v>3300</v>
      </c>
      <c r="GP30" s="274">
        <v>0</v>
      </c>
      <c r="GQ30" s="277">
        <v>3300</v>
      </c>
      <c r="GR30" s="278">
        <v>3300</v>
      </c>
      <c r="GS30" s="273">
        <v>0</v>
      </c>
      <c r="GT30" s="274">
        <v>0</v>
      </c>
      <c r="GU30" s="275">
        <v>0</v>
      </c>
      <c r="GV30" s="276">
        <v>0</v>
      </c>
      <c r="GW30" s="274">
        <v>0</v>
      </c>
      <c r="GX30" s="274">
        <v>0</v>
      </c>
      <c r="GY30" s="274">
        <v>0</v>
      </c>
      <c r="GZ30" s="274">
        <v>0</v>
      </c>
      <c r="HA30" s="274">
        <v>0</v>
      </c>
      <c r="HB30" s="277">
        <v>0</v>
      </c>
      <c r="HC30" s="278">
        <v>0</v>
      </c>
      <c r="HD30" s="273">
        <v>0</v>
      </c>
      <c r="HE30" s="274">
        <v>0</v>
      </c>
      <c r="HF30" s="275">
        <v>0</v>
      </c>
      <c r="HG30" s="514">
        <v>0</v>
      </c>
      <c r="HH30" s="274">
        <v>0</v>
      </c>
      <c r="HI30" s="274">
        <v>0</v>
      </c>
      <c r="HJ30" s="274">
        <v>0</v>
      </c>
      <c r="HK30" s="274">
        <v>0</v>
      </c>
      <c r="HL30" s="274">
        <v>0</v>
      </c>
      <c r="HM30" s="277">
        <v>0</v>
      </c>
      <c r="HN30" s="278">
        <v>0</v>
      </c>
      <c r="HO30" s="273">
        <v>0</v>
      </c>
      <c r="HP30" s="274">
        <v>0</v>
      </c>
      <c r="HQ30" s="275">
        <v>0</v>
      </c>
      <c r="HR30" s="276">
        <v>0</v>
      </c>
      <c r="HS30" s="274">
        <v>102398</v>
      </c>
      <c r="HT30" s="274">
        <v>155006</v>
      </c>
      <c r="HU30" s="274">
        <v>837142</v>
      </c>
      <c r="HV30" s="274">
        <v>1433956</v>
      </c>
      <c r="HW30" s="274">
        <v>817790</v>
      </c>
      <c r="HX30" s="277">
        <v>3346292</v>
      </c>
      <c r="HY30" s="278">
        <v>3346292</v>
      </c>
    </row>
    <row r="31" spans="2:233" ht="21" customHeight="1" x14ac:dyDescent="0.2">
      <c r="B31" s="468" t="s">
        <v>28</v>
      </c>
      <c r="C31" s="273">
        <v>0</v>
      </c>
      <c r="D31" s="274">
        <v>0</v>
      </c>
      <c r="E31" s="275">
        <v>0</v>
      </c>
      <c r="F31" s="276">
        <v>0</v>
      </c>
      <c r="G31" s="274">
        <v>23460</v>
      </c>
      <c r="H31" s="274">
        <v>61350</v>
      </c>
      <c r="I31" s="274">
        <v>244710</v>
      </c>
      <c r="J31" s="274">
        <v>163550</v>
      </c>
      <c r="K31" s="274">
        <v>55200</v>
      </c>
      <c r="L31" s="277">
        <v>548270</v>
      </c>
      <c r="M31" s="278">
        <v>548270</v>
      </c>
      <c r="N31" s="273">
        <v>0</v>
      </c>
      <c r="O31" s="274">
        <v>0</v>
      </c>
      <c r="P31" s="275">
        <v>0</v>
      </c>
      <c r="Q31" s="514">
        <v>0</v>
      </c>
      <c r="R31" s="274">
        <v>0</v>
      </c>
      <c r="S31" s="274">
        <v>29700</v>
      </c>
      <c r="T31" s="274">
        <v>185850</v>
      </c>
      <c r="U31" s="274">
        <v>156495</v>
      </c>
      <c r="V31" s="274">
        <v>55200</v>
      </c>
      <c r="W31" s="277">
        <v>427245</v>
      </c>
      <c r="X31" s="278">
        <v>427245</v>
      </c>
      <c r="Y31" s="273">
        <v>0</v>
      </c>
      <c r="Z31" s="274">
        <v>0</v>
      </c>
      <c r="AA31" s="275">
        <v>0</v>
      </c>
      <c r="AB31" s="514">
        <v>0</v>
      </c>
      <c r="AC31" s="274">
        <v>23460</v>
      </c>
      <c r="AD31" s="274">
        <v>31650</v>
      </c>
      <c r="AE31" s="274">
        <v>58135</v>
      </c>
      <c r="AF31" s="274">
        <v>4505</v>
      </c>
      <c r="AG31" s="274">
        <v>0</v>
      </c>
      <c r="AH31" s="277">
        <v>117750</v>
      </c>
      <c r="AI31" s="278">
        <v>117750</v>
      </c>
      <c r="AJ31" s="273">
        <v>0</v>
      </c>
      <c r="AK31" s="274">
        <v>0</v>
      </c>
      <c r="AL31" s="275">
        <v>0</v>
      </c>
      <c r="AM31" s="514">
        <v>0</v>
      </c>
      <c r="AN31" s="274">
        <v>0</v>
      </c>
      <c r="AO31" s="274">
        <v>0</v>
      </c>
      <c r="AP31" s="274">
        <v>0</v>
      </c>
      <c r="AQ31" s="274">
        <v>0</v>
      </c>
      <c r="AR31" s="274">
        <v>0</v>
      </c>
      <c r="AS31" s="277">
        <v>0</v>
      </c>
      <c r="AT31" s="278">
        <v>0</v>
      </c>
      <c r="AU31" s="273">
        <v>0</v>
      </c>
      <c r="AV31" s="274">
        <v>0</v>
      </c>
      <c r="AW31" s="275">
        <v>0</v>
      </c>
      <c r="AX31" s="514">
        <v>0</v>
      </c>
      <c r="AY31" s="274">
        <v>0</v>
      </c>
      <c r="AZ31" s="274">
        <v>0</v>
      </c>
      <c r="BA31" s="274">
        <v>0</v>
      </c>
      <c r="BB31" s="274">
        <v>0</v>
      </c>
      <c r="BC31" s="274">
        <v>0</v>
      </c>
      <c r="BD31" s="277">
        <v>0</v>
      </c>
      <c r="BE31" s="278">
        <v>0</v>
      </c>
      <c r="BF31" s="273">
        <v>0</v>
      </c>
      <c r="BG31" s="274">
        <v>0</v>
      </c>
      <c r="BH31" s="275">
        <v>0</v>
      </c>
      <c r="BI31" s="514">
        <v>0</v>
      </c>
      <c r="BJ31" s="274">
        <v>0</v>
      </c>
      <c r="BK31" s="274">
        <v>0</v>
      </c>
      <c r="BL31" s="274">
        <v>0</v>
      </c>
      <c r="BM31" s="274">
        <v>2550</v>
      </c>
      <c r="BN31" s="274">
        <v>0</v>
      </c>
      <c r="BO31" s="277">
        <v>2550</v>
      </c>
      <c r="BP31" s="278">
        <v>2550</v>
      </c>
      <c r="BQ31" s="273">
        <v>0</v>
      </c>
      <c r="BR31" s="274">
        <v>0</v>
      </c>
      <c r="BS31" s="275">
        <v>0</v>
      </c>
      <c r="BT31" s="276">
        <v>0</v>
      </c>
      <c r="BU31" s="274">
        <v>0</v>
      </c>
      <c r="BV31" s="274">
        <v>0</v>
      </c>
      <c r="BW31" s="274">
        <v>725</v>
      </c>
      <c r="BX31" s="274">
        <v>0</v>
      </c>
      <c r="BY31" s="274">
        <v>0</v>
      </c>
      <c r="BZ31" s="277">
        <v>725</v>
      </c>
      <c r="CA31" s="278">
        <v>725</v>
      </c>
      <c r="CB31" s="273">
        <v>0</v>
      </c>
      <c r="CC31" s="274">
        <v>0</v>
      </c>
      <c r="CD31" s="275">
        <v>0</v>
      </c>
      <c r="CE31" s="276">
        <v>0</v>
      </c>
      <c r="CF31" s="274">
        <v>0</v>
      </c>
      <c r="CG31" s="274">
        <v>0</v>
      </c>
      <c r="CH31" s="274">
        <v>0</v>
      </c>
      <c r="CI31" s="274">
        <v>0</v>
      </c>
      <c r="CJ31" s="274">
        <v>0</v>
      </c>
      <c r="CK31" s="277">
        <v>0</v>
      </c>
      <c r="CL31" s="278">
        <v>0</v>
      </c>
      <c r="CM31" s="273">
        <v>0</v>
      </c>
      <c r="CN31" s="274">
        <v>0</v>
      </c>
      <c r="CO31" s="275">
        <v>0</v>
      </c>
      <c r="CP31" s="276">
        <v>0</v>
      </c>
      <c r="CQ31" s="274">
        <v>0</v>
      </c>
      <c r="CR31" s="274">
        <v>0</v>
      </c>
      <c r="CS31" s="274">
        <v>0</v>
      </c>
      <c r="CT31" s="274">
        <v>0</v>
      </c>
      <c r="CU31" s="274">
        <v>0</v>
      </c>
      <c r="CV31" s="277">
        <v>0</v>
      </c>
      <c r="CW31" s="278">
        <v>0</v>
      </c>
      <c r="CX31" s="273">
        <v>0</v>
      </c>
      <c r="CY31" s="274">
        <v>0</v>
      </c>
      <c r="CZ31" s="275">
        <v>0</v>
      </c>
      <c r="DA31" s="514">
        <v>0</v>
      </c>
      <c r="DB31" s="274">
        <v>0</v>
      </c>
      <c r="DC31" s="274">
        <v>0</v>
      </c>
      <c r="DD31" s="274">
        <v>0</v>
      </c>
      <c r="DE31" s="274">
        <v>0</v>
      </c>
      <c r="DF31" s="274">
        <v>0</v>
      </c>
      <c r="DG31" s="277">
        <v>0</v>
      </c>
      <c r="DH31" s="278">
        <v>0</v>
      </c>
      <c r="DI31" s="273">
        <v>0</v>
      </c>
      <c r="DJ31" s="274">
        <v>0</v>
      </c>
      <c r="DK31" s="275">
        <v>0</v>
      </c>
      <c r="DL31" s="276">
        <v>0</v>
      </c>
      <c r="DM31" s="274">
        <v>210</v>
      </c>
      <c r="DN31" s="274">
        <v>14310</v>
      </c>
      <c r="DO31" s="274">
        <v>203266</v>
      </c>
      <c r="DP31" s="274">
        <v>159466</v>
      </c>
      <c r="DQ31" s="274">
        <v>126810</v>
      </c>
      <c r="DR31" s="277">
        <v>504062</v>
      </c>
      <c r="DS31" s="279">
        <v>504062</v>
      </c>
      <c r="DT31" s="273">
        <v>0</v>
      </c>
      <c r="DU31" s="274">
        <v>0</v>
      </c>
      <c r="DV31" s="275">
        <v>0</v>
      </c>
      <c r="DW31" s="514">
        <v>0</v>
      </c>
      <c r="DX31" s="274">
        <v>0</v>
      </c>
      <c r="DY31" s="274">
        <v>14100</v>
      </c>
      <c r="DZ31" s="274">
        <v>177390</v>
      </c>
      <c r="EA31" s="274">
        <v>122398</v>
      </c>
      <c r="EB31" s="274">
        <v>126810</v>
      </c>
      <c r="EC31" s="277">
        <v>440698</v>
      </c>
      <c r="ED31" s="278">
        <v>440698</v>
      </c>
      <c r="EE31" s="273">
        <v>0</v>
      </c>
      <c r="EF31" s="274">
        <v>0</v>
      </c>
      <c r="EG31" s="275">
        <v>0</v>
      </c>
      <c r="EH31" s="514">
        <v>0</v>
      </c>
      <c r="EI31" s="274">
        <v>210</v>
      </c>
      <c r="EJ31" s="274">
        <v>210</v>
      </c>
      <c r="EK31" s="274">
        <v>21996</v>
      </c>
      <c r="EL31" s="274">
        <v>16188</v>
      </c>
      <c r="EM31" s="274">
        <v>0</v>
      </c>
      <c r="EN31" s="277">
        <v>38604</v>
      </c>
      <c r="EO31" s="278">
        <v>38604</v>
      </c>
      <c r="EP31" s="273">
        <v>0</v>
      </c>
      <c r="EQ31" s="274">
        <v>0</v>
      </c>
      <c r="ER31" s="275">
        <v>0</v>
      </c>
      <c r="ES31" s="514">
        <v>0</v>
      </c>
      <c r="ET31" s="274">
        <v>0</v>
      </c>
      <c r="EU31" s="274">
        <v>0</v>
      </c>
      <c r="EV31" s="274">
        <v>0</v>
      </c>
      <c r="EW31" s="274">
        <v>0</v>
      </c>
      <c r="EX31" s="274">
        <v>0</v>
      </c>
      <c r="EY31" s="277">
        <v>0</v>
      </c>
      <c r="EZ31" s="278">
        <v>0</v>
      </c>
      <c r="FA31" s="273">
        <v>0</v>
      </c>
      <c r="FB31" s="274">
        <v>0</v>
      </c>
      <c r="FC31" s="275">
        <v>0</v>
      </c>
      <c r="FD31" s="514">
        <v>0</v>
      </c>
      <c r="FE31" s="274">
        <v>0</v>
      </c>
      <c r="FF31" s="274">
        <v>0</v>
      </c>
      <c r="FG31" s="274">
        <v>0</v>
      </c>
      <c r="FH31" s="274">
        <v>0</v>
      </c>
      <c r="FI31" s="274">
        <v>0</v>
      </c>
      <c r="FJ31" s="277">
        <v>0</v>
      </c>
      <c r="FK31" s="278">
        <v>0</v>
      </c>
      <c r="FL31" s="273">
        <v>0</v>
      </c>
      <c r="FM31" s="274">
        <v>0</v>
      </c>
      <c r="FN31" s="275">
        <v>0</v>
      </c>
      <c r="FO31" s="514">
        <v>0</v>
      </c>
      <c r="FP31" s="274">
        <v>0</v>
      </c>
      <c r="FQ31" s="274">
        <v>0</v>
      </c>
      <c r="FR31" s="274">
        <v>0</v>
      </c>
      <c r="FS31" s="274">
        <v>20880</v>
      </c>
      <c r="FT31" s="274">
        <v>0</v>
      </c>
      <c r="FU31" s="277">
        <v>20880</v>
      </c>
      <c r="FV31" s="278">
        <v>20880</v>
      </c>
      <c r="FW31" s="273">
        <v>0</v>
      </c>
      <c r="FX31" s="274">
        <v>0</v>
      </c>
      <c r="FY31" s="275">
        <v>0</v>
      </c>
      <c r="FZ31" s="276">
        <v>0</v>
      </c>
      <c r="GA31" s="274">
        <v>0</v>
      </c>
      <c r="GB31" s="274">
        <v>0</v>
      </c>
      <c r="GC31" s="274">
        <v>3880</v>
      </c>
      <c r="GD31" s="274">
        <v>0</v>
      </c>
      <c r="GE31" s="274">
        <v>0</v>
      </c>
      <c r="GF31" s="277">
        <v>3880</v>
      </c>
      <c r="GG31" s="278">
        <v>3880</v>
      </c>
      <c r="GH31" s="273">
        <v>0</v>
      </c>
      <c r="GI31" s="274">
        <v>0</v>
      </c>
      <c r="GJ31" s="275">
        <v>0</v>
      </c>
      <c r="GK31" s="276">
        <v>0</v>
      </c>
      <c r="GL31" s="274">
        <v>0</v>
      </c>
      <c r="GM31" s="274">
        <v>0</v>
      </c>
      <c r="GN31" s="274">
        <v>0</v>
      </c>
      <c r="GO31" s="274">
        <v>0</v>
      </c>
      <c r="GP31" s="274">
        <v>0</v>
      </c>
      <c r="GQ31" s="277">
        <v>0</v>
      </c>
      <c r="GR31" s="278">
        <v>0</v>
      </c>
      <c r="GS31" s="273">
        <v>0</v>
      </c>
      <c r="GT31" s="274">
        <v>0</v>
      </c>
      <c r="GU31" s="275">
        <v>0</v>
      </c>
      <c r="GV31" s="276">
        <v>0</v>
      </c>
      <c r="GW31" s="274">
        <v>0</v>
      </c>
      <c r="GX31" s="274">
        <v>0</v>
      </c>
      <c r="GY31" s="274">
        <v>0</v>
      </c>
      <c r="GZ31" s="274">
        <v>0</v>
      </c>
      <c r="HA31" s="274">
        <v>0</v>
      </c>
      <c r="HB31" s="277">
        <v>0</v>
      </c>
      <c r="HC31" s="278">
        <v>0</v>
      </c>
      <c r="HD31" s="273">
        <v>0</v>
      </c>
      <c r="HE31" s="274">
        <v>0</v>
      </c>
      <c r="HF31" s="275">
        <v>0</v>
      </c>
      <c r="HG31" s="514">
        <v>0</v>
      </c>
      <c r="HH31" s="274">
        <v>0</v>
      </c>
      <c r="HI31" s="274">
        <v>0</v>
      </c>
      <c r="HJ31" s="274">
        <v>0</v>
      </c>
      <c r="HK31" s="274">
        <v>0</v>
      </c>
      <c r="HL31" s="274">
        <v>0</v>
      </c>
      <c r="HM31" s="277">
        <v>0</v>
      </c>
      <c r="HN31" s="278">
        <v>0</v>
      </c>
      <c r="HO31" s="273">
        <v>0</v>
      </c>
      <c r="HP31" s="274">
        <v>0</v>
      </c>
      <c r="HQ31" s="275">
        <v>0</v>
      </c>
      <c r="HR31" s="276">
        <v>0</v>
      </c>
      <c r="HS31" s="274">
        <v>23670</v>
      </c>
      <c r="HT31" s="274">
        <v>75660</v>
      </c>
      <c r="HU31" s="274">
        <v>447976</v>
      </c>
      <c r="HV31" s="274">
        <v>323016</v>
      </c>
      <c r="HW31" s="274">
        <v>182010</v>
      </c>
      <c r="HX31" s="277">
        <v>1052332</v>
      </c>
      <c r="HY31" s="278">
        <v>1052332</v>
      </c>
    </row>
    <row r="32" spans="2:233" ht="21" customHeight="1" x14ac:dyDescent="0.2">
      <c r="B32" s="468" t="s">
        <v>29</v>
      </c>
      <c r="C32" s="273">
        <v>0</v>
      </c>
      <c r="D32" s="274">
        <v>0</v>
      </c>
      <c r="E32" s="275">
        <v>0</v>
      </c>
      <c r="F32" s="276">
        <v>0</v>
      </c>
      <c r="G32" s="274">
        <v>2145</v>
      </c>
      <c r="H32" s="274">
        <v>95960</v>
      </c>
      <c r="I32" s="274">
        <v>242985</v>
      </c>
      <c r="J32" s="274">
        <v>369705</v>
      </c>
      <c r="K32" s="274">
        <v>197340</v>
      </c>
      <c r="L32" s="277">
        <v>908135</v>
      </c>
      <c r="M32" s="278">
        <v>908135</v>
      </c>
      <c r="N32" s="273">
        <v>0</v>
      </c>
      <c r="O32" s="274">
        <v>0</v>
      </c>
      <c r="P32" s="275">
        <v>0</v>
      </c>
      <c r="Q32" s="514">
        <v>0</v>
      </c>
      <c r="R32" s="274">
        <v>0</v>
      </c>
      <c r="S32" s="274">
        <v>34350</v>
      </c>
      <c r="T32" s="274">
        <v>82050</v>
      </c>
      <c r="U32" s="274">
        <v>279770</v>
      </c>
      <c r="V32" s="274">
        <v>161400</v>
      </c>
      <c r="W32" s="277">
        <v>557570</v>
      </c>
      <c r="X32" s="278">
        <v>557570</v>
      </c>
      <c r="Y32" s="273">
        <v>0</v>
      </c>
      <c r="Z32" s="274">
        <v>0</v>
      </c>
      <c r="AA32" s="275">
        <v>0</v>
      </c>
      <c r="AB32" s="514">
        <v>0</v>
      </c>
      <c r="AC32" s="274">
        <v>0</v>
      </c>
      <c r="AD32" s="274">
        <v>60600</v>
      </c>
      <c r="AE32" s="274">
        <v>86205</v>
      </c>
      <c r="AF32" s="274">
        <v>36595</v>
      </c>
      <c r="AG32" s="274">
        <v>31650</v>
      </c>
      <c r="AH32" s="277">
        <v>215050</v>
      </c>
      <c r="AI32" s="278">
        <v>215050</v>
      </c>
      <c r="AJ32" s="273">
        <v>0</v>
      </c>
      <c r="AK32" s="274">
        <v>0</v>
      </c>
      <c r="AL32" s="275">
        <v>0</v>
      </c>
      <c r="AM32" s="514">
        <v>0</v>
      </c>
      <c r="AN32" s="274">
        <v>0</v>
      </c>
      <c r="AO32" s="274">
        <v>0</v>
      </c>
      <c r="AP32" s="274">
        <v>0</v>
      </c>
      <c r="AQ32" s="274">
        <v>0</v>
      </c>
      <c r="AR32" s="274">
        <v>0</v>
      </c>
      <c r="AS32" s="277">
        <v>0</v>
      </c>
      <c r="AT32" s="278">
        <v>0</v>
      </c>
      <c r="AU32" s="273">
        <v>0</v>
      </c>
      <c r="AV32" s="274">
        <v>0</v>
      </c>
      <c r="AW32" s="275">
        <v>0</v>
      </c>
      <c r="AX32" s="514">
        <v>0</v>
      </c>
      <c r="AY32" s="274">
        <v>0</v>
      </c>
      <c r="AZ32" s="274">
        <v>0</v>
      </c>
      <c r="BA32" s="274">
        <v>0</v>
      </c>
      <c r="BB32" s="274">
        <v>0</v>
      </c>
      <c r="BC32" s="274">
        <v>0</v>
      </c>
      <c r="BD32" s="277">
        <v>0</v>
      </c>
      <c r="BE32" s="278">
        <v>0</v>
      </c>
      <c r="BF32" s="273">
        <v>0</v>
      </c>
      <c r="BG32" s="274">
        <v>0</v>
      </c>
      <c r="BH32" s="275">
        <v>0</v>
      </c>
      <c r="BI32" s="514">
        <v>0</v>
      </c>
      <c r="BJ32" s="274">
        <v>0</v>
      </c>
      <c r="BK32" s="274">
        <v>0</v>
      </c>
      <c r="BL32" s="274">
        <v>73500</v>
      </c>
      <c r="BM32" s="274">
        <v>50730</v>
      </c>
      <c r="BN32" s="274">
        <v>2550</v>
      </c>
      <c r="BO32" s="277">
        <v>126780</v>
      </c>
      <c r="BP32" s="278">
        <v>126780</v>
      </c>
      <c r="BQ32" s="273">
        <v>0</v>
      </c>
      <c r="BR32" s="274">
        <v>0</v>
      </c>
      <c r="BS32" s="275">
        <v>0</v>
      </c>
      <c r="BT32" s="276">
        <v>0</v>
      </c>
      <c r="BU32" s="274">
        <v>2145</v>
      </c>
      <c r="BV32" s="274">
        <v>1010</v>
      </c>
      <c r="BW32" s="274">
        <v>890</v>
      </c>
      <c r="BX32" s="274">
        <v>0</v>
      </c>
      <c r="BY32" s="274">
        <v>1740</v>
      </c>
      <c r="BZ32" s="277">
        <v>5785</v>
      </c>
      <c r="CA32" s="278">
        <v>5785</v>
      </c>
      <c r="CB32" s="273">
        <v>0</v>
      </c>
      <c r="CC32" s="274">
        <v>0</v>
      </c>
      <c r="CD32" s="275">
        <v>0</v>
      </c>
      <c r="CE32" s="276">
        <v>0</v>
      </c>
      <c r="CF32" s="274">
        <v>0</v>
      </c>
      <c r="CG32" s="274">
        <v>0</v>
      </c>
      <c r="CH32" s="274">
        <v>340</v>
      </c>
      <c r="CI32" s="274">
        <v>2610</v>
      </c>
      <c r="CJ32" s="274">
        <v>0</v>
      </c>
      <c r="CK32" s="277">
        <v>2950</v>
      </c>
      <c r="CL32" s="278">
        <v>2950</v>
      </c>
      <c r="CM32" s="273">
        <v>0</v>
      </c>
      <c r="CN32" s="274">
        <v>0</v>
      </c>
      <c r="CO32" s="275">
        <v>0</v>
      </c>
      <c r="CP32" s="276">
        <v>0</v>
      </c>
      <c r="CQ32" s="274">
        <v>0</v>
      </c>
      <c r="CR32" s="274">
        <v>0</v>
      </c>
      <c r="CS32" s="274">
        <v>0</v>
      </c>
      <c r="CT32" s="274">
        <v>0</v>
      </c>
      <c r="CU32" s="274">
        <v>0</v>
      </c>
      <c r="CV32" s="277">
        <v>0</v>
      </c>
      <c r="CW32" s="278">
        <v>0</v>
      </c>
      <c r="CX32" s="273">
        <v>0</v>
      </c>
      <c r="CY32" s="274">
        <v>0</v>
      </c>
      <c r="CZ32" s="275">
        <v>0</v>
      </c>
      <c r="DA32" s="514">
        <v>0</v>
      </c>
      <c r="DB32" s="274">
        <v>0</v>
      </c>
      <c r="DC32" s="274">
        <v>0</v>
      </c>
      <c r="DD32" s="274">
        <v>0</v>
      </c>
      <c r="DE32" s="274">
        <v>0</v>
      </c>
      <c r="DF32" s="274">
        <v>0</v>
      </c>
      <c r="DG32" s="277">
        <v>0</v>
      </c>
      <c r="DH32" s="278">
        <v>0</v>
      </c>
      <c r="DI32" s="273">
        <v>0</v>
      </c>
      <c r="DJ32" s="274">
        <v>0</v>
      </c>
      <c r="DK32" s="275">
        <v>0</v>
      </c>
      <c r="DL32" s="276">
        <v>0</v>
      </c>
      <c r="DM32" s="274">
        <v>2253</v>
      </c>
      <c r="DN32" s="274">
        <v>29790</v>
      </c>
      <c r="DO32" s="274">
        <v>235103</v>
      </c>
      <c r="DP32" s="274">
        <v>309074</v>
      </c>
      <c r="DQ32" s="274">
        <v>175122</v>
      </c>
      <c r="DR32" s="277">
        <v>751342</v>
      </c>
      <c r="DS32" s="279">
        <v>751342</v>
      </c>
      <c r="DT32" s="273">
        <v>0</v>
      </c>
      <c r="DU32" s="274">
        <v>0</v>
      </c>
      <c r="DV32" s="275">
        <v>0</v>
      </c>
      <c r="DW32" s="514">
        <v>0</v>
      </c>
      <c r="DX32" s="274">
        <v>0</v>
      </c>
      <c r="DY32" s="274">
        <v>25650</v>
      </c>
      <c r="DZ32" s="274">
        <v>64680</v>
      </c>
      <c r="EA32" s="274">
        <v>240250</v>
      </c>
      <c r="EB32" s="274">
        <v>154260</v>
      </c>
      <c r="EC32" s="277">
        <v>484840</v>
      </c>
      <c r="ED32" s="278">
        <v>484840</v>
      </c>
      <c r="EE32" s="273">
        <v>0</v>
      </c>
      <c r="EF32" s="274">
        <v>0</v>
      </c>
      <c r="EG32" s="275">
        <v>0</v>
      </c>
      <c r="EH32" s="514">
        <v>0</v>
      </c>
      <c r="EI32" s="274">
        <v>0</v>
      </c>
      <c r="EJ32" s="274">
        <v>840</v>
      </c>
      <c r="EK32" s="274">
        <v>11760</v>
      </c>
      <c r="EL32" s="274">
        <v>12231</v>
      </c>
      <c r="EM32" s="274">
        <v>540</v>
      </c>
      <c r="EN32" s="277">
        <v>25371</v>
      </c>
      <c r="EO32" s="278">
        <v>25371</v>
      </c>
      <c r="EP32" s="273">
        <v>0</v>
      </c>
      <c r="EQ32" s="274">
        <v>0</v>
      </c>
      <c r="ER32" s="275">
        <v>0</v>
      </c>
      <c r="ES32" s="514">
        <v>0</v>
      </c>
      <c r="ET32" s="274">
        <v>0</v>
      </c>
      <c r="EU32" s="274">
        <v>0</v>
      </c>
      <c r="EV32" s="274">
        <v>0</v>
      </c>
      <c r="EW32" s="274">
        <v>0</v>
      </c>
      <c r="EX32" s="274">
        <v>0</v>
      </c>
      <c r="EY32" s="277">
        <v>0</v>
      </c>
      <c r="EZ32" s="278">
        <v>0</v>
      </c>
      <c r="FA32" s="273">
        <v>0</v>
      </c>
      <c r="FB32" s="274">
        <v>0</v>
      </c>
      <c r="FC32" s="275">
        <v>0</v>
      </c>
      <c r="FD32" s="514">
        <v>0</v>
      </c>
      <c r="FE32" s="274">
        <v>0</v>
      </c>
      <c r="FF32" s="274">
        <v>0</v>
      </c>
      <c r="FG32" s="274">
        <v>0</v>
      </c>
      <c r="FH32" s="274">
        <v>0</v>
      </c>
      <c r="FI32" s="274">
        <v>0</v>
      </c>
      <c r="FJ32" s="277">
        <v>0</v>
      </c>
      <c r="FK32" s="278">
        <v>0</v>
      </c>
      <c r="FL32" s="273">
        <v>0</v>
      </c>
      <c r="FM32" s="274">
        <v>0</v>
      </c>
      <c r="FN32" s="275">
        <v>0</v>
      </c>
      <c r="FO32" s="514">
        <v>0</v>
      </c>
      <c r="FP32" s="274">
        <v>0</v>
      </c>
      <c r="FQ32" s="274">
        <v>0</v>
      </c>
      <c r="FR32" s="274">
        <v>154680</v>
      </c>
      <c r="FS32" s="274">
        <v>56460</v>
      </c>
      <c r="FT32" s="274">
        <v>14706</v>
      </c>
      <c r="FU32" s="277">
        <v>225846</v>
      </c>
      <c r="FV32" s="278">
        <v>225846</v>
      </c>
      <c r="FW32" s="273">
        <v>0</v>
      </c>
      <c r="FX32" s="274">
        <v>0</v>
      </c>
      <c r="FY32" s="275">
        <v>0</v>
      </c>
      <c r="FZ32" s="276">
        <v>0</v>
      </c>
      <c r="GA32" s="274">
        <v>2253</v>
      </c>
      <c r="GB32" s="274">
        <v>3300</v>
      </c>
      <c r="GC32" s="274">
        <v>2993</v>
      </c>
      <c r="GD32" s="274">
        <v>0</v>
      </c>
      <c r="GE32" s="274">
        <v>5616</v>
      </c>
      <c r="GF32" s="277">
        <v>14162</v>
      </c>
      <c r="GG32" s="278">
        <v>14162</v>
      </c>
      <c r="GH32" s="273">
        <v>0</v>
      </c>
      <c r="GI32" s="274">
        <v>0</v>
      </c>
      <c r="GJ32" s="275">
        <v>0</v>
      </c>
      <c r="GK32" s="276">
        <v>0</v>
      </c>
      <c r="GL32" s="274">
        <v>0</v>
      </c>
      <c r="GM32" s="274">
        <v>0</v>
      </c>
      <c r="GN32" s="274">
        <v>990</v>
      </c>
      <c r="GO32" s="274">
        <v>133</v>
      </c>
      <c r="GP32" s="274">
        <v>0</v>
      </c>
      <c r="GQ32" s="277">
        <v>1123</v>
      </c>
      <c r="GR32" s="278">
        <v>1123</v>
      </c>
      <c r="GS32" s="273">
        <v>0</v>
      </c>
      <c r="GT32" s="274">
        <v>0</v>
      </c>
      <c r="GU32" s="275">
        <v>0</v>
      </c>
      <c r="GV32" s="276">
        <v>0</v>
      </c>
      <c r="GW32" s="274">
        <v>0</v>
      </c>
      <c r="GX32" s="274">
        <v>0</v>
      </c>
      <c r="GY32" s="274">
        <v>0</v>
      </c>
      <c r="GZ32" s="274">
        <v>0</v>
      </c>
      <c r="HA32" s="274">
        <v>0</v>
      </c>
      <c r="HB32" s="277">
        <v>0</v>
      </c>
      <c r="HC32" s="278">
        <v>0</v>
      </c>
      <c r="HD32" s="273">
        <v>0</v>
      </c>
      <c r="HE32" s="274">
        <v>0</v>
      </c>
      <c r="HF32" s="275">
        <v>0</v>
      </c>
      <c r="HG32" s="514">
        <v>0</v>
      </c>
      <c r="HH32" s="274">
        <v>0</v>
      </c>
      <c r="HI32" s="274">
        <v>0</v>
      </c>
      <c r="HJ32" s="274">
        <v>0</v>
      </c>
      <c r="HK32" s="274">
        <v>0</v>
      </c>
      <c r="HL32" s="274">
        <v>0</v>
      </c>
      <c r="HM32" s="277">
        <v>0</v>
      </c>
      <c r="HN32" s="278">
        <v>0</v>
      </c>
      <c r="HO32" s="273">
        <v>0</v>
      </c>
      <c r="HP32" s="274">
        <v>0</v>
      </c>
      <c r="HQ32" s="275">
        <v>0</v>
      </c>
      <c r="HR32" s="276">
        <v>0</v>
      </c>
      <c r="HS32" s="274">
        <v>4398</v>
      </c>
      <c r="HT32" s="274">
        <v>125750</v>
      </c>
      <c r="HU32" s="274">
        <v>478088</v>
      </c>
      <c r="HV32" s="274">
        <v>678779</v>
      </c>
      <c r="HW32" s="274">
        <v>372462</v>
      </c>
      <c r="HX32" s="277">
        <v>1659477</v>
      </c>
      <c r="HY32" s="278">
        <v>1659477</v>
      </c>
    </row>
    <row r="33" spans="2:233" ht="21" customHeight="1" x14ac:dyDescent="0.2">
      <c r="B33" s="468" t="s">
        <v>30</v>
      </c>
      <c r="C33" s="273">
        <v>0</v>
      </c>
      <c r="D33" s="274">
        <v>0</v>
      </c>
      <c r="E33" s="275">
        <v>0</v>
      </c>
      <c r="F33" s="276">
        <v>0</v>
      </c>
      <c r="G33" s="274">
        <v>109740</v>
      </c>
      <c r="H33" s="274">
        <v>30130</v>
      </c>
      <c r="I33" s="274">
        <v>138535</v>
      </c>
      <c r="J33" s="274">
        <v>392875</v>
      </c>
      <c r="K33" s="274">
        <v>255270</v>
      </c>
      <c r="L33" s="277">
        <v>926550</v>
      </c>
      <c r="M33" s="278">
        <v>926550</v>
      </c>
      <c r="N33" s="273">
        <v>0</v>
      </c>
      <c r="O33" s="274">
        <v>0</v>
      </c>
      <c r="P33" s="275">
        <v>0</v>
      </c>
      <c r="Q33" s="514">
        <v>0</v>
      </c>
      <c r="R33" s="274">
        <v>0</v>
      </c>
      <c r="S33" s="274">
        <v>23850</v>
      </c>
      <c r="T33" s="274">
        <v>102450</v>
      </c>
      <c r="U33" s="274">
        <v>342625</v>
      </c>
      <c r="V33" s="274">
        <v>184455</v>
      </c>
      <c r="W33" s="277">
        <v>653380</v>
      </c>
      <c r="X33" s="278">
        <v>653380</v>
      </c>
      <c r="Y33" s="273">
        <v>0</v>
      </c>
      <c r="Z33" s="274">
        <v>0</v>
      </c>
      <c r="AA33" s="275">
        <v>0</v>
      </c>
      <c r="AB33" s="514">
        <v>0</v>
      </c>
      <c r="AC33" s="274">
        <v>109740</v>
      </c>
      <c r="AD33" s="274">
        <v>2550</v>
      </c>
      <c r="AE33" s="274">
        <v>34200</v>
      </c>
      <c r="AF33" s="274">
        <v>50250</v>
      </c>
      <c r="AG33" s="274">
        <v>3230</v>
      </c>
      <c r="AH33" s="277">
        <v>199970</v>
      </c>
      <c r="AI33" s="278">
        <v>199970</v>
      </c>
      <c r="AJ33" s="273">
        <v>0</v>
      </c>
      <c r="AK33" s="274">
        <v>0</v>
      </c>
      <c r="AL33" s="275">
        <v>0</v>
      </c>
      <c r="AM33" s="514">
        <v>0</v>
      </c>
      <c r="AN33" s="274">
        <v>0</v>
      </c>
      <c r="AO33" s="274">
        <v>0</v>
      </c>
      <c r="AP33" s="274">
        <v>0</v>
      </c>
      <c r="AQ33" s="274">
        <v>0</v>
      </c>
      <c r="AR33" s="274">
        <v>0</v>
      </c>
      <c r="AS33" s="277">
        <v>0</v>
      </c>
      <c r="AT33" s="278">
        <v>0</v>
      </c>
      <c r="AU33" s="273">
        <v>0</v>
      </c>
      <c r="AV33" s="274">
        <v>0</v>
      </c>
      <c r="AW33" s="275">
        <v>0</v>
      </c>
      <c r="AX33" s="514">
        <v>0</v>
      </c>
      <c r="AY33" s="274">
        <v>0</v>
      </c>
      <c r="AZ33" s="274">
        <v>0</v>
      </c>
      <c r="BA33" s="274">
        <v>0</v>
      </c>
      <c r="BB33" s="274">
        <v>0</v>
      </c>
      <c r="BC33" s="274">
        <v>66000</v>
      </c>
      <c r="BD33" s="277">
        <v>66000</v>
      </c>
      <c r="BE33" s="278">
        <v>66000</v>
      </c>
      <c r="BF33" s="273">
        <v>0</v>
      </c>
      <c r="BG33" s="274">
        <v>0</v>
      </c>
      <c r="BH33" s="275">
        <v>0</v>
      </c>
      <c r="BI33" s="514">
        <v>0</v>
      </c>
      <c r="BJ33" s="274">
        <v>0</v>
      </c>
      <c r="BK33" s="274">
        <v>0</v>
      </c>
      <c r="BL33" s="274">
        <v>0</v>
      </c>
      <c r="BM33" s="274">
        <v>0</v>
      </c>
      <c r="BN33" s="274">
        <v>0</v>
      </c>
      <c r="BO33" s="277">
        <v>0</v>
      </c>
      <c r="BP33" s="278">
        <v>0</v>
      </c>
      <c r="BQ33" s="273">
        <v>0</v>
      </c>
      <c r="BR33" s="274">
        <v>0</v>
      </c>
      <c r="BS33" s="275">
        <v>0</v>
      </c>
      <c r="BT33" s="276">
        <v>0</v>
      </c>
      <c r="BU33" s="274">
        <v>0</v>
      </c>
      <c r="BV33" s="274">
        <v>3730</v>
      </c>
      <c r="BW33" s="274">
        <v>1885</v>
      </c>
      <c r="BX33" s="274">
        <v>0</v>
      </c>
      <c r="BY33" s="274">
        <v>1585</v>
      </c>
      <c r="BZ33" s="277">
        <v>7200</v>
      </c>
      <c r="CA33" s="278">
        <v>7200</v>
      </c>
      <c r="CB33" s="273">
        <v>0</v>
      </c>
      <c r="CC33" s="274">
        <v>0</v>
      </c>
      <c r="CD33" s="275">
        <v>0</v>
      </c>
      <c r="CE33" s="276">
        <v>0</v>
      </c>
      <c r="CF33" s="274">
        <v>0</v>
      </c>
      <c r="CG33" s="274">
        <v>0</v>
      </c>
      <c r="CH33" s="274">
        <v>0</v>
      </c>
      <c r="CI33" s="274">
        <v>0</v>
      </c>
      <c r="CJ33" s="274">
        <v>0</v>
      </c>
      <c r="CK33" s="277">
        <v>0</v>
      </c>
      <c r="CL33" s="278">
        <v>0</v>
      </c>
      <c r="CM33" s="273">
        <v>0</v>
      </c>
      <c r="CN33" s="274">
        <v>0</v>
      </c>
      <c r="CO33" s="275">
        <v>0</v>
      </c>
      <c r="CP33" s="276">
        <v>0</v>
      </c>
      <c r="CQ33" s="274">
        <v>0</v>
      </c>
      <c r="CR33" s="274">
        <v>0</v>
      </c>
      <c r="CS33" s="274">
        <v>0</v>
      </c>
      <c r="CT33" s="274">
        <v>0</v>
      </c>
      <c r="CU33" s="274">
        <v>0</v>
      </c>
      <c r="CV33" s="277">
        <v>0</v>
      </c>
      <c r="CW33" s="278">
        <v>0</v>
      </c>
      <c r="CX33" s="273">
        <v>0</v>
      </c>
      <c r="CY33" s="274">
        <v>0</v>
      </c>
      <c r="CZ33" s="275">
        <v>0</v>
      </c>
      <c r="DA33" s="514">
        <v>0</v>
      </c>
      <c r="DB33" s="274">
        <v>0</v>
      </c>
      <c r="DC33" s="274">
        <v>0</v>
      </c>
      <c r="DD33" s="274">
        <v>0</v>
      </c>
      <c r="DE33" s="274">
        <v>0</v>
      </c>
      <c r="DF33" s="274">
        <v>0</v>
      </c>
      <c r="DG33" s="277">
        <v>0</v>
      </c>
      <c r="DH33" s="278">
        <v>0</v>
      </c>
      <c r="DI33" s="273">
        <v>0</v>
      </c>
      <c r="DJ33" s="274">
        <v>0</v>
      </c>
      <c r="DK33" s="275">
        <v>0</v>
      </c>
      <c r="DL33" s="276">
        <v>0</v>
      </c>
      <c r="DM33" s="274">
        <v>35434</v>
      </c>
      <c r="DN33" s="274">
        <v>30874</v>
      </c>
      <c r="DO33" s="274">
        <v>238010</v>
      </c>
      <c r="DP33" s="274">
        <v>431025</v>
      </c>
      <c r="DQ33" s="274">
        <v>220459</v>
      </c>
      <c r="DR33" s="277">
        <v>955802</v>
      </c>
      <c r="DS33" s="279">
        <v>955802</v>
      </c>
      <c r="DT33" s="273">
        <v>0</v>
      </c>
      <c r="DU33" s="274">
        <v>0</v>
      </c>
      <c r="DV33" s="275">
        <v>0</v>
      </c>
      <c r="DW33" s="514">
        <v>0</v>
      </c>
      <c r="DX33" s="274">
        <v>0</v>
      </c>
      <c r="DY33" s="274">
        <v>14550</v>
      </c>
      <c r="DZ33" s="274">
        <v>226920</v>
      </c>
      <c r="EA33" s="274">
        <v>430395</v>
      </c>
      <c r="EB33" s="274">
        <v>212355</v>
      </c>
      <c r="EC33" s="277">
        <v>884220</v>
      </c>
      <c r="ED33" s="278">
        <v>884220</v>
      </c>
      <c r="EE33" s="273">
        <v>0</v>
      </c>
      <c r="EF33" s="274">
        <v>0</v>
      </c>
      <c r="EG33" s="275">
        <v>0</v>
      </c>
      <c r="EH33" s="514">
        <v>0</v>
      </c>
      <c r="EI33" s="274">
        <v>35434</v>
      </c>
      <c r="EJ33" s="274">
        <v>10740</v>
      </c>
      <c r="EK33" s="274">
        <v>420</v>
      </c>
      <c r="EL33" s="274">
        <v>630</v>
      </c>
      <c r="EM33" s="274">
        <v>-5841</v>
      </c>
      <c r="EN33" s="277">
        <v>41383</v>
      </c>
      <c r="EO33" s="278">
        <v>41383</v>
      </c>
      <c r="EP33" s="273">
        <v>0</v>
      </c>
      <c r="EQ33" s="274">
        <v>0</v>
      </c>
      <c r="ER33" s="275">
        <v>0</v>
      </c>
      <c r="ES33" s="514">
        <v>0</v>
      </c>
      <c r="ET33" s="274">
        <v>0</v>
      </c>
      <c r="EU33" s="274">
        <v>0</v>
      </c>
      <c r="EV33" s="274">
        <v>0</v>
      </c>
      <c r="EW33" s="274">
        <v>0</v>
      </c>
      <c r="EX33" s="274">
        <v>0</v>
      </c>
      <c r="EY33" s="277">
        <v>0</v>
      </c>
      <c r="EZ33" s="278">
        <v>0</v>
      </c>
      <c r="FA33" s="273">
        <v>0</v>
      </c>
      <c r="FB33" s="274">
        <v>0</v>
      </c>
      <c r="FC33" s="275">
        <v>0</v>
      </c>
      <c r="FD33" s="514">
        <v>0</v>
      </c>
      <c r="FE33" s="274">
        <v>0</v>
      </c>
      <c r="FF33" s="274">
        <v>0</v>
      </c>
      <c r="FG33" s="274">
        <v>0</v>
      </c>
      <c r="FH33" s="274">
        <v>0</v>
      </c>
      <c r="FI33" s="274">
        <v>11520</v>
      </c>
      <c r="FJ33" s="277">
        <v>11520</v>
      </c>
      <c r="FK33" s="278">
        <v>11520</v>
      </c>
      <c r="FL33" s="273">
        <v>0</v>
      </c>
      <c r="FM33" s="274">
        <v>0</v>
      </c>
      <c r="FN33" s="275">
        <v>0</v>
      </c>
      <c r="FO33" s="514">
        <v>0</v>
      </c>
      <c r="FP33" s="274">
        <v>0</v>
      </c>
      <c r="FQ33" s="274">
        <v>0</v>
      </c>
      <c r="FR33" s="274">
        <v>0</v>
      </c>
      <c r="FS33" s="274">
        <v>0</v>
      </c>
      <c r="FT33" s="274">
        <v>0</v>
      </c>
      <c r="FU33" s="277">
        <v>0</v>
      </c>
      <c r="FV33" s="278">
        <v>0</v>
      </c>
      <c r="FW33" s="273">
        <v>0</v>
      </c>
      <c r="FX33" s="274">
        <v>0</v>
      </c>
      <c r="FY33" s="275">
        <v>0</v>
      </c>
      <c r="FZ33" s="276">
        <v>0</v>
      </c>
      <c r="GA33" s="274">
        <v>0</v>
      </c>
      <c r="GB33" s="274">
        <v>5584</v>
      </c>
      <c r="GC33" s="274">
        <v>10670</v>
      </c>
      <c r="GD33" s="274">
        <v>0</v>
      </c>
      <c r="GE33" s="274">
        <v>2425</v>
      </c>
      <c r="GF33" s="277">
        <v>18679</v>
      </c>
      <c r="GG33" s="278">
        <v>18679</v>
      </c>
      <c r="GH33" s="273">
        <v>0</v>
      </c>
      <c r="GI33" s="274">
        <v>0</v>
      </c>
      <c r="GJ33" s="275">
        <v>0</v>
      </c>
      <c r="GK33" s="276">
        <v>0</v>
      </c>
      <c r="GL33" s="274">
        <v>0</v>
      </c>
      <c r="GM33" s="274">
        <v>0</v>
      </c>
      <c r="GN33" s="274">
        <v>0</v>
      </c>
      <c r="GO33" s="274">
        <v>0</v>
      </c>
      <c r="GP33" s="274">
        <v>0</v>
      </c>
      <c r="GQ33" s="277">
        <v>0</v>
      </c>
      <c r="GR33" s="278">
        <v>0</v>
      </c>
      <c r="GS33" s="273">
        <v>0</v>
      </c>
      <c r="GT33" s="274">
        <v>0</v>
      </c>
      <c r="GU33" s="275">
        <v>0</v>
      </c>
      <c r="GV33" s="276">
        <v>0</v>
      </c>
      <c r="GW33" s="274">
        <v>0</v>
      </c>
      <c r="GX33" s="274">
        <v>0</v>
      </c>
      <c r="GY33" s="274">
        <v>0</v>
      </c>
      <c r="GZ33" s="274">
        <v>0</v>
      </c>
      <c r="HA33" s="274">
        <v>0</v>
      </c>
      <c r="HB33" s="277">
        <v>0</v>
      </c>
      <c r="HC33" s="278">
        <v>0</v>
      </c>
      <c r="HD33" s="273">
        <v>0</v>
      </c>
      <c r="HE33" s="274">
        <v>0</v>
      </c>
      <c r="HF33" s="275">
        <v>0</v>
      </c>
      <c r="HG33" s="514">
        <v>0</v>
      </c>
      <c r="HH33" s="274">
        <v>0</v>
      </c>
      <c r="HI33" s="274">
        <v>0</v>
      </c>
      <c r="HJ33" s="274">
        <v>0</v>
      </c>
      <c r="HK33" s="274">
        <v>0</v>
      </c>
      <c r="HL33" s="274">
        <v>0</v>
      </c>
      <c r="HM33" s="277">
        <v>0</v>
      </c>
      <c r="HN33" s="278">
        <v>0</v>
      </c>
      <c r="HO33" s="273">
        <v>0</v>
      </c>
      <c r="HP33" s="274">
        <v>0</v>
      </c>
      <c r="HQ33" s="275">
        <v>0</v>
      </c>
      <c r="HR33" s="276">
        <v>0</v>
      </c>
      <c r="HS33" s="274">
        <v>145174</v>
      </c>
      <c r="HT33" s="274">
        <v>61004</v>
      </c>
      <c r="HU33" s="274">
        <v>376545</v>
      </c>
      <c r="HV33" s="274">
        <v>823900</v>
      </c>
      <c r="HW33" s="274">
        <v>475729</v>
      </c>
      <c r="HX33" s="277">
        <v>1882352</v>
      </c>
      <c r="HY33" s="278">
        <v>1882352</v>
      </c>
    </row>
    <row r="34" spans="2:233" ht="21" customHeight="1" x14ac:dyDescent="0.2">
      <c r="B34" s="468" t="s">
        <v>31</v>
      </c>
      <c r="C34" s="273">
        <v>0</v>
      </c>
      <c r="D34" s="274">
        <v>0</v>
      </c>
      <c r="E34" s="275">
        <v>0</v>
      </c>
      <c r="F34" s="276">
        <v>0</v>
      </c>
      <c r="G34" s="274">
        <v>58650</v>
      </c>
      <c r="H34" s="274">
        <v>147190</v>
      </c>
      <c r="I34" s="274">
        <v>239150</v>
      </c>
      <c r="J34" s="274">
        <v>207920</v>
      </c>
      <c r="K34" s="274">
        <v>164055</v>
      </c>
      <c r="L34" s="277">
        <v>816965</v>
      </c>
      <c r="M34" s="278">
        <v>816965</v>
      </c>
      <c r="N34" s="273">
        <v>0</v>
      </c>
      <c r="O34" s="274">
        <v>0</v>
      </c>
      <c r="P34" s="275">
        <v>0</v>
      </c>
      <c r="Q34" s="514">
        <v>0</v>
      </c>
      <c r="R34" s="274">
        <v>23850</v>
      </c>
      <c r="S34" s="274">
        <v>87150</v>
      </c>
      <c r="T34" s="274">
        <v>218595</v>
      </c>
      <c r="U34" s="274">
        <v>133905</v>
      </c>
      <c r="V34" s="274">
        <v>132405</v>
      </c>
      <c r="W34" s="277">
        <v>595905</v>
      </c>
      <c r="X34" s="278">
        <v>595905</v>
      </c>
      <c r="Y34" s="273">
        <v>0</v>
      </c>
      <c r="Z34" s="274">
        <v>0</v>
      </c>
      <c r="AA34" s="275">
        <v>0</v>
      </c>
      <c r="AB34" s="514">
        <v>0</v>
      </c>
      <c r="AC34" s="274">
        <v>2550</v>
      </c>
      <c r="AD34" s="274">
        <v>50250</v>
      </c>
      <c r="AE34" s="274">
        <v>7650</v>
      </c>
      <c r="AF34" s="274">
        <v>68400</v>
      </c>
      <c r="AG34" s="274">
        <v>0</v>
      </c>
      <c r="AH34" s="277">
        <v>128850</v>
      </c>
      <c r="AI34" s="278">
        <v>128850</v>
      </c>
      <c r="AJ34" s="273">
        <v>0</v>
      </c>
      <c r="AK34" s="274">
        <v>0</v>
      </c>
      <c r="AL34" s="275">
        <v>0</v>
      </c>
      <c r="AM34" s="514">
        <v>0</v>
      </c>
      <c r="AN34" s="274">
        <v>0</v>
      </c>
      <c r="AO34" s="274">
        <v>0</v>
      </c>
      <c r="AP34" s="274">
        <v>0</v>
      </c>
      <c r="AQ34" s="274">
        <v>0</v>
      </c>
      <c r="AR34" s="274">
        <v>0</v>
      </c>
      <c r="AS34" s="277">
        <v>0</v>
      </c>
      <c r="AT34" s="278">
        <v>0</v>
      </c>
      <c r="AU34" s="273">
        <v>0</v>
      </c>
      <c r="AV34" s="274">
        <v>0</v>
      </c>
      <c r="AW34" s="275">
        <v>0</v>
      </c>
      <c r="AX34" s="514">
        <v>0</v>
      </c>
      <c r="AY34" s="274">
        <v>31650</v>
      </c>
      <c r="AZ34" s="274">
        <v>0</v>
      </c>
      <c r="BA34" s="274">
        <v>0</v>
      </c>
      <c r="BB34" s="274">
        <v>0</v>
      </c>
      <c r="BC34" s="274">
        <v>31650</v>
      </c>
      <c r="BD34" s="277">
        <v>63300</v>
      </c>
      <c r="BE34" s="278">
        <v>63300</v>
      </c>
      <c r="BF34" s="273">
        <v>0</v>
      </c>
      <c r="BG34" s="274">
        <v>0</v>
      </c>
      <c r="BH34" s="275">
        <v>0</v>
      </c>
      <c r="BI34" s="514">
        <v>0</v>
      </c>
      <c r="BJ34" s="274">
        <v>0</v>
      </c>
      <c r="BK34" s="274">
        <v>0</v>
      </c>
      <c r="BL34" s="274">
        <v>0</v>
      </c>
      <c r="BM34" s="274">
        <v>0</v>
      </c>
      <c r="BN34" s="274">
        <v>0</v>
      </c>
      <c r="BO34" s="277">
        <v>0</v>
      </c>
      <c r="BP34" s="278">
        <v>0</v>
      </c>
      <c r="BQ34" s="273">
        <v>0</v>
      </c>
      <c r="BR34" s="274">
        <v>0</v>
      </c>
      <c r="BS34" s="275">
        <v>0</v>
      </c>
      <c r="BT34" s="276">
        <v>0</v>
      </c>
      <c r="BU34" s="274">
        <v>600</v>
      </c>
      <c r="BV34" s="274">
        <v>9790</v>
      </c>
      <c r="BW34" s="274">
        <v>12905</v>
      </c>
      <c r="BX34" s="274">
        <v>5615</v>
      </c>
      <c r="BY34" s="274">
        <v>0</v>
      </c>
      <c r="BZ34" s="277">
        <v>28910</v>
      </c>
      <c r="CA34" s="278">
        <v>28910</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514">
        <v>0</v>
      </c>
      <c r="DB34" s="274">
        <v>0</v>
      </c>
      <c r="DC34" s="274">
        <v>0</v>
      </c>
      <c r="DD34" s="274">
        <v>0</v>
      </c>
      <c r="DE34" s="274">
        <v>0</v>
      </c>
      <c r="DF34" s="274">
        <v>0</v>
      </c>
      <c r="DG34" s="277">
        <v>0</v>
      </c>
      <c r="DH34" s="278">
        <v>0</v>
      </c>
      <c r="DI34" s="273">
        <v>0</v>
      </c>
      <c r="DJ34" s="274">
        <v>0</v>
      </c>
      <c r="DK34" s="275">
        <v>0</v>
      </c>
      <c r="DL34" s="276">
        <v>0</v>
      </c>
      <c r="DM34" s="274">
        <v>22755</v>
      </c>
      <c r="DN34" s="274">
        <v>75920</v>
      </c>
      <c r="DO34" s="274">
        <v>254439</v>
      </c>
      <c r="DP34" s="274">
        <v>265229</v>
      </c>
      <c r="DQ34" s="274">
        <v>199425</v>
      </c>
      <c r="DR34" s="277">
        <v>817768</v>
      </c>
      <c r="DS34" s="279">
        <v>817768</v>
      </c>
      <c r="DT34" s="273">
        <v>0</v>
      </c>
      <c r="DU34" s="274">
        <v>0</v>
      </c>
      <c r="DV34" s="275">
        <v>0</v>
      </c>
      <c r="DW34" s="514">
        <v>0</v>
      </c>
      <c r="DX34" s="274">
        <v>20880</v>
      </c>
      <c r="DY34" s="274">
        <v>64680</v>
      </c>
      <c r="DZ34" s="274">
        <v>243630</v>
      </c>
      <c r="EA34" s="274">
        <v>254795</v>
      </c>
      <c r="EB34" s="274">
        <v>199215</v>
      </c>
      <c r="EC34" s="277">
        <v>783200</v>
      </c>
      <c r="ED34" s="278">
        <v>783200</v>
      </c>
      <c r="EE34" s="273">
        <v>0</v>
      </c>
      <c r="EF34" s="274">
        <v>0</v>
      </c>
      <c r="EG34" s="275">
        <v>0</v>
      </c>
      <c r="EH34" s="514">
        <v>0</v>
      </c>
      <c r="EI34" s="274">
        <v>210</v>
      </c>
      <c r="EJ34" s="274">
        <v>570</v>
      </c>
      <c r="EK34" s="274">
        <v>630</v>
      </c>
      <c r="EL34" s="274">
        <v>840</v>
      </c>
      <c r="EM34" s="274">
        <v>0</v>
      </c>
      <c r="EN34" s="277">
        <v>2250</v>
      </c>
      <c r="EO34" s="278">
        <v>2250</v>
      </c>
      <c r="EP34" s="273">
        <v>0</v>
      </c>
      <c r="EQ34" s="274">
        <v>0</v>
      </c>
      <c r="ER34" s="275">
        <v>0</v>
      </c>
      <c r="ES34" s="514">
        <v>0</v>
      </c>
      <c r="ET34" s="274">
        <v>0</v>
      </c>
      <c r="EU34" s="274">
        <v>0</v>
      </c>
      <c r="EV34" s="274">
        <v>0</v>
      </c>
      <c r="EW34" s="274">
        <v>0</v>
      </c>
      <c r="EX34" s="274">
        <v>0</v>
      </c>
      <c r="EY34" s="277">
        <v>0</v>
      </c>
      <c r="EZ34" s="278">
        <v>0</v>
      </c>
      <c r="FA34" s="273">
        <v>0</v>
      </c>
      <c r="FB34" s="274">
        <v>0</v>
      </c>
      <c r="FC34" s="275">
        <v>0</v>
      </c>
      <c r="FD34" s="514">
        <v>0</v>
      </c>
      <c r="FE34" s="274">
        <v>210</v>
      </c>
      <c r="FF34" s="274">
        <v>0</v>
      </c>
      <c r="FG34" s="274">
        <v>0</v>
      </c>
      <c r="FH34" s="274">
        <v>0</v>
      </c>
      <c r="FI34" s="274">
        <v>210</v>
      </c>
      <c r="FJ34" s="277">
        <v>420</v>
      </c>
      <c r="FK34" s="278">
        <v>420</v>
      </c>
      <c r="FL34" s="273">
        <v>0</v>
      </c>
      <c r="FM34" s="274">
        <v>0</v>
      </c>
      <c r="FN34" s="275">
        <v>0</v>
      </c>
      <c r="FO34" s="514">
        <v>0</v>
      </c>
      <c r="FP34" s="274">
        <v>0</v>
      </c>
      <c r="FQ34" s="274">
        <v>0</v>
      </c>
      <c r="FR34" s="274">
        <v>0</v>
      </c>
      <c r="FS34" s="274">
        <v>0</v>
      </c>
      <c r="FT34" s="274">
        <v>0</v>
      </c>
      <c r="FU34" s="277">
        <v>0</v>
      </c>
      <c r="FV34" s="278">
        <v>0</v>
      </c>
      <c r="FW34" s="273">
        <v>0</v>
      </c>
      <c r="FX34" s="274">
        <v>0</v>
      </c>
      <c r="FY34" s="275">
        <v>0</v>
      </c>
      <c r="FZ34" s="276">
        <v>0</v>
      </c>
      <c r="GA34" s="274">
        <v>1455</v>
      </c>
      <c r="GB34" s="274">
        <v>10670</v>
      </c>
      <c r="GC34" s="274">
        <v>10179</v>
      </c>
      <c r="GD34" s="274">
        <v>9594</v>
      </c>
      <c r="GE34" s="274">
        <v>0</v>
      </c>
      <c r="GF34" s="277">
        <v>31898</v>
      </c>
      <c r="GG34" s="278">
        <v>31898</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514">
        <v>0</v>
      </c>
      <c r="HH34" s="274">
        <v>0</v>
      </c>
      <c r="HI34" s="274">
        <v>0</v>
      </c>
      <c r="HJ34" s="274">
        <v>0</v>
      </c>
      <c r="HK34" s="274">
        <v>0</v>
      </c>
      <c r="HL34" s="274">
        <v>0</v>
      </c>
      <c r="HM34" s="277">
        <v>0</v>
      </c>
      <c r="HN34" s="278">
        <v>0</v>
      </c>
      <c r="HO34" s="273">
        <v>0</v>
      </c>
      <c r="HP34" s="274">
        <v>0</v>
      </c>
      <c r="HQ34" s="275">
        <v>0</v>
      </c>
      <c r="HR34" s="276">
        <v>0</v>
      </c>
      <c r="HS34" s="274">
        <v>81405</v>
      </c>
      <c r="HT34" s="274">
        <v>223110</v>
      </c>
      <c r="HU34" s="274">
        <v>493589</v>
      </c>
      <c r="HV34" s="274">
        <v>473149</v>
      </c>
      <c r="HW34" s="274">
        <v>363480</v>
      </c>
      <c r="HX34" s="277">
        <v>1634733</v>
      </c>
      <c r="HY34" s="278">
        <v>1634733</v>
      </c>
    </row>
    <row r="35" spans="2:233" ht="21" customHeight="1" x14ac:dyDescent="0.2">
      <c r="B35" s="468" t="s">
        <v>32</v>
      </c>
      <c r="C35" s="273">
        <v>0</v>
      </c>
      <c r="D35" s="274">
        <v>0</v>
      </c>
      <c r="E35" s="275">
        <v>0</v>
      </c>
      <c r="F35" s="276">
        <v>0</v>
      </c>
      <c r="G35" s="274">
        <v>46415</v>
      </c>
      <c r="H35" s="274">
        <v>32085</v>
      </c>
      <c r="I35" s="274">
        <v>258981</v>
      </c>
      <c r="J35" s="274">
        <v>515890</v>
      </c>
      <c r="K35" s="274">
        <v>157307</v>
      </c>
      <c r="L35" s="277">
        <v>1010678</v>
      </c>
      <c r="M35" s="278">
        <v>1010678</v>
      </c>
      <c r="N35" s="273">
        <v>0</v>
      </c>
      <c r="O35" s="274">
        <v>0</v>
      </c>
      <c r="P35" s="275">
        <v>0</v>
      </c>
      <c r="Q35" s="514">
        <v>0</v>
      </c>
      <c r="R35" s="274">
        <v>34350</v>
      </c>
      <c r="S35" s="274">
        <v>0</v>
      </c>
      <c r="T35" s="274">
        <v>56815</v>
      </c>
      <c r="U35" s="274">
        <v>296935</v>
      </c>
      <c r="V35" s="274">
        <v>92502</v>
      </c>
      <c r="W35" s="277">
        <v>480602</v>
      </c>
      <c r="X35" s="278">
        <v>480602</v>
      </c>
      <c r="Y35" s="273">
        <v>0</v>
      </c>
      <c r="Z35" s="274">
        <v>0</v>
      </c>
      <c r="AA35" s="275">
        <v>0</v>
      </c>
      <c r="AB35" s="514">
        <v>0</v>
      </c>
      <c r="AC35" s="274">
        <v>12065</v>
      </c>
      <c r="AD35" s="274">
        <v>31650</v>
      </c>
      <c r="AE35" s="274">
        <v>50531</v>
      </c>
      <c r="AF35" s="274">
        <v>164710</v>
      </c>
      <c r="AG35" s="274">
        <v>2550</v>
      </c>
      <c r="AH35" s="277">
        <v>261506</v>
      </c>
      <c r="AI35" s="278">
        <v>261506</v>
      </c>
      <c r="AJ35" s="273">
        <v>0</v>
      </c>
      <c r="AK35" s="274">
        <v>0</v>
      </c>
      <c r="AL35" s="275">
        <v>0</v>
      </c>
      <c r="AM35" s="514">
        <v>0</v>
      </c>
      <c r="AN35" s="274">
        <v>0</v>
      </c>
      <c r="AO35" s="274">
        <v>0</v>
      </c>
      <c r="AP35" s="274">
        <v>0</v>
      </c>
      <c r="AQ35" s="274">
        <v>0</v>
      </c>
      <c r="AR35" s="274">
        <v>0</v>
      </c>
      <c r="AS35" s="277">
        <v>0</v>
      </c>
      <c r="AT35" s="278">
        <v>0</v>
      </c>
      <c r="AU35" s="273">
        <v>0</v>
      </c>
      <c r="AV35" s="274">
        <v>0</v>
      </c>
      <c r="AW35" s="275">
        <v>0</v>
      </c>
      <c r="AX35" s="514">
        <v>0</v>
      </c>
      <c r="AY35" s="274">
        <v>0</v>
      </c>
      <c r="AZ35" s="274">
        <v>0</v>
      </c>
      <c r="BA35" s="274">
        <v>0</v>
      </c>
      <c r="BB35" s="274">
        <v>0</v>
      </c>
      <c r="BC35" s="274">
        <v>31650</v>
      </c>
      <c r="BD35" s="277">
        <v>31650</v>
      </c>
      <c r="BE35" s="278">
        <v>31650</v>
      </c>
      <c r="BF35" s="273">
        <v>0</v>
      </c>
      <c r="BG35" s="274">
        <v>0</v>
      </c>
      <c r="BH35" s="275">
        <v>0</v>
      </c>
      <c r="BI35" s="514">
        <v>0</v>
      </c>
      <c r="BJ35" s="274">
        <v>0</v>
      </c>
      <c r="BK35" s="274">
        <v>0</v>
      </c>
      <c r="BL35" s="274">
        <v>147275</v>
      </c>
      <c r="BM35" s="274">
        <v>54245</v>
      </c>
      <c r="BN35" s="274">
        <v>26400</v>
      </c>
      <c r="BO35" s="277">
        <v>227920</v>
      </c>
      <c r="BP35" s="278">
        <v>227920</v>
      </c>
      <c r="BQ35" s="273">
        <v>0</v>
      </c>
      <c r="BR35" s="274">
        <v>0</v>
      </c>
      <c r="BS35" s="275">
        <v>0</v>
      </c>
      <c r="BT35" s="276">
        <v>0</v>
      </c>
      <c r="BU35" s="274">
        <v>0</v>
      </c>
      <c r="BV35" s="274">
        <v>0</v>
      </c>
      <c r="BW35" s="274">
        <v>4360</v>
      </c>
      <c r="BX35" s="274">
        <v>0</v>
      </c>
      <c r="BY35" s="274">
        <v>4205</v>
      </c>
      <c r="BZ35" s="277">
        <v>8565</v>
      </c>
      <c r="CA35" s="278">
        <v>8565</v>
      </c>
      <c r="CB35" s="273">
        <v>0</v>
      </c>
      <c r="CC35" s="274">
        <v>0</v>
      </c>
      <c r="CD35" s="275">
        <v>0</v>
      </c>
      <c r="CE35" s="276">
        <v>0</v>
      </c>
      <c r="CF35" s="274">
        <v>0</v>
      </c>
      <c r="CG35" s="274">
        <v>435</v>
      </c>
      <c r="CH35" s="274">
        <v>0</v>
      </c>
      <c r="CI35" s="274">
        <v>0</v>
      </c>
      <c r="CJ35" s="274">
        <v>0</v>
      </c>
      <c r="CK35" s="277">
        <v>435</v>
      </c>
      <c r="CL35" s="278">
        <v>435</v>
      </c>
      <c r="CM35" s="273">
        <v>0</v>
      </c>
      <c r="CN35" s="274">
        <v>0</v>
      </c>
      <c r="CO35" s="275">
        <v>0</v>
      </c>
      <c r="CP35" s="276">
        <v>0</v>
      </c>
      <c r="CQ35" s="274">
        <v>0</v>
      </c>
      <c r="CR35" s="274">
        <v>0</v>
      </c>
      <c r="CS35" s="274">
        <v>0</v>
      </c>
      <c r="CT35" s="274">
        <v>0</v>
      </c>
      <c r="CU35" s="274">
        <v>0</v>
      </c>
      <c r="CV35" s="277">
        <v>0</v>
      </c>
      <c r="CW35" s="278">
        <v>0</v>
      </c>
      <c r="CX35" s="273">
        <v>0</v>
      </c>
      <c r="CY35" s="274">
        <v>0</v>
      </c>
      <c r="CZ35" s="275">
        <v>0</v>
      </c>
      <c r="DA35" s="514">
        <v>0</v>
      </c>
      <c r="DB35" s="274">
        <v>0</v>
      </c>
      <c r="DC35" s="274">
        <v>0</v>
      </c>
      <c r="DD35" s="274">
        <v>0</v>
      </c>
      <c r="DE35" s="274">
        <v>0</v>
      </c>
      <c r="DF35" s="274">
        <v>0</v>
      </c>
      <c r="DG35" s="277">
        <v>0</v>
      </c>
      <c r="DH35" s="278">
        <v>0</v>
      </c>
      <c r="DI35" s="273">
        <v>0</v>
      </c>
      <c r="DJ35" s="274">
        <v>0</v>
      </c>
      <c r="DK35" s="275">
        <v>0</v>
      </c>
      <c r="DL35" s="276">
        <v>0</v>
      </c>
      <c r="DM35" s="274">
        <v>25930</v>
      </c>
      <c r="DN35" s="274">
        <v>1296</v>
      </c>
      <c r="DO35" s="274">
        <v>241618</v>
      </c>
      <c r="DP35" s="274">
        <v>509262</v>
      </c>
      <c r="DQ35" s="274">
        <v>163560</v>
      </c>
      <c r="DR35" s="277">
        <v>941666</v>
      </c>
      <c r="DS35" s="279">
        <v>941666</v>
      </c>
      <c r="DT35" s="273">
        <v>0</v>
      </c>
      <c r="DU35" s="274">
        <v>0</v>
      </c>
      <c r="DV35" s="275">
        <v>0</v>
      </c>
      <c r="DW35" s="514">
        <v>0</v>
      </c>
      <c r="DX35" s="274">
        <v>25650</v>
      </c>
      <c r="DY35" s="274">
        <v>0</v>
      </c>
      <c r="DZ35" s="274">
        <v>81680</v>
      </c>
      <c r="EA35" s="274">
        <v>414541</v>
      </c>
      <c r="EB35" s="274">
        <v>128015</v>
      </c>
      <c r="EC35" s="277">
        <v>649886</v>
      </c>
      <c r="ED35" s="278">
        <v>649886</v>
      </c>
      <c r="EE35" s="273">
        <v>0</v>
      </c>
      <c r="EF35" s="274">
        <v>0</v>
      </c>
      <c r="EG35" s="275">
        <v>0</v>
      </c>
      <c r="EH35" s="514">
        <v>0</v>
      </c>
      <c r="EI35" s="274">
        <v>280</v>
      </c>
      <c r="EJ35" s="274">
        <v>180</v>
      </c>
      <c r="EK35" s="274">
        <v>11268</v>
      </c>
      <c r="EL35" s="274">
        <v>47392</v>
      </c>
      <c r="EM35" s="274">
        <v>210</v>
      </c>
      <c r="EN35" s="277">
        <v>59330</v>
      </c>
      <c r="EO35" s="278">
        <v>59330</v>
      </c>
      <c r="EP35" s="273">
        <v>0</v>
      </c>
      <c r="EQ35" s="274">
        <v>0</v>
      </c>
      <c r="ER35" s="275">
        <v>0</v>
      </c>
      <c r="ES35" s="514">
        <v>0</v>
      </c>
      <c r="ET35" s="274">
        <v>0</v>
      </c>
      <c r="EU35" s="274">
        <v>0</v>
      </c>
      <c r="EV35" s="274">
        <v>0</v>
      </c>
      <c r="EW35" s="274">
        <v>0</v>
      </c>
      <c r="EX35" s="274">
        <v>0</v>
      </c>
      <c r="EY35" s="277">
        <v>0</v>
      </c>
      <c r="EZ35" s="278">
        <v>0</v>
      </c>
      <c r="FA35" s="273">
        <v>0</v>
      </c>
      <c r="FB35" s="274">
        <v>0</v>
      </c>
      <c r="FC35" s="275">
        <v>0</v>
      </c>
      <c r="FD35" s="514">
        <v>0</v>
      </c>
      <c r="FE35" s="274">
        <v>0</v>
      </c>
      <c r="FF35" s="274">
        <v>0</v>
      </c>
      <c r="FG35" s="274">
        <v>0</v>
      </c>
      <c r="FH35" s="274">
        <v>0</v>
      </c>
      <c r="FI35" s="274">
        <v>210</v>
      </c>
      <c r="FJ35" s="277">
        <v>210</v>
      </c>
      <c r="FK35" s="278">
        <v>210</v>
      </c>
      <c r="FL35" s="273">
        <v>0</v>
      </c>
      <c r="FM35" s="274">
        <v>0</v>
      </c>
      <c r="FN35" s="275">
        <v>0</v>
      </c>
      <c r="FO35" s="514">
        <v>0</v>
      </c>
      <c r="FP35" s="274">
        <v>0</v>
      </c>
      <c r="FQ35" s="274">
        <v>0</v>
      </c>
      <c r="FR35" s="274">
        <v>141395</v>
      </c>
      <c r="FS35" s="274">
        <v>47329</v>
      </c>
      <c r="FT35" s="274">
        <v>21060</v>
      </c>
      <c r="FU35" s="277">
        <v>209784</v>
      </c>
      <c r="FV35" s="278">
        <v>209784</v>
      </c>
      <c r="FW35" s="273">
        <v>0</v>
      </c>
      <c r="FX35" s="274">
        <v>0</v>
      </c>
      <c r="FY35" s="275">
        <v>0</v>
      </c>
      <c r="FZ35" s="276">
        <v>0</v>
      </c>
      <c r="GA35" s="274">
        <v>0</v>
      </c>
      <c r="GB35" s="274">
        <v>0</v>
      </c>
      <c r="GC35" s="274">
        <v>7275</v>
      </c>
      <c r="GD35" s="274">
        <v>0</v>
      </c>
      <c r="GE35" s="274">
        <v>14065</v>
      </c>
      <c r="GF35" s="277">
        <v>21340</v>
      </c>
      <c r="GG35" s="278">
        <v>21340</v>
      </c>
      <c r="GH35" s="273">
        <v>0</v>
      </c>
      <c r="GI35" s="274">
        <v>0</v>
      </c>
      <c r="GJ35" s="275">
        <v>0</v>
      </c>
      <c r="GK35" s="276">
        <v>0</v>
      </c>
      <c r="GL35" s="274">
        <v>0</v>
      </c>
      <c r="GM35" s="274">
        <v>1116</v>
      </c>
      <c r="GN35" s="274">
        <v>0</v>
      </c>
      <c r="GO35" s="274">
        <v>0</v>
      </c>
      <c r="GP35" s="274">
        <v>0</v>
      </c>
      <c r="GQ35" s="277">
        <v>1116</v>
      </c>
      <c r="GR35" s="278">
        <v>1116</v>
      </c>
      <c r="GS35" s="273">
        <v>0</v>
      </c>
      <c r="GT35" s="274">
        <v>0</v>
      </c>
      <c r="GU35" s="275">
        <v>0</v>
      </c>
      <c r="GV35" s="276">
        <v>0</v>
      </c>
      <c r="GW35" s="274">
        <v>0</v>
      </c>
      <c r="GX35" s="274">
        <v>0</v>
      </c>
      <c r="GY35" s="274">
        <v>0</v>
      </c>
      <c r="GZ35" s="274">
        <v>0</v>
      </c>
      <c r="HA35" s="274">
        <v>0</v>
      </c>
      <c r="HB35" s="277">
        <v>0</v>
      </c>
      <c r="HC35" s="278">
        <v>0</v>
      </c>
      <c r="HD35" s="273">
        <v>0</v>
      </c>
      <c r="HE35" s="274">
        <v>0</v>
      </c>
      <c r="HF35" s="275">
        <v>0</v>
      </c>
      <c r="HG35" s="514">
        <v>0</v>
      </c>
      <c r="HH35" s="274">
        <v>0</v>
      </c>
      <c r="HI35" s="274">
        <v>0</v>
      </c>
      <c r="HJ35" s="274">
        <v>0</v>
      </c>
      <c r="HK35" s="274">
        <v>0</v>
      </c>
      <c r="HL35" s="274">
        <v>0</v>
      </c>
      <c r="HM35" s="277">
        <v>0</v>
      </c>
      <c r="HN35" s="278">
        <v>0</v>
      </c>
      <c r="HO35" s="273">
        <v>0</v>
      </c>
      <c r="HP35" s="274">
        <v>0</v>
      </c>
      <c r="HQ35" s="275">
        <v>0</v>
      </c>
      <c r="HR35" s="276">
        <v>0</v>
      </c>
      <c r="HS35" s="274">
        <v>72345</v>
      </c>
      <c r="HT35" s="274">
        <v>33381</v>
      </c>
      <c r="HU35" s="274">
        <v>500599</v>
      </c>
      <c r="HV35" s="274">
        <v>1025152</v>
      </c>
      <c r="HW35" s="274">
        <v>320867</v>
      </c>
      <c r="HX35" s="277">
        <v>1952344</v>
      </c>
      <c r="HY35" s="278">
        <v>1952344</v>
      </c>
    </row>
    <row r="36" spans="2:233" ht="21" customHeight="1" x14ac:dyDescent="0.2">
      <c r="B36" s="468" t="s">
        <v>33</v>
      </c>
      <c r="C36" s="273">
        <v>0</v>
      </c>
      <c r="D36" s="274">
        <v>0</v>
      </c>
      <c r="E36" s="275">
        <v>0</v>
      </c>
      <c r="F36" s="276">
        <v>0</v>
      </c>
      <c r="G36" s="274">
        <v>44550</v>
      </c>
      <c r="H36" s="274">
        <v>154875</v>
      </c>
      <c r="I36" s="274">
        <v>281410</v>
      </c>
      <c r="J36" s="274">
        <v>701935</v>
      </c>
      <c r="K36" s="274">
        <v>253890</v>
      </c>
      <c r="L36" s="277">
        <v>1436660</v>
      </c>
      <c r="M36" s="278">
        <v>1436660</v>
      </c>
      <c r="N36" s="273">
        <v>0</v>
      </c>
      <c r="O36" s="274">
        <v>0</v>
      </c>
      <c r="P36" s="275">
        <v>0</v>
      </c>
      <c r="Q36" s="514">
        <v>0</v>
      </c>
      <c r="R36" s="274">
        <v>0</v>
      </c>
      <c r="S36" s="274">
        <v>26400</v>
      </c>
      <c r="T36" s="274">
        <v>172230</v>
      </c>
      <c r="U36" s="274">
        <v>411685</v>
      </c>
      <c r="V36" s="274">
        <v>242785</v>
      </c>
      <c r="W36" s="277">
        <v>853100</v>
      </c>
      <c r="X36" s="278">
        <v>853100</v>
      </c>
      <c r="Y36" s="273">
        <v>0</v>
      </c>
      <c r="Z36" s="274">
        <v>0</v>
      </c>
      <c r="AA36" s="275">
        <v>0</v>
      </c>
      <c r="AB36" s="514">
        <v>0</v>
      </c>
      <c r="AC36" s="274">
        <v>43170</v>
      </c>
      <c r="AD36" s="274">
        <v>60750</v>
      </c>
      <c r="AE36" s="274">
        <v>7650</v>
      </c>
      <c r="AF36" s="274">
        <v>255900</v>
      </c>
      <c r="AG36" s="274">
        <v>5015</v>
      </c>
      <c r="AH36" s="277">
        <v>372485</v>
      </c>
      <c r="AI36" s="278">
        <v>372485</v>
      </c>
      <c r="AJ36" s="273">
        <v>0</v>
      </c>
      <c r="AK36" s="274">
        <v>0</v>
      </c>
      <c r="AL36" s="275">
        <v>0</v>
      </c>
      <c r="AM36" s="514">
        <v>0</v>
      </c>
      <c r="AN36" s="274">
        <v>0</v>
      </c>
      <c r="AO36" s="274">
        <v>0</v>
      </c>
      <c r="AP36" s="274">
        <v>0</v>
      </c>
      <c r="AQ36" s="274">
        <v>0</v>
      </c>
      <c r="AR36" s="274">
        <v>0</v>
      </c>
      <c r="AS36" s="277">
        <v>0</v>
      </c>
      <c r="AT36" s="278">
        <v>0</v>
      </c>
      <c r="AU36" s="273">
        <v>0</v>
      </c>
      <c r="AV36" s="274">
        <v>0</v>
      </c>
      <c r="AW36" s="275">
        <v>0</v>
      </c>
      <c r="AX36" s="514">
        <v>0</v>
      </c>
      <c r="AY36" s="274">
        <v>1380</v>
      </c>
      <c r="AZ36" s="274">
        <v>62340</v>
      </c>
      <c r="BA36" s="274">
        <v>70715</v>
      </c>
      <c r="BB36" s="274">
        <v>34350</v>
      </c>
      <c r="BC36" s="274">
        <v>2550</v>
      </c>
      <c r="BD36" s="277">
        <v>171335</v>
      </c>
      <c r="BE36" s="278">
        <v>171335</v>
      </c>
      <c r="BF36" s="273">
        <v>0</v>
      </c>
      <c r="BG36" s="274">
        <v>0</v>
      </c>
      <c r="BH36" s="275">
        <v>0</v>
      </c>
      <c r="BI36" s="514">
        <v>0</v>
      </c>
      <c r="BJ36" s="274">
        <v>0</v>
      </c>
      <c r="BK36" s="274">
        <v>0</v>
      </c>
      <c r="BL36" s="274">
        <v>0</v>
      </c>
      <c r="BM36" s="274">
        <v>0</v>
      </c>
      <c r="BN36" s="274">
        <v>0</v>
      </c>
      <c r="BO36" s="277">
        <v>0</v>
      </c>
      <c r="BP36" s="278">
        <v>0</v>
      </c>
      <c r="BQ36" s="273">
        <v>0</v>
      </c>
      <c r="BR36" s="274">
        <v>0</v>
      </c>
      <c r="BS36" s="275">
        <v>0</v>
      </c>
      <c r="BT36" s="276">
        <v>0</v>
      </c>
      <c r="BU36" s="274">
        <v>0</v>
      </c>
      <c r="BV36" s="274">
        <v>5385</v>
      </c>
      <c r="BW36" s="274">
        <v>30815</v>
      </c>
      <c r="BX36" s="274">
        <v>0</v>
      </c>
      <c r="BY36" s="274">
        <v>0</v>
      </c>
      <c r="BZ36" s="277">
        <v>36200</v>
      </c>
      <c r="CA36" s="278">
        <v>36200</v>
      </c>
      <c r="CB36" s="273">
        <v>0</v>
      </c>
      <c r="CC36" s="274">
        <v>0</v>
      </c>
      <c r="CD36" s="275">
        <v>0</v>
      </c>
      <c r="CE36" s="276">
        <v>0</v>
      </c>
      <c r="CF36" s="274">
        <v>0</v>
      </c>
      <c r="CG36" s="274">
        <v>0</v>
      </c>
      <c r="CH36" s="274">
        <v>0</v>
      </c>
      <c r="CI36" s="274">
        <v>0</v>
      </c>
      <c r="CJ36" s="274">
        <v>3540</v>
      </c>
      <c r="CK36" s="277">
        <v>3540</v>
      </c>
      <c r="CL36" s="278">
        <v>3540</v>
      </c>
      <c r="CM36" s="273">
        <v>0</v>
      </c>
      <c r="CN36" s="274">
        <v>0</v>
      </c>
      <c r="CO36" s="275">
        <v>0</v>
      </c>
      <c r="CP36" s="276">
        <v>0</v>
      </c>
      <c r="CQ36" s="274">
        <v>0</v>
      </c>
      <c r="CR36" s="274">
        <v>0</v>
      </c>
      <c r="CS36" s="274">
        <v>0</v>
      </c>
      <c r="CT36" s="274">
        <v>0</v>
      </c>
      <c r="CU36" s="274">
        <v>0</v>
      </c>
      <c r="CV36" s="277">
        <v>0</v>
      </c>
      <c r="CW36" s="278">
        <v>0</v>
      </c>
      <c r="CX36" s="273">
        <v>0</v>
      </c>
      <c r="CY36" s="274">
        <v>0</v>
      </c>
      <c r="CZ36" s="275">
        <v>0</v>
      </c>
      <c r="DA36" s="514">
        <v>0</v>
      </c>
      <c r="DB36" s="274">
        <v>0</v>
      </c>
      <c r="DC36" s="274">
        <v>0</v>
      </c>
      <c r="DD36" s="274">
        <v>0</v>
      </c>
      <c r="DE36" s="274">
        <v>0</v>
      </c>
      <c r="DF36" s="274">
        <v>0</v>
      </c>
      <c r="DG36" s="277">
        <v>0</v>
      </c>
      <c r="DH36" s="278">
        <v>0</v>
      </c>
      <c r="DI36" s="273">
        <v>0</v>
      </c>
      <c r="DJ36" s="274">
        <v>0</v>
      </c>
      <c r="DK36" s="275">
        <v>0</v>
      </c>
      <c r="DL36" s="276">
        <v>0</v>
      </c>
      <c r="DM36" s="274">
        <v>526</v>
      </c>
      <c r="DN36" s="274">
        <v>62554</v>
      </c>
      <c r="DO36" s="274">
        <v>312230</v>
      </c>
      <c r="DP36" s="274">
        <v>463535</v>
      </c>
      <c r="DQ36" s="274">
        <v>228393</v>
      </c>
      <c r="DR36" s="277">
        <v>1067238</v>
      </c>
      <c r="DS36" s="279">
        <v>1067238</v>
      </c>
      <c r="DT36" s="273">
        <v>0</v>
      </c>
      <c r="DU36" s="274">
        <v>0</v>
      </c>
      <c r="DV36" s="275">
        <v>0</v>
      </c>
      <c r="DW36" s="514">
        <v>0</v>
      </c>
      <c r="DX36" s="274">
        <v>0</v>
      </c>
      <c r="DY36" s="274">
        <v>35430</v>
      </c>
      <c r="DZ36" s="274">
        <v>254408</v>
      </c>
      <c r="EA36" s="274">
        <v>427925</v>
      </c>
      <c r="EB36" s="274">
        <v>227721</v>
      </c>
      <c r="EC36" s="277">
        <v>945484</v>
      </c>
      <c r="ED36" s="278">
        <v>945484</v>
      </c>
      <c r="EE36" s="273">
        <v>0</v>
      </c>
      <c r="EF36" s="274">
        <v>0</v>
      </c>
      <c r="EG36" s="275">
        <v>0</v>
      </c>
      <c r="EH36" s="514">
        <v>0</v>
      </c>
      <c r="EI36" s="274">
        <v>693</v>
      </c>
      <c r="EJ36" s="274">
        <v>11730</v>
      </c>
      <c r="EK36" s="274">
        <v>630</v>
      </c>
      <c r="EL36" s="274">
        <v>24300</v>
      </c>
      <c r="EM36" s="274">
        <v>420</v>
      </c>
      <c r="EN36" s="277">
        <v>37773</v>
      </c>
      <c r="EO36" s="278">
        <v>37773</v>
      </c>
      <c r="EP36" s="273">
        <v>0</v>
      </c>
      <c r="EQ36" s="274">
        <v>0</v>
      </c>
      <c r="ER36" s="275">
        <v>0</v>
      </c>
      <c r="ES36" s="514">
        <v>0</v>
      </c>
      <c r="ET36" s="274">
        <v>0</v>
      </c>
      <c r="EU36" s="274">
        <v>0</v>
      </c>
      <c r="EV36" s="274">
        <v>0</v>
      </c>
      <c r="EW36" s="274">
        <v>0</v>
      </c>
      <c r="EX36" s="274">
        <v>0</v>
      </c>
      <c r="EY36" s="277">
        <v>0</v>
      </c>
      <c r="EZ36" s="278">
        <v>0</v>
      </c>
      <c r="FA36" s="273">
        <v>0</v>
      </c>
      <c r="FB36" s="274">
        <v>0</v>
      </c>
      <c r="FC36" s="275">
        <v>0</v>
      </c>
      <c r="FD36" s="514">
        <v>0</v>
      </c>
      <c r="FE36" s="274">
        <v>-167</v>
      </c>
      <c r="FF36" s="274">
        <v>11744</v>
      </c>
      <c r="FG36" s="274">
        <v>11940</v>
      </c>
      <c r="FH36" s="274">
        <v>11310</v>
      </c>
      <c r="FI36" s="274">
        <v>210</v>
      </c>
      <c r="FJ36" s="277">
        <v>35037</v>
      </c>
      <c r="FK36" s="278">
        <v>35037</v>
      </c>
      <c r="FL36" s="273">
        <v>0</v>
      </c>
      <c r="FM36" s="274">
        <v>0</v>
      </c>
      <c r="FN36" s="275">
        <v>0</v>
      </c>
      <c r="FO36" s="514">
        <v>0</v>
      </c>
      <c r="FP36" s="274">
        <v>0</v>
      </c>
      <c r="FQ36" s="274">
        <v>0</v>
      </c>
      <c r="FR36" s="274">
        <v>0</v>
      </c>
      <c r="FS36" s="274">
        <v>0</v>
      </c>
      <c r="FT36" s="274">
        <v>0</v>
      </c>
      <c r="FU36" s="277">
        <v>0</v>
      </c>
      <c r="FV36" s="278">
        <v>0</v>
      </c>
      <c r="FW36" s="273">
        <v>0</v>
      </c>
      <c r="FX36" s="274">
        <v>0</v>
      </c>
      <c r="FY36" s="275">
        <v>0</v>
      </c>
      <c r="FZ36" s="276">
        <v>0</v>
      </c>
      <c r="GA36" s="274">
        <v>0</v>
      </c>
      <c r="GB36" s="274">
        <v>3650</v>
      </c>
      <c r="GC36" s="274">
        <v>45252</v>
      </c>
      <c r="GD36" s="274">
        <v>0</v>
      </c>
      <c r="GE36" s="274">
        <v>0</v>
      </c>
      <c r="GF36" s="277">
        <v>48902</v>
      </c>
      <c r="GG36" s="278">
        <v>48902</v>
      </c>
      <c r="GH36" s="273">
        <v>0</v>
      </c>
      <c r="GI36" s="274">
        <v>0</v>
      </c>
      <c r="GJ36" s="275">
        <v>0</v>
      </c>
      <c r="GK36" s="276">
        <v>0</v>
      </c>
      <c r="GL36" s="274">
        <v>0</v>
      </c>
      <c r="GM36" s="274">
        <v>0</v>
      </c>
      <c r="GN36" s="274">
        <v>0</v>
      </c>
      <c r="GO36" s="274">
        <v>0</v>
      </c>
      <c r="GP36" s="274">
        <v>42</v>
      </c>
      <c r="GQ36" s="277">
        <v>42</v>
      </c>
      <c r="GR36" s="278">
        <v>42</v>
      </c>
      <c r="GS36" s="273">
        <v>0</v>
      </c>
      <c r="GT36" s="274">
        <v>0</v>
      </c>
      <c r="GU36" s="275">
        <v>0</v>
      </c>
      <c r="GV36" s="276">
        <v>0</v>
      </c>
      <c r="GW36" s="274">
        <v>0</v>
      </c>
      <c r="GX36" s="274">
        <v>0</v>
      </c>
      <c r="GY36" s="274">
        <v>0</v>
      </c>
      <c r="GZ36" s="274">
        <v>0</v>
      </c>
      <c r="HA36" s="274">
        <v>0</v>
      </c>
      <c r="HB36" s="277">
        <v>0</v>
      </c>
      <c r="HC36" s="278">
        <v>0</v>
      </c>
      <c r="HD36" s="273">
        <v>0</v>
      </c>
      <c r="HE36" s="274">
        <v>0</v>
      </c>
      <c r="HF36" s="275">
        <v>0</v>
      </c>
      <c r="HG36" s="514">
        <v>0</v>
      </c>
      <c r="HH36" s="274">
        <v>0</v>
      </c>
      <c r="HI36" s="274">
        <v>0</v>
      </c>
      <c r="HJ36" s="274">
        <v>0</v>
      </c>
      <c r="HK36" s="274">
        <v>0</v>
      </c>
      <c r="HL36" s="274">
        <v>0</v>
      </c>
      <c r="HM36" s="277">
        <v>0</v>
      </c>
      <c r="HN36" s="278">
        <v>0</v>
      </c>
      <c r="HO36" s="273">
        <v>0</v>
      </c>
      <c r="HP36" s="274">
        <v>0</v>
      </c>
      <c r="HQ36" s="275">
        <v>0</v>
      </c>
      <c r="HR36" s="276">
        <v>0</v>
      </c>
      <c r="HS36" s="274">
        <v>45076</v>
      </c>
      <c r="HT36" s="274">
        <v>217429</v>
      </c>
      <c r="HU36" s="274">
        <v>593640</v>
      </c>
      <c r="HV36" s="274">
        <v>1165470</v>
      </c>
      <c r="HW36" s="274">
        <v>482283</v>
      </c>
      <c r="HX36" s="277">
        <v>2503898</v>
      </c>
      <c r="HY36" s="278">
        <v>2503898</v>
      </c>
    </row>
    <row r="37" spans="2:233" ht="21" customHeight="1" x14ac:dyDescent="0.2">
      <c r="B37" s="468" t="s">
        <v>34</v>
      </c>
      <c r="C37" s="273">
        <v>0</v>
      </c>
      <c r="D37" s="274">
        <v>0</v>
      </c>
      <c r="E37" s="275">
        <v>0</v>
      </c>
      <c r="F37" s="276">
        <v>0</v>
      </c>
      <c r="G37" s="274">
        <v>109005</v>
      </c>
      <c r="H37" s="274">
        <v>52800</v>
      </c>
      <c r="I37" s="274">
        <v>95235</v>
      </c>
      <c r="J37" s="274">
        <v>272875</v>
      </c>
      <c r="K37" s="274">
        <v>128205</v>
      </c>
      <c r="L37" s="277">
        <v>658120</v>
      </c>
      <c r="M37" s="278">
        <v>658120</v>
      </c>
      <c r="N37" s="273">
        <v>0</v>
      </c>
      <c r="O37" s="274">
        <v>0</v>
      </c>
      <c r="P37" s="275">
        <v>0</v>
      </c>
      <c r="Q37" s="514">
        <v>0</v>
      </c>
      <c r="R37" s="274">
        <v>0</v>
      </c>
      <c r="S37" s="274">
        <v>0</v>
      </c>
      <c r="T37" s="274">
        <v>55350</v>
      </c>
      <c r="U37" s="274">
        <v>231600</v>
      </c>
      <c r="V37" s="274">
        <v>93860</v>
      </c>
      <c r="W37" s="277">
        <v>380810</v>
      </c>
      <c r="X37" s="278">
        <v>380810</v>
      </c>
      <c r="Y37" s="273">
        <v>0</v>
      </c>
      <c r="Z37" s="274">
        <v>0</v>
      </c>
      <c r="AA37" s="275">
        <v>0</v>
      </c>
      <c r="AB37" s="514">
        <v>0</v>
      </c>
      <c r="AC37" s="274">
        <v>109005</v>
      </c>
      <c r="AD37" s="274">
        <v>52800</v>
      </c>
      <c r="AE37" s="274">
        <v>39450</v>
      </c>
      <c r="AF37" s="274">
        <v>34200</v>
      </c>
      <c r="AG37" s="274">
        <v>2550</v>
      </c>
      <c r="AH37" s="277">
        <v>238005</v>
      </c>
      <c r="AI37" s="278">
        <v>238005</v>
      </c>
      <c r="AJ37" s="273">
        <v>0</v>
      </c>
      <c r="AK37" s="274">
        <v>0</v>
      </c>
      <c r="AL37" s="275">
        <v>0</v>
      </c>
      <c r="AM37" s="514">
        <v>0</v>
      </c>
      <c r="AN37" s="274">
        <v>0</v>
      </c>
      <c r="AO37" s="274">
        <v>0</v>
      </c>
      <c r="AP37" s="274">
        <v>0</v>
      </c>
      <c r="AQ37" s="274">
        <v>0</v>
      </c>
      <c r="AR37" s="274">
        <v>0</v>
      </c>
      <c r="AS37" s="277">
        <v>0</v>
      </c>
      <c r="AT37" s="278">
        <v>0</v>
      </c>
      <c r="AU37" s="273">
        <v>0</v>
      </c>
      <c r="AV37" s="274">
        <v>0</v>
      </c>
      <c r="AW37" s="275">
        <v>0</v>
      </c>
      <c r="AX37" s="514">
        <v>0</v>
      </c>
      <c r="AY37" s="274">
        <v>0</v>
      </c>
      <c r="AZ37" s="274">
        <v>0</v>
      </c>
      <c r="BA37" s="274">
        <v>0</v>
      </c>
      <c r="BB37" s="274">
        <v>0</v>
      </c>
      <c r="BC37" s="274">
        <v>31650</v>
      </c>
      <c r="BD37" s="277">
        <v>31650</v>
      </c>
      <c r="BE37" s="278">
        <v>31650</v>
      </c>
      <c r="BF37" s="273">
        <v>0</v>
      </c>
      <c r="BG37" s="274">
        <v>0</v>
      </c>
      <c r="BH37" s="275">
        <v>0</v>
      </c>
      <c r="BI37" s="514">
        <v>0</v>
      </c>
      <c r="BJ37" s="274">
        <v>0</v>
      </c>
      <c r="BK37" s="274">
        <v>0</v>
      </c>
      <c r="BL37" s="274">
        <v>0</v>
      </c>
      <c r="BM37" s="274">
        <v>0</v>
      </c>
      <c r="BN37" s="274">
        <v>0</v>
      </c>
      <c r="BO37" s="277">
        <v>0</v>
      </c>
      <c r="BP37" s="278">
        <v>0</v>
      </c>
      <c r="BQ37" s="273">
        <v>0</v>
      </c>
      <c r="BR37" s="274">
        <v>0</v>
      </c>
      <c r="BS37" s="275">
        <v>0</v>
      </c>
      <c r="BT37" s="276">
        <v>0</v>
      </c>
      <c r="BU37" s="274">
        <v>0</v>
      </c>
      <c r="BV37" s="274">
        <v>0</v>
      </c>
      <c r="BW37" s="274">
        <v>435</v>
      </c>
      <c r="BX37" s="274">
        <v>145</v>
      </c>
      <c r="BY37" s="274">
        <v>145</v>
      </c>
      <c r="BZ37" s="277">
        <v>725</v>
      </c>
      <c r="CA37" s="278">
        <v>725</v>
      </c>
      <c r="CB37" s="273">
        <v>0</v>
      </c>
      <c r="CC37" s="274">
        <v>0</v>
      </c>
      <c r="CD37" s="275">
        <v>0</v>
      </c>
      <c r="CE37" s="276">
        <v>0</v>
      </c>
      <c r="CF37" s="274">
        <v>0</v>
      </c>
      <c r="CG37" s="274">
        <v>0</v>
      </c>
      <c r="CH37" s="274">
        <v>0</v>
      </c>
      <c r="CI37" s="274">
        <v>6930</v>
      </c>
      <c r="CJ37" s="274">
        <v>0</v>
      </c>
      <c r="CK37" s="277">
        <v>6930</v>
      </c>
      <c r="CL37" s="278">
        <v>693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514">
        <v>0</v>
      </c>
      <c r="DB37" s="274">
        <v>0</v>
      </c>
      <c r="DC37" s="274">
        <v>0</v>
      </c>
      <c r="DD37" s="274">
        <v>0</v>
      </c>
      <c r="DE37" s="274">
        <v>0</v>
      </c>
      <c r="DF37" s="274">
        <v>0</v>
      </c>
      <c r="DG37" s="277">
        <v>0</v>
      </c>
      <c r="DH37" s="278">
        <v>0</v>
      </c>
      <c r="DI37" s="273">
        <v>0</v>
      </c>
      <c r="DJ37" s="274">
        <v>0</v>
      </c>
      <c r="DK37" s="275">
        <v>0</v>
      </c>
      <c r="DL37" s="276">
        <v>0</v>
      </c>
      <c r="DM37" s="274">
        <v>901</v>
      </c>
      <c r="DN37" s="274">
        <v>840</v>
      </c>
      <c r="DO37" s="274">
        <v>113280</v>
      </c>
      <c r="DP37" s="274">
        <v>278908</v>
      </c>
      <c r="DQ37" s="274">
        <v>118802</v>
      </c>
      <c r="DR37" s="277">
        <v>512731</v>
      </c>
      <c r="DS37" s="279">
        <v>512731</v>
      </c>
      <c r="DT37" s="273">
        <v>0</v>
      </c>
      <c r="DU37" s="274">
        <v>0</v>
      </c>
      <c r="DV37" s="275">
        <v>0</v>
      </c>
      <c r="DW37" s="514">
        <v>0</v>
      </c>
      <c r="DX37" s="274">
        <v>0</v>
      </c>
      <c r="DY37" s="274">
        <v>0</v>
      </c>
      <c r="DZ37" s="274">
        <v>98070</v>
      </c>
      <c r="EA37" s="274">
        <v>276330</v>
      </c>
      <c r="EB37" s="274">
        <v>117897</v>
      </c>
      <c r="EC37" s="277">
        <v>492297</v>
      </c>
      <c r="ED37" s="278">
        <v>492297</v>
      </c>
      <c r="EE37" s="273">
        <v>0</v>
      </c>
      <c r="EF37" s="274">
        <v>0</v>
      </c>
      <c r="EG37" s="275">
        <v>0</v>
      </c>
      <c r="EH37" s="514">
        <v>0</v>
      </c>
      <c r="EI37" s="274">
        <v>901</v>
      </c>
      <c r="EJ37" s="274">
        <v>840</v>
      </c>
      <c r="EK37" s="274">
        <v>11730</v>
      </c>
      <c r="EL37" s="274">
        <v>420</v>
      </c>
      <c r="EM37" s="274">
        <v>210</v>
      </c>
      <c r="EN37" s="277">
        <v>14101</v>
      </c>
      <c r="EO37" s="278">
        <v>14101</v>
      </c>
      <c r="EP37" s="273">
        <v>0</v>
      </c>
      <c r="EQ37" s="274">
        <v>0</v>
      </c>
      <c r="ER37" s="275">
        <v>0</v>
      </c>
      <c r="ES37" s="514">
        <v>0</v>
      </c>
      <c r="ET37" s="274">
        <v>0</v>
      </c>
      <c r="EU37" s="274">
        <v>0</v>
      </c>
      <c r="EV37" s="274">
        <v>0</v>
      </c>
      <c r="EW37" s="274">
        <v>0</v>
      </c>
      <c r="EX37" s="274">
        <v>0</v>
      </c>
      <c r="EY37" s="277">
        <v>0</v>
      </c>
      <c r="EZ37" s="278">
        <v>0</v>
      </c>
      <c r="FA37" s="273">
        <v>0</v>
      </c>
      <c r="FB37" s="274">
        <v>0</v>
      </c>
      <c r="FC37" s="275">
        <v>0</v>
      </c>
      <c r="FD37" s="514">
        <v>0</v>
      </c>
      <c r="FE37" s="274">
        <v>0</v>
      </c>
      <c r="FF37" s="274">
        <v>0</v>
      </c>
      <c r="FG37" s="274">
        <v>0</v>
      </c>
      <c r="FH37" s="274">
        <v>0</v>
      </c>
      <c r="FI37" s="274">
        <v>210</v>
      </c>
      <c r="FJ37" s="277">
        <v>210</v>
      </c>
      <c r="FK37" s="278">
        <v>210</v>
      </c>
      <c r="FL37" s="273">
        <v>0</v>
      </c>
      <c r="FM37" s="274">
        <v>0</v>
      </c>
      <c r="FN37" s="275">
        <v>0</v>
      </c>
      <c r="FO37" s="514">
        <v>0</v>
      </c>
      <c r="FP37" s="274">
        <v>0</v>
      </c>
      <c r="FQ37" s="274">
        <v>0</v>
      </c>
      <c r="FR37" s="274">
        <v>0</v>
      </c>
      <c r="FS37" s="274">
        <v>0</v>
      </c>
      <c r="FT37" s="274">
        <v>0</v>
      </c>
      <c r="FU37" s="277">
        <v>0</v>
      </c>
      <c r="FV37" s="278">
        <v>0</v>
      </c>
      <c r="FW37" s="273">
        <v>0</v>
      </c>
      <c r="FX37" s="274">
        <v>0</v>
      </c>
      <c r="FY37" s="275">
        <v>0</v>
      </c>
      <c r="FZ37" s="276">
        <v>0</v>
      </c>
      <c r="GA37" s="274">
        <v>0</v>
      </c>
      <c r="GB37" s="274">
        <v>0</v>
      </c>
      <c r="GC37" s="274">
        <v>3480</v>
      </c>
      <c r="GD37" s="274">
        <v>2088</v>
      </c>
      <c r="GE37" s="274">
        <v>485</v>
      </c>
      <c r="GF37" s="277">
        <v>6053</v>
      </c>
      <c r="GG37" s="278">
        <v>6053</v>
      </c>
      <c r="GH37" s="273">
        <v>0</v>
      </c>
      <c r="GI37" s="274">
        <v>0</v>
      </c>
      <c r="GJ37" s="275">
        <v>0</v>
      </c>
      <c r="GK37" s="276">
        <v>0</v>
      </c>
      <c r="GL37" s="274">
        <v>0</v>
      </c>
      <c r="GM37" s="274">
        <v>0</v>
      </c>
      <c r="GN37" s="274">
        <v>0</v>
      </c>
      <c r="GO37" s="274">
        <v>70</v>
      </c>
      <c r="GP37" s="274">
        <v>0</v>
      </c>
      <c r="GQ37" s="277">
        <v>70</v>
      </c>
      <c r="GR37" s="278">
        <v>70</v>
      </c>
      <c r="GS37" s="273">
        <v>0</v>
      </c>
      <c r="GT37" s="274">
        <v>0</v>
      </c>
      <c r="GU37" s="275">
        <v>0</v>
      </c>
      <c r="GV37" s="276">
        <v>0</v>
      </c>
      <c r="GW37" s="274">
        <v>0</v>
      </c>
      <c r="GX37" s="274">
        <v>0</v>
      </c>
      <c r="GY37" s="274">
        <v>0</v>
      </c>
      <c r="GZ37" s="274">
        <v>0</v>
      </c>
      <c r="HA37" s="274">
        <v>0</v>
      </c>
      <c r="HB37" s="277">
        <v>0</v>
      </c>
      <c r="HC37" s="278">
        <v>0</v>
      </c>
      <c r="HD37" s="273">
        <v>0</v>
      </c>
      <c r="HE37" s="274">
        <v>0</v>
      </c>
      <c r="HF37" s="275">
        <v>0</v>
      </c>
      <c r="HG37" s="514">
        <v>0</v>
      </c>
      <c r="HH37" s="274">
        <v>0</v>
      </c>
      <c r="HI37" s="274">
        <v>0</v>
      </c>
      <c r="HJ37" s="274">
        <v>0</v>
      </c>
      <c r="HK37" s="274">
        <v>0</v>
      </c>
      <c r="HL37" s="274">
        <v>0</v>
      </c>
      <c r="HM37" s="277">
        <v>0</v>
      </c>
      <c r="HN37" s="278">
        <v>0</v>
      </c>
      <c r="HO37" s="273">
        <v>0</v>
      </c>
      <c r="HP37" s="274">
        <v>0</v>
      </c>
      <c r="HQ37" s="275">
        <v>0</v>
      </c>
      <c r="HR37" s="276">
        <v>0</v>
      </c>
      <c r="HS37" s="274">
        <v>109906</v>
      </c>
      <c r="HT37" s="274">
        <v>53640</v>
      </c>
      <c r="HU37" s="274">
        <v>208515</v>
      </c>
      <c r="HV37" s="274">
        <v>551783</v>
      </c>
      <c r="HW37" s="274">
        <v>247007</v>
      </c>
      <c r="HX37" s="277">
        <v>1170851</v>
      </c>
      <c r="HY37" s="278">
        <v>1170851</v>
      </c>
    </row>
    <row r="38" spans="2:233" ht="21" customHeight="1" x14ac:dyDescent="0.2">
      <c r="B38" s="468" t="s">
        <v>35</v>
      </c>
      <c r="C38" s="273">
        <v>1885</v>
      </c>
      <c r="D38" s="274">
        <v>0</v>
      </c>
      <c r="E38" s="275">
        <v>1885</v>
      </c>
      <c r="F38" s="276">
        <v>0</v>
      </c>
      <c r="G38" s="274">
        <v>227680</v>
      </c>
      <c r="H38" s="274">
        <v>242400</v>
      </c>
      <c r="I38" s="274">
        <v>692005</v>
      </c>
      <c r="J38" s="274">
        <v>614758</v>
      </c>
      <c r="K38" s="274">
        <v>315230</v>
      </c>
      <c r="L38" s="277">
        <v>2092073</v>
      </c>
      <c r="M38" s="278">
        <v>2093958</v>
      </c>
      <c r="N38" s="273">
        <v>0</v>
      </c>
      <c r="O38" s="274">
        <v>0</v>
      </c>
      <c r="P38" s="275">
        <v>0</v>
      </c>
      <c r="Q38" s="514">
        <v>0</v>
      </c>
      <c r="R38" s="274">
        <v>2550</v>
      </c>
      <c r="S38" s="274">
        <v>23850</v>
      </c>
      <c r="T38" s="274">
        <v>306165</v>
      </c>
      <c r="U38" s="274">
        <v>380230</v>
      </c>
      <c r="V38" s="274">
        <v>251930</v>
      </c>
      <c r="W38" s="277">
        <v>964725</v>
      </c>
      <c r="X38" s="278">
        <v>964725</v>
      </c>
      <c r="Y38" s="273">
        <v>0</v>
      </c>
      <c r="Z38" s="274">
        <v>0</v>
      </c>
      <c r="AA38" s="275">
        <v>0</v>
      </c>
      <c r="AB38" s="514">
        <v>0</v>
      </c>
      <c r="AC38" s="274">
        <v>173185</v>
      </c>
      <c r="AD38" s="274">
        <v>212025</v>
      </c>
      <c r="AE38" s="274">
        <v>238980</v>
      </c>
      <c r="AF38" s="274">
        <v>65850</v>
      </c>
      <c r="AG38" s="274">
        <v>26400</v>
      </c>
      <c r="AH38" s="277">
        <v>716440</v>
      </c>
      <c r="AI38" s="278">
        <v>716440</v>
      </c>
      <c r="AJ38" s="273">
        <v>0</v>
      </c>
      <c r="AK38" s="274">
        <v>0</v>
      </c>
      <c r="AL38" s="275">
        <v>0</v>
      </c>
      <c r="AM38" s="514">
        <v>0</v>
      </c>
      <c r="AN38" s="274">
        <v>0</v>
      </c>
      <c r="AO38" s="274">
        <v>0</v>
      </c>
      <c r="AP38" s="274">
        <v>0</v>
      </c>
      <c r="AQ38" s="274">
        <v>0</v>
      </c>
      <c r="AR38" s="274">
        <v>0</v>
      </c>
      <c r="AS38" s="277">
        <v>0</v>
      </c>
      <c r="AT38" s="278">
        <v>0</v>
      </c>
      <c r="AU38" s="273">
        <v>0</v>
      </c>
      <c r="AV38" s="274">
        <v>0</v>
      </c>
      <c r="AW38" s="275">
        <v>0</v>
      </c>
      <c r="AX38" s="514">
        <v>0</v>
      </c>
      <c r="AY38" s="274">
        <v>31650</v>
      </c>
      <c r="AZ38" s="274">
        <v>0</v>
      </c>
      <c r="BA38" s="274">
        <v>114500</v>
      </c>
      <c r="BB38" s="274">
        <v>129450</v>
      </c>
      <c r="BC38" s="274">
        <v>36900</v>
      </c>
      <c r="BD38" s="277">
        <v>312500</v>
      </c>
      <c r="BE38" s="278">
        <v>312500</v>
      </c>
      <c r="BF38" s="273">
        <v>0</v>
      </c>
      <c r="BG38" s="274">
        <v>0</v>
      </c>
      <c r="BH38" s="275">
        <v>0</v>
      </c>
      <c r="BI38" s="514">
        <v>0</v>
      </c>
      <c r="BJ38" s="274">
        <v>0</v>
      </c>
      <c r="BK38" s="274">
        <v>0</v>
      </c>
      <c r="BL38" s="274">
        <v>0</v>
      </c>
      <c r="BM38" s="274">
        <v>0</v>
      </c>
      <c r="BN38" s="274">
        <v>0</v>
      </c>
      <c r="BO38" s="277">
        <v>0</v>
      </c>
      <c r="BP38" s="278">
        <v>0</v>
      </c>
      <c r="BQ38" s="273">
        <v>1885</v>
      </c>
      <c r="BR38" s="274">
        <v>0</v>
      </c>
      <c r="BS38" s="275">
        <v>1885</v>
      </c>
      <c r="BT38" s="276">
        <v>0</v>
      </c>
      <c r="BU38" s="274">
        <v>20295</v>
      </c>
      <c r="BV38" s="274">
        <v>6525</v>
      </c>
      <c r="BW38" s="274">
        <v>31110</v>
      </c>
      <c r="BX38" s="274">
        <v>39228</v>
      </c>
      <c r="BY38" s="274">
        <v>0</v>
      </c>
      <c r="BZ38" s="277">
        <v>97158</v>
      </c>
      <c r="CA38" s="278">
        <v>99043</v>
      </c>
      <c r="CB38" s="273">
        <v>0</v>
      </c>
      <c r="CC38" s="274">
        <v>0</v>
      </c>
      <c r="CD38" s="275">
        <v>0</v>
      </c>
      <c r="CE38" s="276">
        <v>0</v>
      </c>
      <c r="CF38" s="274">
        <v>0</v>
      </c>
      <c r="CG38" s="274">
        <v>0</v>
      </c>
      <c r="CH38" s="274">
        <v>1250</v>
      </c>
      <c r="CI38" s="274">
        <v>0</v>
      </c>
      <c r="CJ38" s="274">
        <v>0</v>
      </c>
      <c r="CK38" s="277">
        <v>1250</v>
      </c>
      <c r="CL38" s="278">
        <v>1250</v>
      </c>
      <c r="CM38" s="273">
        <v>0</v>
      </c>
      <c r="CN38" s="274">
        <v>0</v>
      </c>
      <c r="CO38" s="275">
        <v>0</v>
      </c>
      <c r="CP38" s="276">
        <v>0</v>
      </c>
      <c r="CQ38" s="274">
        <v>0</v>
      </c>
      <c r="CR38" s="274">
        <v>0</v>
      </c>
      <c r="CS38" s="274">
        <v>0</v>
      </c>
      <c r="CT38" s="274">
        <v>0</v>
      </c>
      <c r="CU38" s="274">
        <v>0</v>
      </c>
      <c r="CV38" s="277">
        <v>0</v>
      </c>
      <c r="CW38" s="278">
        <v>0</v>
      </c>
      <c r="CX38" s="273">
        <v>0</v>
      </c>
      <c r="CY38" s="274">
        <v>0</v>
      </c>
      <c r="CZ38" s="275">
        <v>0</v>
      </c>
      <c r="DA38" s="514">
        <v>0</v>
      </c>
      <c r="DB38" s="274">
        <v>0</v>
      </c>
      <c r="DC38" s="274">
        <v>0</v>
      </c>
      <c r="DD38" s="274">
        <v>0</v>
      </c>
      <c r="DE38" s="274">
        <v>0</v>
      </c>
      <c r="DF38" s="274">
        <v>0</v>
      </c>
      <c r="DG38" s="277">
        <v>0</v>
      </c>
      <c r="DH38" s="278">
        <v>0</v>
      </c>
      <c r="DI38" s="273">
        <v>1410</v>
      </c>
      <c r="DJ38" s="274">
        <v>0</v>
      </c>
      <c r="DK38" s="275">
        <v>1410</v>
      </c>
      <c r="DL38" s="276">
        <v>0</v>
      </c>
      <c r="DM38" s="274">
        <v>62871</v>
      </c>
      <c r="DN38" s="274">
        <v>49972</v>
      </c>
      <c r="DO38" s="274">
        <v>404365</v>
      </c>
      <c r="DP38" s="274">
        <v>514428</v>
      </c>
      <c r="DQ38" s="274">
        <v>315825</v>
      </c>
      <c r="DR38" s="277">
        <v>1347461</v>
      </c>
      <c r="DS38" s="279">
        <v>1348871</v>
      </c>
      <c r="DT38" s="273">
        <v>0</v>
      </c>
      <c r="DU38" s="274">
        <v>0</v>
      </c>
      <c r="DV38" s="275">
        <v>0</v>
      </c>
      <c r="DW38" s="514">
        <v>0</v>
      </c>
      <c r="DX38" s="274">
        <v>14550</v>
      </c>
      <c r="DY38" s="274">
        <v>20880</v>
      </c>
      <c r="DZ38" s="274">
        <v>294870</v>
      </c>
      <c r="EA38" s="274">
        <v>431156</v>
      </c>
      <c r="EB38" s="274">
        <v>303885</v>
      </c>
      <c r="EC38" s="277">
        <v>1065341</v>
      </c>
      <c r="ED38" s="278">
        <v>1065341</v>
      </c>
      <c r="EE38" s="273">
        <v>0</v>
      </c>
      <c r="EF38" s="274">
        <v>0</v>
      </c>
      <c r="EG38" s="275">
        <v>0</v>
      </c>
      <c r="EH38" s="514">
        <v>0</v>
      </c>
      <c r="EI38" s="274">
        <v>21781</v>
      </c>
      <c r="EJ38" s="274">
        <v>23272</v>
      </c>
      <c r="EK38" s="274">
        <v>8544</v>
      </c>
      <c r="EL38" s="274">
        <v>630</v>
      </c>
      <c r="EM38" s="274">
        <v>420</v>
      </c>
      <c r="EN38" s="277">
        <v>54647</v>
      </c>
      <c r="EO38" s="278">
        <v>54647</v>
      </c>
      <c r="EP38" s="273">
        <v>0</v>
      </c>
      <c r="EQ38" s="274">
        <v>0</v>
      </c>
      <c r="ER38" s="275">
        <v>0</v>
      </c>
      <c r="ES38" s="514">
        <v>0</v>
      </c>
      <c r="ET38" s="274">
        <v>0</v>
      </c>
      <c r="EU38" s="274">
        <v>0</v>
      </c>
      <c r="EV38" s="274">
        <v>0</v>
      </c>
      <c r="EW38" s="274">
        <v>0</v>
      </c>
      <c r="EX38" s="274">
        <v>0</v>
      </c>
      <c r="EY38" s="277">
        <v>0</v>
      </c>
      <c r="EZ38" s="278">
        <v>0</v>
      </c>
      <c r="FA38" s="273">
        <v>0</v>
      </c>
      <c r="FB38" s="274">
        <v>0</v>
      </c>
      <c r="FC38" s="275">
        <v>0</v>
      </c>
      <c r="FD38" s="514">
        <v>0</v>
      </c>
      <c r="FE38" s="274">
        <v>210</v>
      </c>
      <c r="FF38" s="274">
        <v>0</v>
      </c>
      <c r="FG38" s="274">
        <v>37700</v>
      </c>
      <c r="FH38" s="274">
        <v>34350</v>
      </c>
      <c r="FI38" s="274">
        <v>11520</v>
      </c>
      <c r="FJ38" s="277">
        <v>83780</v>
      </c>
      <c r="FK38" s="278">
        <v>83780</v>
      </c>
      <c r="FL38" s="273">
        <v>0</v>
      </c>
      <c r="FM38" s="274">
        <v>0</v>
      </c>
      <c r="FN38" s="275">
        <v>0</v>
      </c>
      <c r="FO38" s="514">
        <v>0</v>
      </c>
      <c r="FP38" s="274">
        <v>0</v>
      </c>
      <c r="FQ38" s="274">
        <v>0</v>
      </c>
      <c r="FR38" s="274">
        <v>0</v>
      </c>
      <c r="FS38" s="274">
        <v>0</v>
      </c>
      <c r="FT38" s="274">
        <v>0</v>
      </c>
      <c r="FU38" s="277">
        <v>0</v>
      </c>
      <c r="FV38" s="278">
        <v>0</v>
      </c>
      <c r="FW38" s="273">
        <v>1410</v>
      </c>
      <c r="FX38" s="274">
        <v>0</v>
      </c>
      <c r="FY38" s="275">
        <v>1410</v>
      </c>
      <c r="FZ38" s="276">
        <v>0</v>
      </c>
      <c r="GA38" s="274">
        <v>26330</v>
      </c>
      <c r="GB38" s="274">
        <v>5820</v>
      </c>
      <c r="GC38" s="274">
        <v>63223</v>
      </c>
      <c r="GD38" s="274">
        <v>48292</v>
      </c>
      <c r="GE38" s="274">
        <v>0</v>
      </c>
      <c r="GF38" s="277">
        <v>143665</v>
      </c>
      <c r="GG38" s="278">
        <v>145075</v>
      </c>
      <c r="GH38" s="273">
        <v>0</v>
      </c>
      <c r="GI38" s="274">
        <v>0</v>
      </c>
      <c r="GJ38" s="275">
        <v>0</v>
      </c>
      <c r="GK38" s="276">
        <v>0</v>
      </c>
      <c r="GL38" s="274">
        <v>0</v>
      </c>
      <c r="GM38" s="274">
        <v>0</v>
      </c>
      <c r="GN38" s="274">
        <v>28</v>
      </c>
      <c r="GO38" s="274">
        <v>0</v>
      </c>
      <c r="GP38" s="274">
        <v>0</v>
      </c>
      <c r="GQ38" s="277">
        <v>28</v>
      </c>
      <c r="GR38" s="278">
        <v>28</v>
      </c>
      <c r="GS38" s="273">
        <v>0</v>
      </c>
      <c r="GT38" s="274">
        <v>0</v>
      </c>
      <c r="GU38" s="275">
        <v>0</v>
      </c>
      <c r="GV38" s="276">
        <v>0</v>
      </c>
      <c r="GW38" s="274">
        <v>0</v>
      </c>
      <c r="GX38" s="274">
        <v>0</v>
      </c>
      <c r="GY38" s="274">
        <v>0</v>
      </c>
      <c r="GZ38" s="274">
        <v>0</v>
      </c>
      <c r="HA38" s="274">
        <v>0</v>
      </c>
      <c r="HB38" s="277">
        <v>0</v>
      </c>
      <c r="HC38" s="278">
        <v>0</v>
      </c>
      <c r="HD38" s="273">
        <v>0</v>
      </c>
      <c r="HE38" s="274">
        <v>0</v>
      </c>
      <c r="HF38" s="275">
        <v>0</v>
      </c>
      <c r="HG38" s="514">
        <v>0</v>
      </c>
      <c r="HH38" s="274">
        <v>0</v>
      </c>
      <c r="HI38" s="274">
        <v>0</v>
      </c>
      <c r="HJ38" s="274">
        <v>0</v>
      </c>
      <c r="HK38" s="274">
        <v>0</v>
      </c>
      <c r="HL38" s="274">
        <v>0</v>
      </c>
      <c r="HM38" s="277">
        <v>0</v>
      </c>
      <c r="HN38" s="278">
        <v>0</v>
      </c>
      <c r="HO38" s="273">
        <v>3295</v>
      </c>
      <c r="HP38" s="274">
        <v>0</v>
      </c>
      <c r="HQ38" s="275">
        <v>3295</v>
      </c>
      <c r="HR38" s="276">
        <v>0</v>
      </c>
      <c r="HS38" s="274">
        <v>290551</v>
      </c>
      <c r="HT38" s="274">
        <v>292372</v>
      </c>
      <c r="HU38" s="274">
        <v>1096370</v>
      </c>
      <c r="HV38" s="274">
        <v>1129186</v>
      </c>
      <c r="HW38" s="274">
        <v>631055</v>
      </c>
      <c r="HX38" s="277">
        <v>3439534</v>
      </c>
      <c r="HY38" s="278">
        <v>3442829</v>
      </c>
    </row>
    <row r="39" spans="2:233" ht="21" customHeight="1" x14ac:dyDescent="0.2">
      <c r="B39" s="468" t="s">
        <v>36</v>
      </c>
      <c r="C39" s="273">
        <v>0</v>
      </c>
      <c r="D39" s="274">
        <v>0</v>
      </c>
      <c r="E39" s="275">
        <v>0</v>
      </c>
      <c r="F39" s="276">
        <v>0</v>
      </c>
      <c r="G39" s="274">
        <v>121520</v>
      </c>
      <c r="H39" s="274">
        <v>166573</v>
      </c>
      <c r="I39" s="274">
        <v>810385</v>
      </c>
      <c r="J39" s="274">
        <v>1087425</v>
      </c>
      <c r="K39" s="274">
        <v>612475</v>
      </c>
      <c r="L39" s="277">
        <v>2798378</v>
      </c>
      <c r="M39" s="278">
        <v>2798378</v>
      </c>
      <c r="N39" s="273">
        <v>0</v>
      </c>
      <c r="O39" s="274">
        <v>0</v>
      </c>
      <c r="P39" s="275">
        <v>0</v>
      </c>
      <c r="Q39" s="514">
        <v>0</v>
      </c>
      <c r="R39" s="274">
        <v>0</v>
      </c>
      <c r="S39" s="274">
        <v>31650</v>
      </c>
      <c r="T39" s="274">
        <v>509195</v>
      </c>
      <c r="U39" s="274">
        <v>784120</v>
      </c>
      <c r="V39" s="274">
        <v>387745</v>
      </c>
      <c r="W39" s="277">
        <v>1712710</v>
      </c>
      <c r="X39" s="278">
        <v>1712710</v>
      </c>
      <c r="Y39" s="273">
        <v>0</v>
      </c>
      <c r="Z39" s="274">
        <v>0</v>
      </c>
      <c r="AA39" s="275">
        <v>0</v>
      </c>
      <c r="AB39" s="514">
        <v>0</v>
      </c>
      <c r="AC39" s="274">
        <v>99900</v>
      </c>
      <c r="AD39" s="274">
        <v>83245</v>
      </c>
      <c r="AE39" s="274">
        <v>284390</v>
      </c>
      <c r="AF39" s="274">
        <v>179140</v>
      </c>
      <c r="AG39" s="274">
        <v>194140</v>
      </c>
      <c r="AH39" s="277">
        <v>840815</v>
      </c>
      <c r="AI39" s="278">
        <v>840815</v>
      </c>
      <c r="AJ39" s="273">
        <v>0</v>
      </c>
      <c r="AK39" s="274">
        <v>0</v>
      </c>
      <c r="AL39" s="275">
        <v>0</v>
      </c>
      <c r="AM39" s="514">
        <v>0</v>
      </c>
      <c r="AN39" s="274">
        <v>0</v>
      </c>
      <c r="AO39" s="274">
        <v>0</v>
      </c>
      <c r="AP39" s="274">
        <v>0</v>
      </c>
      <c r="AQ39" s="274">
        <v>2550</v>
      </c>
      <c r="AR39" s="274">
        <v>0</v>
      </c>
      <c r="AS39" s="277">
        <v>2550</v>
      </c>
      <c r="AT39" s="278">
        <v>2550</v>
      </c>
      <c r="AU39" s="273">
        <v>0</v>
      </c>
      <c r="AV39" s="274">
        <v>0</v>
      </c>
      <c r="AW39" s="275">
        <v>0</v>
      </c>
      <c r="AX39" s="514">
        <v>0</v>
      </c>
      <c r="AY39" s="274">
        <v>0</v>
      </c>
      <c r="AZ39" s="274">
        <v>0</v>
      </c>
      <c r="BA39" s="274">
        <v>0</v>
      </c>
      <c r="BB39" s="274">
        <v>117410</v>
      </c>
      <c r="BC39" s="274">
        <v>765</v>
      </c>
      <c r="BD39" s="277">
        <v>118175</v>
      </c>
      <c r="BE39" s="278">
        <v>118175</v>
      </c>
      <c r="BF39" s="273">
        <v>0</v>
      </c>
      <c r="BG39" s="274">
        <v>0</v>
      </c>
      <c r="BH39" s="275">
        <v>0</v>
      </c>
      <c r="BI39" s="514">
        <v>0</v>
      </c>
      <c r="BJ39" s="274">
        <v>0</v>
      </c>
      <c r="BK39" s="274">
        <v>0</v>
      </c>
      <c r="BL39" s="274">
        <v>0</v>
      </c>
      <c r="BM39" s="274">
        <v>0</v>
      </c>
      <c r="BN39" s="274">
        <v>0</v>
      </c>
      <c r="BO39" s="277">
        <v>0</v>
      </c>
      <c r="BP39" s="278">
        <v>0</v>
      </c>
      <c r="BQ39" s="273">
        <v>0</v>
      </c>
      <c r="BR39" s="274">
        <v>0</v>
      </c>
      <c r="BS39" s="275">
        <v>0</v>
      </c>
      <c r="BT39" s="276">
        <v>0</v>
      </c>
      <c r="BU39" s="274">
        <v>17530</v>
      </c>
      <c r="BV39" s="274">
        <v>51678</v>
      </c>
      <c r="BW39" s="274">
        <v>16800</v>
      </c>
      <c r="BX39" s="274">
        <v>4205</v>
      </c>
      <c r="BY39" s="274">
        <v>29825</v>
      </c>
      <c r="BZ39" s="277">
        <v>120038</v>
      </c>
      <c r="CA39" s="278">
        <v>120038</v>
      </c>
      <c r="CB39" s="273">
        <v>0</v>
      </c>
      <c r="CC39" s="274">
        <v>0</v>
      </c>
      <c r="CD39" s="275">
        <v>0</v>
      </c>
      <c r="CE39" s="276">
        <v>0</v>
      </c>
      <c r="CF39" s="274">
        <v>4090</v>
      </c>
      <c r="CG39" s="274">
        <v>0</v>
      </c>
      <c r="CH39" s="274">
        <v>0</v>
      </c>
      <c r="CI39" s="274">
        <v>0</v>
      </c>
      <c r="CJ39" s="274">
        <v>0</v>
      </c>
      <c r="CK39" s="277">
        <v>4090</v>
      </c>
      <c r="CL39" s="278">
        <v>4090</v>
      </c>
      <c r="CM39" s="273">
        <v>0</v>
      </c>
      <c r="CN39" s="274">
        <v>0</v>
      </c>
      <c r="CO39" s="275">
        <v>0</v>
      </c>
      <c r="CP39" s="276">
        <v>0</v>
      </c>
      <c r="CQ39" s="274">
        <v>0</v>
      </c>
      <c r="CR39" s="274">
        <v>0</v>
      </c>
      <c r="CS39" s="274">
        <v>0</v>
      </c>
      <c r="CT39" s="274">
        <v>0</v>
      </c>
      <c r="CU39" s="274">
        <v>0</v>
      </c>
      <c r="CV39" s="277">
        <v>0</v>
      </c>
      <c r="CW39" s="278">
        <v>0</v>
      </c>
      <c r="CX39" s="273">
        <v>0</v>
      </c>
      <c r="CY39" s="274">
        <v>0</v>
      </c>
      <c r="CZ39" s="275">
        <v>0</v>
      </c>
      <c r="DA39" s="514">
        <v>0</v>
      </c>
      <c r="DB39" s="274">
        <v>0</v>
      </c>
      <c r="DC39" s="274">
        <v>0</v>
      </c>
      <c r="DD39" s="274">
        <v>0</v>
      </c>
      <c r="DE39" s="274">
        <v>0</v>
      </c>
      <c r="DF39" s="274">
        <v>0</v>
      </c>
      <c r="DG39" s="277">
        <v>0</v>
      </c>
      <c r="DH39" s="278">
        <v>0</v>
      </c>
      <c r="DI39" s="273">
        <v>0</v>
      </c>
      <c r="DJ39" s="274">
        <v>0</v>
      </c>
      <c r="DK39" s="275">
        <v>0</v>
      </c>
      <c r="DL39" s="276">
        <v>0</v>
      </c>
      <c r="DM39" s="274">
        <v>13635</v>
      </c>
      <c r="DN39" s="274">
        <v>75971</v>
      </c>
      <c r="DO39" s="274">
        <v>636752</v>
      </c>
      <c r="DP39" s="274">
        <v>930046</v>
      </c>
      <c r="DQ39" s="274">
        <v>665750</v>
      </c>
      <c r="DR39" s="277">
        <v>2322154</v>
      </c>
      <c r="DS39" s="279">
        <v>2322154</v>
      </c>
      <c r="DT39" s="273">
        <v>0</v>
      </c>
      <c r="DU39" s="274">
        <v>0</v>
      </c>
      <c r="DV39" s="275">
        <v>0</v>
      </c>
      <c r="DW39" s="514">
        <v>0</v>
      </c>
      <c r="DX39" s="274">
        <v>0</v>
      </c>
      <c r="DY39" s="274">
        <v>14550</v>
      </c>
      <c r="DZ39" s="274">
        <v>595932</v>
      </c>
      <c r="EA39" s="274">
        <v>868798</v>
      </c>
      <c r="EB39" s="274">
        <v>632358</v>
      </c>
      <c r="EC39" s="277">
        <v>2111638</v>
      </c>
      <c r="ED39" s="278">
        <v>2111638</v>
      </c>
      <c r="EE39" s="273">
        <v>0</v>
      </c>
      <c r="EF39" s="274">
        <v>0</v>
      </c>
      <c r="EG39" s="275">
        <v>0</v>
      </c>
      <c r="EH39" s="514">
        <v>0</v>
      </c>
      <c r="EI39" s="274">
        <v>1680</v>
      </c>
      <c r="EJ39" s="274">
        <v>1617</v>
      </c>
      <c r="EK39" s="274">
        <v>11</v>
      </c>
      <c r="EL39" s="274">
        <v>25676</v>
      </c>
      <c r="EM39" s="274">
        <v>2429</v>
      </c>
      <c r="EN39" s="277">
        <v>31413</v>
      </c>
      <c r="EO39" s="278">
        <v>31413</v>
      </c>
      <c r="EP39" s="273">
        <v>0</v>
      </c>
      <c r="EQ39" s="274">
        <v>0</v>
      </c>
      <c r="ER39" s="275">
        <v>0</v>
      </c>
      <c r="ES39" s="514">
        <v>0</v>
      </c>
      <c r="ET39" s="274">
        <v>0</v>
      </c>
      <c r="EU39" s="274">
        <v>0</v>
      </c>
      <c r="EV39" s="274">
        <v>0</v>
      </c>
      <c r="EW39" s="274">
        <v>0</v>
      </c>
      <c r="EX39" s="274">
        <v>0</v>
      </c>
      <c r="EY39" s="277">
        <v>0</v>
      </c>
      <c r="EZ39" s="278">
        <v>0</v>
      </c>
      <c r="FA39" s="273">
        <v>0</v>
      </c>
      <c r="FB39" s="274">
        <v>0</v>
      </c>
      <c r="FC39" s="275">
        <v>0</v>
      </c>
      <c r="FD39" s="514">
        <v>0</v>
      </c>
      <c r="FE39" s="274">
        <v>0</v>
      </c>
      <c r="FF39" s="274">
        <v>0</v>
      </c>
      <c r="FG39" s="274">
        <v>0</v>
      </c>
      <c r="FH39" s="274">
        <v>12311</v>
      </c>
      <c r="FI39" s="274">
        <v>63</v>
      </c>
      <c r="FJ39" s="277">
        <v>12374</v>
      </c>
      <c r="FK39" s="278">
        <v>12374</v>
      </c>
      <c r="FL39" s="273">
        <v>0</v>
      </c>
      <c r="FM39" s="274">
        <v>0</v>
      </c>
      <c r="FN39" s="275">
        <v>0</v>
      </c>
      <c r="FO39" s="514">
        <v>0</v>
      </c>
      <c r="FP39" s="274">
        <v>0</v>
      </c>
      <c r="FQ39" s="274">
        <v>0</v>
      </c>
      <c r="FR39" s="274">
        <v>0</v>
      </c>
      <c r="FS39" s="274">
        <v>0</v>
      </c>
      <c r="FT39" s="274">
        <v>0</v>
      </c>
      <c r="FU39" s="277">
        <v>0</v>
      </c>
      <c r="FV39" s="278">
        <v>0</v>
      </c>
      <c r="FW39" s="273">
        <v>0</v>
      </c>
      <c r="FX39" s="274">
        <v>0</v>
      </c>
      <c r="FY39" s="275">
        <v>0</v>
      </c>
      <c r="FZ39" s="276">
        <v>0</v>
      </c>
      <c r="GA39" s="274">
        <v>11920</v>
      </c>
      <c r="GB39" s="274">
        <v>59804</v>
      </c>
      <c r="GC39" s="274">
        <v>40809</v>
      </c>
      <c r="GD39" s="274">
        <v>23261</v>
      </c>
      <c r="GE39" s="274">
        <v>30900</v>
      </c>
      <c r="GF39" s="277">
        <v>166694</v>
      </c>
      <c r="GG39" s="278">
        <v>166694</v>
      </c>
      <c r="GH39" s="273">
        <v>0</v>
      </c>
      <c r="GI39" s="274">
        <v>0</v>
      </c>
      <c r="GJ39" s="275">
        <v>0</v>
      </c>
      <c r="GK39" s="276">
        <v>0</v>
      </c>
      <c r="GL39" s="274">
        <v>35</v>
      </c>
      <c r="GM39" s="274">
        <v>0</v>
      </c>
      <c r="GN39" s="274">
        <v>0</v>
      </c>
      <c r="GO39" s="274">
        <v>0</v>
      </c>
      <c r="GP39" s="274">
        <v>0</v>
      </c>
      <c r="GQ39" s="277">
        <v>35</v>
      </c>
      <c r="GR39" s="278">
        <v>35</v>
      </c>
      <c r="GS39" s="273">
        <v>0</v>
      </c>
      <c r="GT39" s="274">
        <v>0</v>
      </c>
      <c r="GU39" s="275">
        <v>0</v>
      </c>
      <c r="GV39" s="276">
        <v>0</v>
      </c>
      <c r="GW39" s="274">
        <v>0</v>
      </c>
      <c r="GX39" s="274">
        <v>0</v>
      </c>
      <c r="GY39" s="274">
        <v>0</v>
      </c>
      <c r="GZ39" s="274">
        <v>0</v>
      </c>
      <c r="HA39" s="274">
        <v>0</v>
      </c>
      <c r="HB39" s="277">
        <v>0</v>
      </c>
      <c r="HC39" s="278">
        <v>0</v>
      </c>
      <c r="HD39" s="273">
        <v>0</v>
      </c>
      <c r="HE39" s="274">
        <v>0</v>
      </c>
      <c r="HF39" s="275">
        <v>0</v>
      </c>
      <c r="HG39" s="514">
        <v>0</v>
      </c>
      <c r="HH39" s="274">
        <v>0</v>
      </c>
      <c r="HI39" s="274">
        <v>0</v>
      </c>
      <c r="HJ39" s="274">
        <v>0</v>
      </c>
      <c r="HK39" s="274">
        <v>0</v>
      </c>
      <c r="HL39" s="274">
        <v>0</v>
      </c>
      <c r="HM39" s="277">
        <v>0</v>
      </c>
      <c r="HN39" s="278">
        <v>0</v>
      </c>
      <c r="HO39" s="273">
        <v>0</v>
      </c>
      <c r="HP39" s="274">
        <v>0</v>
      </c>
      <c r="HQ39" s="275">
        <v>0</v>
      </c>
      <c r="HR39" s="276">
        <v>0</v>
      </c>
      <c r="HS39" s="274">
        <v>135155</v>
      </c>
      <c r="HT39" s="274">
        <v>242544</v>
      </c>
      <c r="HU39" s="274">
        <v>1447137</v>
      </c>
      <c r="HV39" s="274">
        <v>2017471</v>
      </c>
      <c r="HW39" s="274">
        <v>1278225</v>
      </c>
      <c r="HX39" s="277">
        <v>5120532</v>
      </c>
      <c r="HY39" s="278">
        <v>5120532</v>
      </c>
    </row>
    <row r="40" spans="2:233" ht="21" customHeight="1" thickBot="1" x14ac:dyDescent="0.25">
      <c r="B40" s="469" t="s">
        <v>37</v>
      </c>
      <c r="C40" s="280">
        <v>0</v>
      </c>
      <c r="D40" s="281">
        <v>0</v>
      </c>
      <c r="E40" s="282">
        <v>0</v>
      </c>
      <c r="F40" s="283">
        <v>0</v>
      </c>
      <c r="G40" s="281">
        <v>0</v>
      </c>
      <c r="H40" s="281">
        <v>55500</v>
      </c>
      <c r="I40" s="281">
        <v>84970</v>
      </c>
      <c r="J40" s="281">
        <v>63150</v>
      </c>
      <c r="K40" s="281">
        <v>60600</v>
      </c>
      <c r="L40" s="284">
        <v>264220</v>
      </c>
      <c r="M40" s="285">
        <v>264220</v>
      </c>
      <c r="N40" s="280">
        <v>0</v>
      </c>
      <c r="O40" s="281">
        <v>0</v>
      </c>
      <c r="P40" s="282">
        <v>0</v>
      </c>
      <c r="Q40" s="515">
        <v>0</v>
      </c>
      <c r="R40" s="281">
        <v>0</v>
      </c>
      <c r="S40" s="281">
        <v>0</v>
      </c>
      <c r="T40" s="281">
        <v>39130</v>
      </c>
      <c r="U40" s="281">
        <v>31500</v>
      </c>
      <c r="V40" s="281">
        <v>36750</v>
      </c>
      <c r="W40" s="284">
        <v>107380</v>
      </c>
      <c r="X40" s="285">
        <v>107380</v>
      </c>
      <c r="Y40" s="280">
        <v>0</v>
      </c>
      <c r="Z40" s="281">
        <v>0</v>
      </c>
      <c r="AA40" s="282">
        <v>0</v>
      </c>
      <c r="AB40" s="515">
        <v>0</v>
      </c>
      <c r="AC40" s="281">
        <v>0</v>
      </c>
      <c r="AD40" s="281">
        <v>55500</v>
      </c>
      <c r="AE40" s="281">
        <v>43550</v>
      </c>
      <c r="AF40" s="281">
        <v>31650</v>
      </c>
      <c r="AG40" s="281">
        <v>23850</v>
      </c>
      <c r="AH40" s="284">
        <v>154550</v>
      </c>
      <c r="AI40" s="285">
        <v>154550</v>
      </c>
      <c r="AJ40" s="280">
        <v>0</v>
      </c>
      <c r="AK40" s="281">
        <v>0</v>
      </c>
      <c r="AL40" s="282">
        <v>0</v>
      </c>
      <c r="AM40" s="515">
        <v>0</v>
      </c>
      <c r="AN40" s="281">
        <v>0</v>
      </c>
      <c r="AO40" s="281">
        <v>0</v>
      </c>
      <c r="AP40" s="281">
        <v>0</v>
      </c>
      <c r="AQ40" s="281">
        <v>0</v>
      </c>
      <c r="AR40" s="281">
        <v>0</v>
      </c>
      <c r="AS40" s="284">
        <v>0</v>
      </c>
      <c r="AT40" s="285">
        <v>0</v>
      </c>
      <c r="AU40" s="280">
        <v>0</v>
      </c>
      <c r="AV40" s="281">
        <v>0</v>
      </c>
      <c r="AW40" s="282">
        <v>0</v>
      </c>
      <c r="AX40" s="515">
        <v>0</v>
      </c>
      <c r="AY40" s="281">
        <v>0</v>
      </c>
      <c r="AZ40" s="281">
        <v>0</v>
      </c>
      <c r="BA40" s="281">
        <v>0</v>
      </c>
      <c r="BB40" s="281">
        <v>0</v>
      </c>
      <c r="BC40" s="281">
        <v>0</v>
      </c>
      <c r="BD40" s="284">
        <v>0</v>
      </c>
      <c r="BE40" s="285">
        <v>0</v>
      </c>
      <c r="BF40" s="280">
        <v>0</v>
      </c>
      <c r="BG40" s="281">
        <v>0</v>
      </c>
      <c r="BH40" s="282">
        <v>0</v>
      </c>
      <c r="BI40" s="515">
        <v>0</v>
      </c>
      <c r="BJ40" s="281">
        <v>0</v>
      </c>
      <c r="BK40" s="281">
        <v>0</v>
      </c>
      <c r="BL40" s="281">
        <v>0</v>
      </c>
      <c r="BM40" s="281">
        <v>0</v>
      </c>
      <c r="BN40" s="281">
        <v>0</v>
      </c>
      <c r="BO40" s="284">
        <v>0</v>
      </c>
      <c r="BP40" s="285">
        <v>0</v>
      </c>
      <c r="BQ40" s="280">
        <v>0</v>
      </c>
      <c r="BR40" s="281">
        <v>0</v>
      </c>
      <c r="BS40" s="282">
        <v>0</v>
      </c>
      <c r="BT40" s="283">
        <v>0</v>
      </c>
      <c r="BU40" s="281">
        <v>0</v>
      </c>
      <c r="BV40" s="281">
        <v>0</v>
      </c>
      <c r="BW40" s="281">
        <v>2290</v>
      </c>
      <c r="BX40" s="281">
        <v>0</v>
      </c>
      <c r="BY40" s="281">
        <v>0</v>
      </c>
      <c r="BZ40" s="284">
        <v>2290</v>
      </c>
      <c r="CA40" s="285">
        <v>2290</v>
      </c>
      <c r="CB40" s="280">
        <v>0</v>
      </c>
      <c r="CC40" s="281">
        <v>0</v>
      </c>
      <c r="CD40" s="282">
        <v>0</v>
      </c>
      <c r="CE40" s="283">
        <v>0</v>
      </c>
      <c r="CF40" s="281">
        <v>0</v>
      </c>
      <c r="CG40" s="281">
        <v>0</v>
      </c>
      <c r="CH40" s="281">
        <v>0</v>
      </c>
      <c r="CI40" s="281">
        <v>0</v>
      </c>
      <c r="CJ40" s="281">
        <v>0</v>
      </c>
      <c r="CK40" s="284">
        <v>0</v>
      </c>
      <c r="CL40" s="285">
        <v>0</v>
      </c>
      <c r="CM40" s="280">
        <v>0</v>
      </c>
      <c r="CN40" s="281">
        <v>0</v>
      </c>
      <c r="CO40" s="282">
        <v>0</v>
      </c>
      <c r="CP40" s="283">
        <v>0</v>
      </c>
      <c r="CQ40" s="281">
        <v>0</v>
      </c>
      <c r="CR40" s="281">
        <v>0</v>
      </c>
      <c r="CS40" s="281">
        <v>0</v>
      </c>
      <c r="CT40" s="281">
        <v>0</v>
      </c>
      <c r="CU40" s="281">
        <v>0</v>
      </c>
      <c r="CV40" s="284">
        <v>0</v>
      </c>
      <c r="CW40" s="285">
        <v>0</v>
      </c>
      <c r="CX40" s="280">
        <v>0</v>
      </c>
      <c r="CY40" s="281">
        <v>0</v>
      </c>
      <c r="CZ40" s="282">
        <v>0</v>
      </c>
      <c r="DA40" s="515">
        <v>0</v>
      </c>
      <c r="DB40" s="281">
        <v>0</v>
      </c>
      <c r="DC40" s="281">
        <v>0</v>
      </c>
      <c r="DD40" s="281">
        <v>0</v>
      </c>
      <c r="DE40" s="281">
        <v>0</v>
      </c>
      <c r="DF40" s="281">
        <v>0</v>
      </c>
      <c r="DG40" s="284">
        <v>0</v>
      </c>
      <c r="DH40" s="285">
        <v>0</v>
      </c>
      <c r="DI40" s="280">
        <v>0</v>
      </c>
      <c r="DJ40" s="281">
        <v>0</v>
      </c>
      <c r="DK40" s="282">
        <v>0</v>
      </c>
      <c r="DL40" s="283">
        <v>0</v>
      </c>
      <c r="DM40" s="281">
        <v>0</v>
      </c>
      <c r="DN40" s="281">
        <v>420</v>
      </c>
      <c r="DO40" s="281">
        <v>72823</v>
      </c>
      <c r="DP40" s="281">
        <v>64740</v>
      </c>
      <c r="DQ40" s="281">
        <v>50190</v>
      </c>
      <c r="DR40" s="284">
        <v>188173</v>
      </c>
      <c r="DS40" s="286">
        <v>188173</v>
      </c>
      <c r="DT40" s="280">
        <v>0</v>
      </c>
      <c r="DU40" s="281">
        <v>0</v>
      </c>
      <c r="DV40" s="282">
        <v>0</v>
      </c>
      <c r="DW40" s="515">
        <v>0</v>
      </c>
      <c r="DX40" s="281">
        <v>0</v>
      </c>
      <c r="DY40" s="281">
        <v>0</v>
      </c>
      <c r="DZ40" s="281">
        <v>70860</v>
      </c>
      <c r="EA40" s="281">
        <v>64530</v>
      </c>
      <c r="EB40" s="281">
        <v>49980</v>
      </c>
      <c r="EC40" s="284">
        <v>185370</v>
      </c>
      <c r="ED40" s="285">
        <v>185370</v>
      </c>
      <c r="EE40" s="280">
        <v>0</v>
      </c>
      <c r="EF40" s="281">
        <v>0</v>
      </c>
      <c r="EG40" s="282">
        <v>0</v>
      </c>
      <c r="EH40" s="515">
        <v>0</v>
      </c>
      <c r="EI40" s="281">
        <v>0</v>
      </c>
      <c r="EJ40" s="281">
        <v>420</v>
      </c>
      <c r="EK40" s="281">
        <v>483</v>
      </c>
      <c r="EL40" s="281">
        <v>210</v>
      </c>
      <c r="EM40" s="281">
        <v>210</v>
      </c>
      <c r="EN40" s="284">
        <v>1323</v>
      </c>
      <c r="EO40" s="285">
        <v>1323</v>
      </c>
      <c r="EP40" s="280">
        <v>0</v>
      </c>
      <c r="EQ40" s="281">
        <v>0</v>
      </c>
      <c r="ER40" s="282">
        <v>0</v>
      </c>
      <c r="ES40" s="515">
        <v>0</v>
      </c>
      <c r="ET40" s="281">
        <v>0</v>
      </c>
      <c r="EU40" s="281">
        <v>0</v>
      </c>
      <c r="EV40" s="281">
        <v>0</v>
      </c>
      <c r="EW40" s="281">
        <v>0</v>
      </c>
      <c r="EX40" s="281">
        <v>0</v>
      </c>
      <c r="EY40" s="284">
        <v>0</v>
      </c>
      <c r="EZ40" s="285">
        <v>0</v>
      </c>
      <c r="FA40" s="280">
        <v>0</v>
      </c>
      <c r="FB40" s="281">
        <v>0</v>
      </c>
      <c r="FC40" s="282">
        <v>0</v>
      </c>
      <c r="FD40" s="515">
        <v>0</v>
      </c>
      <c r="FE40" s="281">
        <v>0</v>
      </c>
      <c r="FF40" s="281">
        <v>0</v>
      </c>
      <c r="FG40" s="281">
        <v>0</v>
      </c>
      <c r="FH40" s="281">
        <v>0</v>
      </c>
      <c r="FI40" s="281">
        <v>0</v>
      </c>
      <c r="FJ40" s="284">
        <v>0</v>
      </c>
      <c r="FK40" s="285">
        <v>0</v>
      </c>
      <c r="FL40" s="280">
        <v>0</v>
      </c>
      <c r="FM40" s="281">
        <v>0</v>
      </c>
      <c r="FN40" s="282">
        <v>0</v>
      </c>
      <c r="FO40" s="515">
        <v>0</v>
      </c>
      <c r="FP40" s="281">
        <v>0</v>
      </c>
      <c r="FQ40" s="281">
        <v>0</v>
      </c>
      <c r="FR40" s="281">
        <v>0</v>
      </c>
      <c r="FS40" s="281">
        <v>0</v>
      </c>
      <c r="FT40" s="281">
        <v>0</v>
      </c>
      <c r="FU40" s="284">
        <v>0</v>
      </c>
      <c r="FV40" s="285">
        <v>0</v>
      </c>
      <c r="FW40" s="280">
        <v>0</v>
      </c>
      <c r="FX40" s="281">
        <v>0</v>
      </c>
      <c r="FY40" s="282">
        <v>0</v>
      </c>
      <c r="FZ40" s="283">
        <v>0</v>
      </c>
      <c r="GA40" s="281">
        <v>0</v>
      </c>
      <c r="GB40" s="281">
        <v>0</v>
      </c>
      <c r="GC40" s="281">
        <v>1480</v>
      </c>
      <c r="GD40" s="281">
        <v>0</v>
      </c>
      <c r="GE40" s="281">
        <v>0</v>
      </c>
      <c r="GF40" s="284">
        <v>1480</v>
      </c>
      <c r="GG40" s="285">
        <v>1480</v>
      </c>
      <c r="GH40" s="280">
        <v>0</v>
      </c>
      <c r="GI40" s="281">
        <v>0</v>
      </c>
      <c r="GJ40" s="282">
        <v>0</v>
      </c>
      <c r="GK40" s="283">
        <v>0</v>
      </c>
      <c r="GL40" s="281">
        <v>0</v>
      </c>
      <c r="GM40" s="281">
        <v>0</v>
      </c>
      <c r="GN40" s="281">
        <v>0</v>
      </c>
      <c r="GO40" s="281">
        <v>0</v>
      </c>
      <c r="GP40" s="281">
        <v>0</v>
      </c>
      <c r="GQ40" s="284">
        <v>0</v>
      </c>
      <c r="GR40" s="285">
        <v>0</v>
      </c>
      <c r="GS40" s="280">
        <v>0</v>
      </c>
      <c r="GT40" s="281">
        <v>0</v>
      </c>
      <c r="GU40" s="282">
        <v>0</v>
      </c>
      <c r="GV40" s="283">
        <v>0</v>
      </c>
      <c r="GW40" s="281">
        <v>0</v>
      </c>
      <c r="GX40" s="281">
        <v>0</v>
      </c>
      <c r="GY40" s="281">
        <v>0</v>
      </c>
      <c r="GZ40" s="281">
        <v>0</v>
      </c>
      <c r="HA40" s="281">
        <v>0</v>
      </c>
      <c r="HB40" s="284">
        <v>0</v>
      </c>
      <c r="HC40" s="285">
        <v>0</v>
      </c>
      <c r="HD40" s="280">
        <v>0</v>
      </c>
      <c r="HE40" s="281">
        <v>0</v>
      </c>
      <c r="HF40" s="282">
        <v>0</v>
      </c>
      <c r="HG40" s="515">
        <v>0</v>
      </c>
      <c r="HH40" s="281">
        <v>0</v>
      </c>
      <c r="HI40" s="281">
        <v>0</v>
      </c>
      <c r="HJ40" s="281">
        <v>0</v>
      </c>
      <c r="HK40" s="281">
        <v>0</v>
      </c>
      <c r="HL40" s="281">
        <v>0</v>
      </c>
      <c r="HM40" s="284">
        <v>0</v>
      </c>
      <c r="HN40" s="285">
        <v>0</v>
      </c>
      <c r="HO40" s="280">
        <v>0</v>
      </c>
      <c r="HP40" s="281">
        <v>0</v>
      </c>
      <c r="HQ40" s="282">
        <v>0</v>
      </c>
      <c r="HR40" s="283">
        <v>0</v>
      </c>
      <c r="HS40" s="281">
        <v>0</v>
      </c>
      <c r="HT40" s="281">
        <v>55920</v>
      </c>
      <c r="HU40" s="281">
        <v>157793</v>
      </c>
      <c r="HV40" s="281">
        <v>127890</v>
      </c>
      <c r="HW40" s="281">
        <v>110790</v>
      </c>
      <c r="HX40" s="284">
        <v>452393</v>
      </c>
      <c r="HY40" s="285">
        <v>452393</v>
      </c>
    </row>
    <row r="41" spans="2:233" x14ac:dyDescent="0.2">
      <c r="B41" s="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539">
        <f>第１表!F2</f>
        <v>6</v>
      </c>
      <c r="G1" s="539"/>
      <c r="H1" s="235">
        <f>第１表!G2</f>
        <v>1</v>
      </c>
      <c r="I1" s="538">
        <f>H1</f>
        <v>1</v>
      </c>
      <c r="J1" s="538"/>
    </row>
    <row r="2" spans="2:299" ht="24" customHeight="1" thickBot="1" x14ac:dyDescent="0.25">
      <c r="B2" s="15" t="s">
        <v>130</v>
      </c>
    </row>
    <row r="3" spans="2:299" ht="21" customHeight="1" thickBot="1" x14ac:dyDescent="0.25">
      <c r="B3" s="525" t="s">
        <v>38</v>
      </c>
      <c r="C3" s="520" t="s">
        <v>96</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0"/>
      <c r="AG3" s="520"/>
      <c r="AH3" s="520"/>
      <c r="AI3" s="520"/>
      <c r="AJ3" s="520"/>
      <c r="AK3" s="520"/>
      <c r="AL3" s="520"/>
      <c r="AM3" s="520"/>
      <c r="AN3" s="520"/>
      <c r="AO3" s="520"/>
      <c r="AP3" s="520"/>
      <c r="AQ3" s="520"/>
      <c r="AR3" s="520"/>
      <c r="AS3" s="520"/>
      <c r="AT3" s="520"/>
      <c r="AU3" s="520"/>
      <c r="AV3" s="520"/>
      <c r="AW3" s="520"/>
      <c r="AX3" s="520"/>
      <c r="AY3" s="520"/>
      <c r="AZ3" s="520"/>
      <c r="BA3" s="520"/>
      <c r="BB3" s="520"/>
      <c r="BC3" s="520"/>
      <c r="BD3" s="520"/>
      <c r="BE3" s="520"/>
      <c r="BF3" s="520"/>
      <c r="BG3" s="520"/>
      <c r="BH3" s="520"/>
      <c r="BI3" s="520"/>
      <c r="BJ3" s="520"/>
      <c r="BK3" s="520"/>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0"/>
      <c r="CO3" s="520"/>
      <c r="CP3" s="520"/>
      <c r="CQ3" s="520"/>
      <c r="CR3" s="520"/>
      <c r="CS3" s="520"/>
      <c r="CT3" s="520"/>
      <c r="CU3" s="520"/>
      <c r="CV3" s="520"/>
      <c r="CW3" s="521"/>
      <c r="CX3" s="520" t="s">
        <v>103</v>
      </c>
      <c r="CY3" s="520"/>
      <c r="CZ3" s="520"/>
      <c r="DA3" s="520"/>
      <c r="DB3" s="520"/>
      <c r="DC3" s="520"/>
      <c r="DD3" s="520"/>
      <c r="DE3" s="520"/>
      <c r="DF3" s="520"/>
      <c r="DG3" s="520"/>
      <c r="DH3" s="520"/>
      <c r="DI3" s="520"/>
      <c r="DJ3" s="520"/>
      <c r="DK3" s="520"/>
      <c r="DL3" s="520"/>
      <c r="DM3" s="520"/>
      <c r="DN3" s="520"/>
      <c r="DO3" s="520"/>
      <c r="DP3" s="520"/>
      <c r="DQ3" s="520"/>
      <c r="DR3" s="520"/>
      <c r="DS3" s="520"/>
      <c r="DT3" s="520"/>
      <c r="DU3" s="520"/>
      <c r="DV3" s="520"/>
      <c r="DW3" s="520"/>
      <c r="DX3" s="520"/>
      <c r="DY3" s="520"/>
      <c r="DZ3" s="520"/>
      <c r="EA3" s="520"/>
      <c r="EB3" s="520"/>
      <c r="EC3" s="520"/>
      <c r="ED3" s="520"/>
      <c r="EE3" s="520"/>
      <c r="EF3" s="520"/>
      <c r="EG3" s="520"/>
      <c r="EH3" s="520"/>
      <c r="EI3" s="520"/>
      <c r="EJ3" s="520"/>
      <c r="EK3" s="520"/>
      <c r="EL3" s="520"/>
      <c r="EM3" s="520"/>
      <c r="EN3" s="520"/>
      <c r="EO3" s="520"/>
      <c r="EP3" s="520"/>
      <c r="EQ3" s="520"/>
      <c r="ER3" s="520"/>
      <c r="ES3" s="520"/>
      <c r="ET3" s="520"/>
      <c r="EU3" s="520"/>
      <c r="EV3" s="520"/>
      <c r="EW3" s="520"/>
      <c r="EX3" s="520"/>
      <c r="EY3" s="520"/>
      <c r="EZ3" s="520"/>
      <c r="FA3" s="520"/>
      <c r="FB3" s="520"/>
      <c r="FC3" s="520"/>
      <c r="FD3" s="520"/>
      <c r="FE3" s="520"/>
      <c r="FF3" s="520"/>
      <c r="FG3" s="520"/>
      <c r="FH3" s="520"/>
      <c r="FI3" s="520"/>
      <c r="FJ3" s="520"/>
      <c r="FK3" s="520"/>
      <c r="FL3" s="520"/>
      <c r="FM3" s="520"/>
      <c r="FN3" s="520"/>
      <c r="FO3" s="520"/>
      <c r="FP3" s="520"/>
      <c r="FQ3" s="520"/>
      <c r="FR3" s="520"/>
      <c r="FS3" s="520"/>
      <c r="FT3" s="520"/>
      <c r="FU3" s="520"/>
      <c r="FV3" s="520"/>
      <c r="FW3" s="520"/>
      <c r="FX3" s="520"/>
      <c r="FY3" s="520"/>
      <c r="FZ3" s="520"/>
      <c r="GA3" s="520"/>
      <c r="GB3" s="520"/>
      <c r="GC3" s="520"/>
      <c r="GD3" s="520"/>
      <c r="GE3" s="520"/>
      <c r="GF3" s="520"/>
      <c r="GG3" s="520"/>
      <c r="GH3" s="520"/>
      <c r="GI3" s="520"/>
      <c r="GJ3" s="520"/>
      <c r="GK3" s="520"/>
      <c r="GL3" s="520"/>
      <c r="GM3" s="520"/>
      <c r="GN3" s="520"/>
      <c r="GO3" s="520"/>
      <c r="GP3" s="520"/>
      <c r="GQ3" s="520"/>
      <c r="GR3" s="521"/>
      <c r="GS3" s="520" t="s">
        <v>104</v>
      </c>
      <c r="GT3" s="520"/>
      <c r="GU3" s="520"/>
      <c r="GV3" s="520"/>
      <c r="GW3" s="520"/>
      <c r="GX3" s="520"/>
      <c r="GY3" s="520"/>
      <c r="GZ3" s="520"/>
      <c r="HA3" s="520"/>
      <c r="HB3" s="520"/>
      <c r="HC3" s="520"/>
      <c r="HD3" s="520"/>
      <c r="HE3" s="520"/>
      <c r="HF3" s="520"/>
      <c r="HG3" s="520"/>
      <c r="HH3" s="520"/>
      <c r="HI3" s="520"/>
      <c r="HJ3" s="520"/>
      <c r="HK3" s="520"/>
      <c r="HL3" s="520"/>
      <c r="HM3" s="520"/>
      <c r="HN3" s="520"/>
      <c r="HO3" s="520"/>
      <c r="HP3" s="520"/>
      <c r="HQ3" s="520"/>
      <c r="HR3" s="520"/>
      <c r="HS3" s="520"/>
      <c r="HT3" s="520"/>
      <c r="HU3" s="520"/>
      <c r="HV3" s="520"/>
      <c r="HW3" s="520"/>
      <c r="HX3" s="520"/>
      <c r="HY3" s="520"/>
      <c r="HZ3" s="520"/>
      <c r="IA3" s="520"/>
      <c r="IB3" s="520"/>
      <c r="IC3" s="520"/>
      <c r="ID3" s="520"/>
      <c r="IE3" s="520"/>
      <c r="IF3" s="520"/>
      <c r="IG3" s="520"/>
      <c r="IH3" s="520"/>
      <c r="II3" s="520"/>
      <c r="IJ3" s="520"/>
      <c r="IK3" s="520"/>
      <c r="IL3" s="520"/>
      <c r="IM3" s="520"/>
      <c r="IN3" s="520"/>
      <c r="IO3" s="520"/>
      <c r="IP3" s="520"/>
      <c r="IQ3" s="520"/>
      <c r="IR3" s="520"/>
      <c r="IS3" s="520"/>
      <c r="IT3" s="520"/>
      <c r="IU3" s="520"/>
      <c r="IV3" s="520"/>
      <c r="IW3" s="520"/>
      <c r="IX3" s="520"/>
      <c r="IY3" s="520"/>
      <c r="IZ3" s="520"/>
      <c r="JA3" s="520"/>
      <c r="JB3" s="520"/>
      <c r="JC3" s="520"/>
      <c r="JD3" s="520"/>
      <c r="JE3" s="520"/>
      <c r="JF3" s="520"/>
      <c r="JG3" s="520"/>
      <c r="JH3" s="520"/>
      <c r="JI3" s="520"/>
      <c r="JJ3" s="520"/>
      <c r="JK3" s="520"/>
      <c r="JL3" s="520"/>
      <c r="JM3" s="520"/>
      <c r="JN3" s="520"/>
      <c r="JO3" s="520"/>
      <c r="JP3" s="520"/>
      <c r="JQ3" s="520"/>
      <c r="JR3" s="520"/>
      <c r="JS3" s="520"/>
      <c r="JT3" s="520"/>
      <c r="JU3" s="520"/>
      <c r="JV3" s="520"/>
      <c r="JW3" s="520"/>
      <c r="JX3" s="520"/>
      <c r="JY3" s="520"/>
      <c r="JZ3" s="520"/>
      <c r="KA3" s="520"/>
      <c r="KB3" s="520"/>
      <c r="KC3" s="520"/>
      <c r="KD3" s="520"/>
      <c r="KE3" s="520"/>
      <c r="KF3" s="520"/>
      <c r="KG3" s="520"/>
      <c r="KH3" s="520"/>
      <c r="KI3" s="520"/>
      <c r="KJ3" s="520"/>
      <c r="KK3" s="520"/>
      <c r="KL3" s="520"/>
      <c r="KM3" s="521"/>
    </row>
    <row r="4" spans="2:299" ht="21" customHeight="1" thickBot="1" x14ac:dyDescent="0.25">
      <c r="B4" s="537"/>
      <c r="C4" s="522" t="s">
        <v>39</v>
      </c>
      <c r="D4" s="523"/>
      <c r="E4" s="523"/>
      <c r="F4" s="523"/>
      <c r="G4" s="523"/>
      <c r="H4" s="523"/>
      <c r="I4" s="523"/>
      <c r="J4" s="523"/>
      <c r="K4" s="523"/>
      <c r="L4" s="523"/>
      <c r="M4" s="523"/>
      <c r="N4" s="523"/>
      <c r="O4" s="523"/>
      <c r="P4" s="523"/>
      <c r="Q4" s="523"/>
      <c r="R4" s="523"/>
      <c r="S4" s="523"/>
      <c r="T4" s="523"/>
      <c r="U4" s="523"/>
      <c r="V4" s="523"/>
      <c r="W4" s="523"/>
      <c r="X4" s="523"/>
      <c r="Y4" s="523"/>
      <c r="Z4" s="523"/>
      <c r="AA4" s="523"/>
      <c r="AB4" s="523"/>
      <c r="AC4" s="523"/>
      <c r="AD4" s="523"/>
      <c r="AE4" s="523"/>
      <c r="AF4" s="523"/>
      <c r="AG4" s="523"/>
      <c r="AH4" s="523"/>
      <c r="AI4" s="523"/>
      <c r="AJ4" s="523"/>
      <c r="AK4" s="523"/>
      <c r="AL4" s="523"/>
      <c r="AM4" s="523"/>
      <c r="AN4" s="523"/>
      <c r="AO4" s="523"/>
      <c r="AP4" s="523"/>
      <c r="AQ4" s="523"/>
      <c r="AR4" s="523"/>
      <c r="AS4" s="523"/>
      <c r="AT4" s="523"/>
      <c r="AU4" s="523"/>
      <c r="AV4" s="523"/>
      <c r="AW4" s="523"/>
      <c r="AX4" s="523"/>
      <c r="AY4" s="523"/>
      <c r="AZ4" s="523"/>
      <c r="BA4" s="523"/>
      <c r="BB4" s="523"/>
      <c r="BC4" s="523"/>
      <c r="BD4" s="523"/>
      <c r="BE4" s="523"/>
      <c r="BF4" s="523"/>
      <c r="BG4" s="523"/>
      <c r="BH4" s="523"/>
      <c r="BI4" s="523"/>
      <c r="BJ4" s="523"/>
      <c r="BK4" s="523"/>
      <c r="BL4" s="523"/>
      <c r="BM4" s="523"/>
      <c r="BN4" s="523"/>
      <c r="BO4" s="523"/>
      <c r="BP4" s="523"/>
      <c r="BQ4" s="523"/>
      <c r="BR4" s="523"/>
      <c r="BS4" s="523"/>
      <c r="BT4" s="523"/>
      <c r="BU4" s="523"/>
      <c r="BV4" s="523"/>
      <c r="BW4" s="523"/>
      <c r="BX4" s="523"/>
      <c r="BY4" s="523"/>
      <c r="BZ4" s="523"/>
      <c r="CA4" s="524"/>
      <c r="CB4" s="525" t="s">
        <v>40</v>
      </c>
      <c r="CC4" s="526"/>
      <c r="CD4" s="526"/>
      <c r="CE4" s="526"/>
      <c r="CF4" s="526"/>
      <c r="CG4" s="526"/>
      <c r="CH4" s="526"/>
      <c r="CI4" s="526"/>
      <c r="CJ4" s="526"/>
      <c r="CK4" s="526"/>
      <c r="CL4" s="527"/>
      <c r="CM4" s="525" t="s">
        <v>41</v>
      </c>
      <c r="CN4" s="526"/>
      <c r="CO4" s="526"/>
      <c r="CP4" s="526"/>
      <c r="CQ4" s="526"/>
      <c r="CR4" s="526"/>
      <c r="CS4" s="526"/>
      <c r="CT4" s="526"/>
      <c r="CU4" s="526"/>
      <c r="CV4" s="526"/>
      <c r="CW4" s="527"/>
      <c r="CX4" s="522" t="s">
        <v>39</v>
      </c>
      <c r="CY4" s="523"/>
      <c r="CZ4" s="523"/>
      <c r="DA4" s="523"/>
      <c r="DB4" s="523"/>
      <c r="DC4" s="523"/>
      <c r="DD4" s="523"/>
      <c r="DE4" s="523"/>
      <c r="DF4" s="523"/>
      <c r="DG4" s="523"/>
      <c r="DH4" s="523"/>
      <c r="DI4" s="523"/>
      <c r="DJ4" s="523"/>
      <c r="DK4" s="523"/>
      <c r="DL4" s="523"/>
      <c r="DM4" s="523"/>
      <c r="DN4" s="523"/>
      <c r="DO4" s="523"/>
      <c r="DP4" s="523"/>
      <c r="DQ4" s="523"/>
      <c r="DR4" s="523"/>
      <c r="DS4" s="523"/>
      <c r="DT4" s="523"/>
      <c r="DU4" s="523"/>
      <c r="DV4" s="523"/>
      <c r="DW4" s="523"/>
      <c r="DX4" s="523"/>
      <c r="DY4" s="523"/>
      <c r="DZ4" s="523"/>
      <c r="EA4" s="523"/>
      <c r="EB4" s="523"/>
      <c r="EC4" s="523"/>
      <c r="ED4" s="523"/>
      <c r="EE4" s="523"/>
      <c r="EF4" s="523"/>
      <c r="EG4" s="523"/>
      <c r="EH4" s="523"/>
      <c r="EI4" s="523"/>
      <c r="EJ4" s="523"/>
      <c r="EK4" s="523"/>
      <c r="EL4" s="523"/>
      <c r="EM4" s="523"/>
      <c r="EN4" s="523"/>
      <c r="EO4" s="523"/>
      <c r="EP4" s="523"/>
      <c r="EQ4" s="523"/>
      <c r="ER4" s="523"/>
      <c r="ES4" s="523"/>
      <c r="ET4" s="523"/>
      <c r="EU4" s="523"/>
      <c r="EV4" s="523"/>
      <c r="EW4" s="523"/>
      <c r="EX4" s="523"/>
      <c r="EY4" s="523"/>
      <c r="EZ4" s="523"/>
      <c r="FA4" s="523"/>
      <c r="FB4" s="523"/>
      <c r="FC4" s="523"/>
      <c r="FD4" s="523"/>
      <c r="FE4" s="523"/>
      <c r="FF4" s="523"/>
      <c r="FG4" s="523"/>
      <c r="FH4" s="523"/>
      <c r="FI4" s="523"/>
      <c r="FJ4" s="523"/>
      <c r="FK4" s="523"/>
      <c r="FL4" s="523"/>
      <c r="FM4" s="523"/>
      <c r="FN4" s="523"/>
      <c r="FO4" s="523"/>
      <c r="FP4" s="523"/>
      <c r="FQ4" s="523"/>
      <c r="FR4" s="523"/>
      <c r="FS4" s="523"/>
      <c r="FT4" s="523"/>
      <c r="FU4" s="523"/>
      <c r="FV4" s="524"/>
      <c r="FW4" s="525" t="s">
        <v>40</v>
      </c>
      <c r="FX4" s="526"/>
      <c r="FY4" s="526"/>
      <c r="FZ4" s="526"/>
      <c r="GA4" s="526"/>
      <c r="GB4" s="526"/>
      <c r="GC4" s="526"/>
      <c r="GD4" s="526"/>
      <c r="GE4" s="526"/>
      <c r="GF4" s="526"/>
      <c r="GG4" s="527"/>
      <c r="GH4" s="525" t="s">
        <v>41</v>
      </c>
      <c r="GI4" s="526"/>
      <c r="GJ4" s="526"/>
      <c r="GK4" s="526"/>
      <c r="GL4" s="526"/>
      <c r="GM4" s="526"/>
      <c r="GN4" s="526"/>
      <c r="GO4" s="526"/>
      <c r="GP4" s="526"/>
      <c r="GQ4" s="526"/>
      <c r="GR4" s="527"/>
      <c r="GS4" s="522" t="s">
        <v>39</v>
      </c>
      <c r="GT4" s="523"/>
      <c r="GU4" s="523"/>
      <c r="GV4" s="523"/>
      <c r="GW4" s="523"/>
      <c r="GX4" s="523"/>
      <c r="GY4" s="523"/>
      <c r="GZ4" s="523"/>
      <c r="HA4" s="523"/>
      <c r="HB4" s="523"/>
      <c r="HC4" s="523"/>
      <c r="HD4" s="523"/>
      <c r="HE4" s="523"/>
      <c r="HF4" s="523"/>
      <c r="HG4" s="523"/>
      <c r="HH4" s="523"/>
      <c r="HI4" s="523"/>
      <c r="HJ4" s="523"/>
      <c r="HK4" s="523"/>
      <c r="HL4" s="523"/>
      <c r="HM4" s="523"/>
      <c r="HN4" s="523"/>
      <c r="HO4" s="523"/>
      <c r="HP4" s="523"/>
      <c r="HQ4" s="523"/>
      <c r="HR4" s="523"/>
      <c r="HS4" s="523"/>
      <c r="HT4" s="523"/>
      <c r="HU4" s="523"/>
      <c r="HV4" s="523"/>
      <c r="HW4" s="523"/>
      <c r="HX4" s="523"/>
      <c r="HY4" s="523"/>
      <c r="HZ4" s="523"/>
      <c r="IA4" s="523"/>
      <c r="IB4" s="523"/>
      <c r="IC4" s="523"/>
      <c r="ID4" s="523"/>
      <c r="IE4" s="523"/>
      <c r="IF4" s="523"/>
      <c r="IG4" s="523"/>
      <c r="IH4" s="523"/>
      <c r="II4" s="523"/>
      <c r="IJ4" s="523"/>
      <c r="IK4" s="523"/>
      <c r="IL4" s="523"/>
      <c r="IM4" s="523"/>
      <c r="IN4" s="523"/>
      <c r="IO4" s="523"/>
      <c r="IP4" s="523"/>
      <c r="IQ4" s="523"/>
      <c r="IR4" s="523"/>
      <c r="IS4" s="523"/>
      <c r="IT4" s="523"/>
      <c r="IU4" s="523"/>
      <c r="IV4" s="523"/>
      <c r="IW4" s="523"/>
      <c r="IX4" s="523"/>
      <c r="IY4" s="523"/>
      <c r="IZ4" s="523"/>
      <c r="JA4" s="523"/>
      <c r="JB4" s="523"/>
      <c r="JC4" s="523"/>
      <c r="JD4" s="523"/>
      <c r="JE4" s="523"/>
      <c r="JF4" s="523"/>
      <c r="JG4" s="523"/>
      <c r="JH4" s="523"/>
      <c r="JI4" s="523"/>
      <c r="JJ4" s="523"/>
      <c r="JK4" s="523"/>
      <c r="JL4" s="523"/>
      <c r="JM4" s="523"/>
      <c r="JN4" s="523"/>
      <c r="JO4" s="523"/>
      <c r="JP4" s="523"/>
      <c r="JQ4" s="524"/>
      <c r="JR4" s="525" t="s">
        <v>40</v>
      </c>
      <c r="JS4" s="526"/>
      <c r="JT4" s="526"/>
      <c r="JU4" s="526"/>
      <c r="JV4" s="526"/>
      <c r="JW4" s="526"/>
      <c r="JX4" s="526"/>
      <c r="JY4" s="526"/>
      <c r="JZ4" s="526"/>
      <c r="KA4" s="526"/>
      <c r="KB4" s="527"/>
      <c r="KC4" s="525" t="s">
        <v>41</v>
      </c>
      <c r="KD4" s="526"/>
      <c r="KE4" s="526"/>
      <c r="KF4" s="526"/>
      <c r="KG4" s="526"/>
      <c r="KH4" s="526"/>
      <c r="KI4" s="526"/>
      <c r="KJ4" s="526"/>
      <c r="KK4" s="526"/>
      <c r="KL4" s="526"/>
      <c r="KM4" s="527"/>
    </row>
    <row r="5" spans="2:299" ht="21" customHeight="1" thickBot="1" x14ac:dyDescent="0.25">
      <c r="B5" s="531"/>
      <c r="C5" s="531"/>
      <c r="D5" s="532"/>
      <c r="E5" s="532"/>
      <c r="F5" s="532"/>
      <c r="G5" s="532"/>
      <c r="H5" s="532"/>
      <c r="I5" s="532"/>
      <c r="J5" s="532"/>
      <c r="K5" s="532"/>
      <c r="L5" s="532"/>
      <c r="M5" s="533"/>
      <c r="N5" s="534" t="s">
        <v>97</v>
      </c>
      <c r="O5" s="535"/>
      <c r="P5" s="535"/>
      <c r="Q5" s="535"/>
      <c r="R5" s="535"/>
      <c r="S5" s="535"/>
      <c r="T5" s="535"/>
      <c r="U5" s="535"/>
      <c r="V5" s="535"/>
      <c r="W5" s="535"/>
      <c r="X5" s="536"/>
      <c r="Y5" s="534" t="s">
        <v>98</v>
      </c>
      <c r="Z5" s="535"/>
      <c r="AA5" s="535"/>
      <c r="AB5" s="535"/>
      <c r="AC5" s="535"/>
      <c r="AD5" s="535"/>
      <c r="AE5" s="535"/>
      <c r="AF5" s="535"/>
      <c r="AG5" s="535"/>
      <c r="AH5" s="535"/>
      <c r="AI5" s="536"/>
      <c r="AJ5" s="534" t="s">
        <v>99</v>
      </c>
      <c r="AK5" s="535"/>
      <c r="AL5" s="535"/>
      <c r="AM5" s="535"/>
      <c r="AN5" s="535"/>
      <c r="AO5" s="535"/>
      <c r="AP5" s="535"/>
      <c r="AQ5" s="535"/>
      <c r="AR5" s="535"/>
      <c r="AS5" s="535"/>
      <c r="AT5" s="536"/>
      <c r="AU5" s="534" t="s">
        <v>100</v>
      </c>
      <c r="AV5" s="535"/>
      <c r="AW5" s="535"/>
      <c r="AX5" s="535"/>
      <c r="AY5" s="535"/>
      <c r="AZ5" s="535"/>
      <c r="BA5" s="535"/>
      <c r="BB5" s="535"/>
      <c r="BC5" s="535"/>
      <c r="BD5" s="535"/>
      <c r="BE5" s="536"/>
      <c r="BF5" s="534" t="s">
        <v>101</v>
      </c>
      <c r="BG5" s="535"/>
      <c r="BH5" s="535"/>
      <c r="BI5" s="535"/>
      <c r="BJ5" s="535"/>
      <c r="BK5" s="535"/>
      <c r="BL5" s="535"/>
      <c r="BM5" s="535"/>
      <c r="BN5" s="535"/>
      <c r="BO5" s="535"/>
      <c r="BP5" s="536"/>
      <c r="BQ5" s="534" t="s">
        <v>102</v>
      </c>
      <c r="BR5" s="535"/>
      <c r="BS5" s="535"/>
      <c r="BT5" s="535"/>
      <c r="BU5" s="535"/>
      <c r="BV5" s="535"/>
      <c r="BW5" s="535"/>
      <c r="BX5" s="535"/>
      <c r="BY5" s="535"/>
      <c r="BZ5" s="535"/>
      <c r="CA5" s="536"/>
      <c r="CB5" s="528"/>
      <c r="CC5" s="529"/>
      <c r="CD5" s="529"/>
      <c r="CE5" s="529"/>
      <c r="CF5" s="529"/>
      <c r="CG5" s="529"/>
      <c r="CH5" s="529"/>
      <c r="CI5" s="529"/>
      <c r="CJ5" s="529"/>
      <c r="CK5" s="529"/>
      <c r="CL5" s="530"/>
      <c r="CM5" s="528"/>
      <c r="CN5" s="529"/>
      <c r="CO5" s="529"/>
      <c r="CP5" s="529"/>
      <c r="CQ5" s="529"/>
      <c r="CR5" s="529"/>
      <c r="CS5" s="529"/>
      <c r="CT5" s="529"/>
      <c r="CU5" s="529"/>
      <c r="CV5" s="529"/>
      <c r="CW5" s="530"/>
      <c r="CX5" s="531"/>
      <c r="CY5" s="532"/>
      <c r="CZ5" s="532"/>
      <c r="DA5" s="532"/>
      <c r="DB5" s="532"/>
      <c r="DC5" s="532"/>
      <c r="DD5" s="532"/>
      <c r="DE5" s="532"/>
      <c r="DF5" s="532"/>
      <c r="DG5" s="532"/>
      <c r="DH5" s="533"/>
      <c r="DI5" s="534" t="s">
        <v>97</v>
      </c>
      <c r="DJ5" s="535"/>
      <c r="DK5" s="535"/>
      <c r="DL5" s="535"/>
      <c r="DM5" s="535"/>
      <c r="DN5" s="535"/>
      <c r="DO5" s="535"/>
      <c r="DP5" s="535"/>
      <c r="DQ5" s="535"/>
      <c r="DR5" s="535"/>
      <c r="DS5" s="536"/>
      <c r="DT5" s="534" t="s">
        <v>98</v>
      </c>
      <c r="DU5" s="535"/>
      <c r="DV5" s="535"/>
      <c r="DW5" s="535"/>
      <c r="DX5" s="535"/>
      <c r="DY5" s="535"/>
      <c r="DZ5" s="535"/>
      <c r="EA5" s="535"/>
      <c r="EB5" s="535"/>
      <c r="EC5" s="535"/>
      <c r="ED5" s="536"/>
      <c r="EE5" s="534" t="s">
        <v>99</v>
      </c>
      <c r="EF5" s="535"/>
      <c r="EG5" s="535"/>
      <c r="EH5" s="535"/>
      <c r="EI5" s="535"/>
      <c r="EJ5" s="535"/>
      <c r="EK5" s="535"/>
      <c r="EL5" s="535"/>
      <c r="EM5" s="535"/>
      <c r="EN5" s="535"/>
      <c r="EO5" s="536"/>
      <c r="EP5" s="534" t="s">
        <v>100</v>
      </c>
      <c r="EQ5" s="535"/>
      <c r="ER5" s="535"/>
      <c r="ES5" s="535"/>
      <c r="ET5" s="535"/>
      <c r="EU5" s="535"/>
      <c r="EV5" s="535"/>
      <c r="EW5" s="535"/>
      <c r="EX5" s="535"/>
      <c r="EY5" s="535"/>
      <c r="EZ5" s="536"/>
      <c r="FA5" s="534" t="s">
        <v>101</v>
      </c>
      <c r="FB5" s="535"/>
      <c r="FC5" s="535"/>
      <c r="FD5" s="535"/>
      <c r="FE5" s="535"/>
      <c r="FF5" s="535"/>
      <c r="FG5" s="535"/>
      <c r="FH5" s="535"/>
      <c r="FI5" s="535"/>
      <c r="FJ5" s="535"/>
      <c r="FK5" s="536"/>
      <c r="FL5" s="534" t="s">
        <v>102</v>
      </c>
      <c r="FM5" s="535"/>
      <c r="FN5" s="535"/>
      <c r="FO5" s="535"/>
      <c r="FP5" s="535"/>
      <c r="FQ5" s="535"/>
      <c r="FR5" s="535"/>
      <c r="FS5" s="535"/>
      <c r="FT5" s="535"/>
      <c r="FU5" s="535"/>
      <c r="FV5" s="536"/>
      <c r="FW5" s="528"/>
      <c r="FX5" s="529"/>
      <c r="FY5" s="529"/>
      <c r="FZ5" s="529"/>
      <c r="GA5" s="529"/>
      <c r="GB5" s="529"/>
      <c r="GC5" s="529"/>
      <c r="GD5" s="529"/>
      <c r="GE5" s="529"/>
      <c r="GF5" s="529"/>
      <c r="GG5" s="530"/>
      <c r="GH5" s="528"/>
      <c r="GI5" s="529"/>
      <c r="GJ5" s="529"/>
      <c r="GK5" s="529"/>
      <c r="GL5" s="529"/>
      <c r="GM5" s="529"/>
      <c r="GN5" s="529"/>
      <c r="GO5" s="529"/>
      <c r="GP5" s="529"/>
      <c r="GQ5" s="529"/>
      <c r="GR5" s="530"/>
      <c r="GS5" s="531"/>
      <c r="GT5" s="532"/>
      <c r="GU5" s="532"/>
      <c r="GV5" s="532"/>
      <c r="GW5" s="532"/>
      <c r="GX5" s="532"/>
      <c r="GY5" s="532"/>
      <c r="GZ5" s="532"/>
      <c r="HA5" s="532"/>
      <c r="HB5" s="532"/>
      <c r="HC5" s="533"/>
      <c r="HD5" s="534" t="s">
        <v>97</v>
      </c>
      <c r="HE5" s="535"/>
      <c r="HF5" s="535"/>
      <c r="HG5" s="535"/>
      <c r="HH5" s="535"/>
      <c r="HI5" s="535"/>
      <c r="HJ5" s="535"/>
      <c r="HK5" s="535"/>
      <c r="HL5" s="535"/>
      <c r="HM5" s="535"/>
      <c r="HN5" s="536"/>
      <c r="HO5" s="534" t="s">
        <v>98</v>
      </c>
      <c r="HP5" s="535"/>
      <c r="HQ5" s="535"/>
      <c r="HR5" s="535"/>
      <c r="HS5" s="535"/>
      <c r="HT5" s="535"/>
      <c r="HU5" s="535"/>
      <c r="HV5" s="535"/>
      <c r="HW5" s="535"/>
      <c r="HX5" s="535"/>
      <c r="HY5" s="536"/>
      <c r="HZ5" s="534" t="s">
        <v>99</v>
      </c>
      <c r="IA5" s="535"/>
      <c r="IB5" s="535"/>
      <c r="IC5" s="535"/>
      <c r="ID5" s="535"/>
      <c r="IE5" s="535"/>
      <c r="IF5" s="535"/>
      <c r="IG5" s="535"/>
      <c r="IH5" s="535"/>
      <c r="II5" s="535"/>
      <c r="IJ5" s="536"/>
      <c r="IK5" s="534" t="s">
        <v>100</v>
      </c>
      <c r="IL5" s="535"/>
      <c r="IM5" s="535"/>
      <c r="IN5" s="535"/>
      <c r="IO5" s="535"/>
      <c r="IP5" s="535"/>
      <c r="IQ5" s="535"/>
      <c r="IR5" s="535"/>
      <c r="IS5" s="535"/>
      <c r="IT5" s="535"/>
      <c r="IU5" s="536"/>
      <c r="IV5" s="534" t="s">
        <v>101</v>
      </c>
      <c r="IW5" s="535"/>
      <c r="IX5" s="535"/>
      <c r="IY5" s="535"/>
      <c r="IZ5" s="535"/>
      <c r="JA5" s="535"/>
      <c r="JB5" s="535"/>
      <c r="JC5" s="535"/>
      <c r="JD5" s="535"/>
      <c r="JE5" s="535"/>
      <c r="JF5" s="536"/>
      <c r="JG5" s="534" t="s">
        <v>102</v>
      </c>
      <c r="JH5" s="535"/>
      <c r="JI5" s="535"/>
      <c r="JJ5" s="535"/>
      <c r="JK5" s="535"/>
      <c r="JL5" s="535"/>
      <c r="JM5" s="535"/>
      <c r="JN5" s="535"/>
      <c r="JO5" s="535"/>
      <c r="JP5" s="535"/>
      <c r="JQ5" s="536"/>
      <c r="JR5" s="528"/>
      <c r="JS5" s="529"/>
      <c r="JT5" s="529"/>
      <c r="JU5" s="529"/>
      <c r="JV5" s="529"/>
      <c r="JW5" s="529"/>
      <c r="JX5" s="529"/>
      <c r="JY5" s="529"/>
      <c r="JZ5" s="529"/>
      <c r="KA5" s="529"/>
      <c r="KB5" s="530"/>
      <c r="KC5" s="528"/>
      <c r="KD5" s="529"/>
      <c r="KE5" s="529"/>
      <c r="KF5" s="529"/>
      <c r="KG5" s="529"/>
      <c r="KH5" s="529"/>
      <c r="KI5" s="529"/>
      <c r="KJ5" s="529"/>
      <c r="KK5" s="529"/>
      <c r="KL5" s="529"/>
      <c r="KM5" s="530"/>
    </row>
    <row r="6" spans="2:299" ht="30" customHeight="1" thickBot="1" x14ac:dyDescent="0.25">
      <c r="B6" s="293" t="s">
        <v>42</v>
      </c>
      <c r="C6" s="43" t="s">
        <v>43</v>
      </c>
      <c r="D6" s="41" t="s">
        <v>44</v>
      </c>
      <c r="E6" s="42" t="s">
        <v>45</v>
      </c>
      <c r="F6" s="44" t="s">
        <v>46</v>
      </c>
      <c r="G6" s="41" t="s">
        <v>47</v>
      </c>
      <c r="H6" s="41" t="s">
        <v>48</v>
      </c>
      <c r="I6" s="41" t="s">
        <v>49</v>
      </c>
      <c r="J6" s="41" t="s">
        <v>50</v>
      </c>
      <c r="K6" s="41" t="s">
        <v>51</v>
      </c>
      <c r="L6" s="42" t="s">
        <v>45</v>
      </c>
      <c r="M6" s="45" t="s">
        <v>52</v>
      </c>
      <c r="N6" s="330" t="s">
        <v>43</v>
      </c>
      <c r="O6" s="331" t="s">
        <v>44</v>
      </c>
      <c r="P6" s="332" t="s">
        <v>45</v>
      </c>
      <c r="Q6" s="333" t="s">
        <v>46</v>
      </c>
      <c r="R6" s="331" t="s">
        <v>47</v>
      </c>
      <c r="S6" s="331" t="s">
        <v>48</v>
      </c>
      <c r="T6" s="331" t="s">
        <v>49</v>
      </c>
      <c r="U6" s="331" t="s">
        <v>50</v>
      </c>
      <c r="V6" s="331" t="s">
        <v>51</v>
      </c>
      <c r="W6" s="332" t="s">
        <v>45</v>
      </c>
      <c r="X6" s="329" t="s">
        <v>52</v>
      </c>
      <c r="Y6" s="330" t="s">
        <v>43</v>
      </c>
      <c r="Z6" s="331" t="s">
        <v>44</v>
      </c>
      <c r="AA6" s="332" t="s">
        <v>45</v>
      </c>
      <c r="AB6" s="333" t="s">
        <v>46</v>
      </c>
      <c r="AC6" s="331" t="s">
        <v>47</v>
      </c>
      <c r="AD6" s="331" t="s">
        <v>48</v>
      </c>
      <c r="AE6" s="331" t="s">
        <v>49</v>
      </c>
      <c r="AF6" s="331" t="s">
        <v>50</v>
      </c>
      <c r="AG6" s="331" t="s">
        <v>51</v>
      </c>
      <c r="AH6" s="332" t="s">
        <v>45</v>
      </c>
      <c r="AI6" s="334" t="s">
        <v>52</v>
      </c>
      <c r="AJ6" s="330" t="s">
        <v>43</v>
      </c>
      <c r="AK6" s="331" t="s">
        <v>44</v>
      </c>
      <c r="AL6" s="332" t="s">
        <v>45</v>
      </c>
      <c r="AM6" s="333" t="s">
        <v>46</v>
      </c>
      <c r="AN6" s="331" t="s">
        <v>47</v>
      </c>
      <c r="AO6" s="331" t="s">
        <v>48</v>
      </c>
      <c r="AP6" s="331" t="s">
        <v>49</v>
      </c>
      <c r="AQ6" s="331" t="s">
        <v>50</v>
      </c>
      <c r="AR6" s="331" t="s">
        <v>51</v>
      </c>
      <c r="AS6" s="332" t="s">
        <v>45</v>
      </c>
      <c r="AT6" s="334" t="s">
        <v>52</v>
      </c>
      <c r="AU6" s="330" t="s">
        <v>43</v>
      </c>
      <c r="AV6" s="331" t="s">
        <v>44</v>
      </c>
      <c r="AW6" s="332" t="s">
        <v>45</v>
      </c>
      <c r="AX6" s="333" t="s">
        <v>46</v>
      </c>
      <c r="AY6" s="331" t="s">
        <v>47</v>
      </c>
      <c r="AZ6" s="331" t="s">
        <v>48</v>
      </c>
      <c r="BA6" s="331" t="s">
        <v>49</v>
      </c>
      <c r="BB6" s="331" t="s">
        <v>50</v>
      </c>
      <c r="BC6" s="331" t="s">
        <v>51</v>
      </c>
      <c r="BD6" s="332" t="s">
        <v>45</v>
      </c>
      <c r="BE6" s="334" t="s">
        <v>52</v>
      </c>
      <c r="BF6" s="330" t="s">
        <v>43</v>
      </c>
      <c r="BG6" s="331" t="s">
        <v>44</v>
      </c>
      <c r="BH6" s="332" t="s">
        <v>45</v>
      </c>
      <c r="BI6" s="333" t="s">
        <v>46</v>
      </c>
      <c r="BJ6" s="331" t="s">
        <v>47</v>
      </c>
      <c r="BK6" s="331" t="s">
        <v>48</v>
      </c>
      <c r="BL6" s="331" t="s">
        <v>49</v>
      </c>
      <c r="BM6" s="331" t="s">
        <v>50</v>
      </c>
      <c r="BN6" s="331" t="s">
        <v>51</v>
      </c>
      <c r="BO6" s="332" t="s">
        <v>45</v>
      </c>
      <c r="BP6" s="334" t="s">
        <v>52</v>
      </c>
      <c r="BQ6" s="330" t="s">
        <v>43</v>
      </c>
      <c r="BR6" s="331" t="s">
        <v>44</v>
      </c>
      <c r="BS6" s="332" t="s">
        <v>45</v>
      </c>
      <c r="BT6" s="333" t="s">
        <v>46</v>
      </c>
      <c r="BU6" s="331" t="s">
        <v>47</v>
      </c>
      <c r="BV6" s="331" t="s">
        <v>48</v>
      </c>
      <c r="BW6" s="331" t="s">
        <v>49</v>
      </c>
      <c r="BX6" s="331" t="s">
        <v>50</v>
      </c>
      <c r="BY6" s="331" t="s">
        <v>51</v>
      </c>
      <c r="BZ6" s="332" t="s">
        <v>45</v>
      </c>
      <c r="CA6" s="334" t="s">
        <v>52</v>
      </c>
      <c r="CB6" s="330" t="s">
        <v>43</v>
      </c>
      <c r="CC6" s="331" t="s">
        <v>44</v>
      </c>
      <c r="CD6" s="332" t="s">
        <v>45</v>
      </c>
      <c r="CE6" s="333" t="s">
        <v>46</v>
      </c>
      <c r="CF6" s="331" t="s">
        <v>47</v>
      </c>
      <c r="CG6" s="331" t="s">
        <v>48</v>
      </c>
      <c r="CH6" s="331" t="s">
        <v>49</v>
      </c>
      <c r="CI6" s="331" t="s">
        <v>50</v>
      </c>
      <c r="CJ6" s="331" t="s">
        <v>51</v>
      </c>
      <c r="CK6" s="332" t="s">
        <v>45</v>
      </c>
      <c r="CL6" s="334" t="s">
        <v>52</v>
      </c>
      <c r="CM6" s="330" t="s">
        <v>43</v>
      </c>
      <c r="CN6" s="331" t="s">
        <v>44</v>
      </c>
      <c r="CO6" s="332" t="s">
        <v>45</v>
      </c>
      <c r="CP6" s="333" t="s">
        <v>46</v>
      </c>
      <c r="CQ6" s="331" t="s">
        <v>47</v>
      </c>
      <c r="CR6" s="331" t="s">
        <v>48</v>
      </c>
      <c r="CS6" s="331" t="s">
        <v>49</v>
      </c>
      <c r="CT6" s="331" t="s">
        <v>50</v>
      </c>
      <c r="CU6" s="331" t="s">
        <v>51</v>
      </c>
      <c r="CV6" s="332" t="s">
        <v>45</v>
      </c>
      <c r="CW6" s="334" t="s">
        <v>52</v>
      </c>
      <c r="CX6" s="43" t="s">
        <v>43</v>
      </c>
      <c r="CY6" s="41" t="s">
        <v>44</v>
      </c>
      <c r="CZ6" s="42" t="s">
        <v>45</v>
      </c>
      <c r="DA6" s="44" t="s">
        <v>46</v>
      </c>
      <c r="DB6" s="41" t="s">
        <v>47</v>
      </c>
      <c r="DC6" s="41" t="s">
        <v>48</v>
      </c>
      <c r="DD6" s="41" t="s">
        <v>49</v>
      </c>
      <c r="DE6" s="41" t="s">
        <v>50</v>
      </c>
      <c r="DF6" s="41" t="s">
        <v>51</v>
      </c>
      <c r="DG6" s="42" t="s">
        <v>45</v>
      </c>
      <c r="DH6" s="45" t="s">
        <v>52</v>
      </c>
      <c r="DI6" s="330" t="s">
        <v>43</v>
      </c>
      <c r="DJ6" s="331" t="s">
        <v>44</v>
      </c>
      <c r="DK6" s="332" t="s">
        <v>45</v>
      </c>
      <c r="DL6" s="333" t="s">
        <v>46</v>
      </c>
      <c r="DM6" s="331" t="s">
        <v>47</v>
      </c>
      <c r="DN6" s="331" t="s">
        <v>48</v>
      </c>
      <c r="DO6" s="331" t="s">
        <v>49</v>
      </c>
      <c r="DP6" s="331" t="s">
        <v>50</v>
      </c>
      <c r="DQ6" s="331" t="s">
        <v>51</v>
      </c>
      <c r="DR6" s="332" t="s">
        <v>45</v>
      </c>
      <c r="DS6" s="334" t="s">
        <v>52</v>
      </c>
      <c r="DT6" s="330" t="s">
        <v>43</v>
      </c>
      <c r="DU6" s="331" t="s">
        <v>44</v>
      </c>
      <c r="DV6" s="332" t="s">
        <v>45</v>
      </c>
      <c r="DW6" s="333" t="s">
        <v>46</v>
      </c>
      <c r="DX6" s="331" t="s">
        <v>47</v>
      </c>
      <c r="DY6" s="331" t="s">
        <v>48</v>
      </c>
      <c r="DZ6" s="331" t="s">
        <v>49</v>
      </c>
      <c r="EA6" s="331" t="s">
        <v>50</v>
      </c>
      <c r="EB6" s="331" t="s">
        <v>51</v>
      </c>
      <c r="EC6" s="332" t="s">
        <v>45</v>
      </c>
      <c r="ED6" s="334" t="s">
        <v>52</v>
      </c>
      <c r="EE6" s="330" t="s">
        <v>43</v>
      </c>
      <c r="EF6" s="331" t="s">
        <v>44</v>
      </c>
      <c r="EG6" s="332" t="s">
        <v>45</v>
      </c>
      <c r="EH6" s="333" t="s">
        <v>46</v>
      </c>
      <c r="EI6" s="331" t="s">
        <v>47</v>
      </c>
      <c r="EJ6" s="331" t="s">
        <v>48</v>
      </c>
      <c r="EK6" s="331" t="s">
        <v>49</v>
      </c>
      <c r="EL6" s="331" t="s">
        <v>50</v>
      </c>
      <c r="EM6" s="331" t="s">
        <v>51</v>
      </c>
      <c r="EN6" s="332" t="s">
        <v>45</v>
      </c>
      <c r="EO6" s="334" t="s">
        <v>52</v>
      </c>
      <c r="EP6" s="330" t="s">
        <v>43</v>
      </c>
      <c r="EQ6" s="331" t="s">
        <v>44</v>
      </c>
      <c r="ER6" s="332" t="s">
        <v>45</v>
      </c>
      <c r="ES6" s="333" t="s">
        <v>46</v>
      </c>
      <c r="ET6" s="331" t="s">
        <v>47</v>
      </c>
      <c r="EU6" s="331" t="s">
        <v>48</v>
      </c>
      <c r="EV6" s="331" t="s">
        <v>49</v>
      </c>
      <c r="EW6" s="331" t="s">
        <v>50</v>
      </c>
      <c r="EX6" s="331" t="s">
        <v>51</v>
      </c>
      <c r="EY6" s="332" t="s">
        <v>45</v>
      </c>
      <c r="EZ6" s="334" t="s">
        <v>52</v>
      </c>
      <c r="FA6" s="330" t="s">
        <v>43</v>
      </c>
      <c r="FB6" s="331" t="s">
        <v>44</v>
      </c>
      <c r="FC6" s="332" t="s">
        <v>45</v>
      </c>
      <c r="FD6" s="333" t="s">
        <v>46</v>
      </c>
      <c r="FE6" s="331" t="s">
        <v>47</v>
      </c>
      <c r="FF6" s="331" t="s">
        <v>48</v>
      </c>
      <c r="FG6" s="331" t="s">
        <v>49</v>
      </c>
      <c r="FH6" s="331" t="s">
        <v>50</v>
      </c>
      <c r="FI6" s="331" t="s">
        <v>51</v>
      </c>
      <c r="FJ6" s="332" t="s">
        <v>45</v>
      </c>
      <c r="FK6" s="334" t="s">
        <v>52</v>
      </c>
      <c r="FL6" s="330" t="s">
        <v>43</v>
      </c>
      <c r="FM6" s="331" t="s">
        <v>44</v>
      </c>
      <c r="FN6" s="332" t="s">
        <v>45</v>
      </c>
      <c r="FO6" s="333" t="s">
        <v>46</v>
      </c>
      <c r="FP6" s="331" t="s">
        <v>47</v>
      </c>
      <c r="FQ6" s="331" t="s">
        <v>48</v>
      </c>
      <c r="FR6" s="331" t="s">
        <v>49</v>
      </c>
      <c r="FS6" s="331" t="s">
        <v>50</v>
      </c>
      <c r="FT6" s="331" t="s">
        <v>51</v>
      </c>
      <c r="FU6" s="332" t="s">
        <v>45</v>
      </c>
      <c r="FV6" s="334" t="s">
        <v>52</v>
      </c>
      <c r="FW6" s="330" t="s">
        <v>43</v>
      </c>
      <c r="FX6" s="331" t="s">
        <v>44</v>
      </c>
      <c r="FY6" s="332" t="s">
        <v>45</v>
      </c>
      <c r="FZ6" s="333" t="s">
        <v>46</v>
      </c>
      <c r="GA6" s="331" t="s">
        <v>47</v>
      </c>
      <c r="GB6" s="331" t="s">
        <v>48</v>
      </c>
      <c r="GC6" s="331" t="s">
        <v>49</v>
      </c>
      <c r="GD6" s="331" t="s">
        <v>50</v>
      </c>
      <c r="GE6" s="331" t="s">
        <v>51</v>
      </c>
      <c r="GF6" s="332" t="s">
        <v>45</v>
      </c>
      <c r="GG6" s="334" t="s">
        <v>52</v>
      </c>
      <c r="GH6" s="330" t="s">
        <v>43</v>
      </c>
      <c r="GI6" s="331" t="s">
        <v>44</v>
      </c>
      <c r="GJ6" s="332" t="s">
        <v>45</v>
      </c>
      <c r="GK6" s="333" t="s">
        <v>46</v>
      </c>
      <c r="GL6" s="331" t="s">
        <v>47</v>
      </c>
      <c r="GM6" s="331" t="s">
        <v>48</v>
      </c>
      <c r="GN6" s="331" t="s">
        <v>49</v>
      </c>
      <c r="GO6" s="331" t="s">
        <v>50</v>
      </c>
      <c r="GP6" s="331" t="s">
        <v>51</v>
      </c>
      <c r="GQ6" s="332" t="s">
        <v>45</v>
      </c>
      <c r="GR6" s="334" t="s">
        <v>52</v>
      </c>
      <c r="GS6" s="43" t="s">
        <v>43</v>
      </c>
      <c r="GT6" s="41" t="s">
        <v>44</v>
      </c>
      <c r="GU6" s="42" t="s">
        <v>45</v>
      </c>
      <c r="GV6" s="44" t="s">
        <v>46</v>
      </c>
      <c r="GW6" s="41" t="s">
        <v>47</v>
      </c>
      <c r="GX6" s="41" t="s">
        <v>48</v>
      </c>
      <c r="GY6" s="41" t="s">
        <v>49</v>
      </c>
      <c r="GZ6" s="41" t="s">
        <v>50</v>
      </c>
      <c r="HA6" s="41" t="s">
        <v>51</v>
      </c>
      <c r="HB6" s="42" t="s">
        <v>45</v>
      </c>
      <c r="HC6" s="45" t="s">
        <v>52</v>
      </c>
      <c r="HD6" s="330" t="s">
        <v>43</v>
      </c>
      <c r="HE6" s="331" t="s">
        <v>44</v>
      </c>
      <c r="HF6" s="332" t="s">
        <v>45</v>
      </c>
      <c r="HG6" s="333" t="s">
        <v>46</v>
      </c>
      <c r="HH6" s="331" t="s">
        <v>47</v>
      </c>
      <c r="HI6" s="331" t="s">
        <v>48</v>
      </c>
      <c r="HJ6" s="331" t="s">
        <v>49</v>
      </c>
      <c r="HK6" s="331" t="s">
        <v>50</v>
      </c>
      <c r="HL6" s="331" t="s">
        <v>51</v>
      </c>
      <c r="HM6" s="332" t="s">
        <v>45</v>
      </c>
      <c r="HN6" s="334" t="s">
        <v>52</v>
      </c>
      <c r="HO6" s="330" t="s">
        <v>43</v>
      </c>
      <c r="HP6" s="331" t="s">
        <v>44</v>
      </c>
      <c r="HQ6" s="332" t="s">
        <v>45</v>
      </c>
      <c r="HR6" s="333" t="s">
        <v>46</v>
      </c>
      <c r="HS6" s="331" t="s">
        <v>47</v>
      </c>
      <c r="HT6" s="331" t="s">
        <v>48</v>
      </c>
      <c r="HU6" s="331" t="s">
        <v>49</v>
      </c>
      <c r="HV6" s="331" t="s">
        <v>50</v>
      </c>
      <c r="HW6" s="331" t="s">
        <v>51</v>
      </c>
      <c r="HX6" s="332" t="s">
        <v>45</v>
      </c>
      <c r="HY6" s="334" t="s">
        <v>52</v>
      </c>
      <c r="HZ6" s="330" t="s">
        <v>43</v>
      </c>
      <c r="IA6" s="331" t="s">
        <v>44</v>
      </c>
      <c r="IB6" s="332" t="s">
        <v>45</v>
      </c>
      <c r="IC6" s="333" t="s">
        <v>46</v>
      </c>
      <c r="ID6" s="331" t="s">
        <v>47</v>
      </c>
      <c r="IE6" s="331" t="s">
        <v>48</v>
      </c>
      <c r="IF6" s="331" t="s">
        <v>49</v>
      </c>
      <c r="IG6" s="331" t="s">
        <v>50</v>
      </c>
      <c r="IH6" s="331" t="s">
        <v>51</v>
      </c>
      <c r="II6" s="332" t="s">
        <v>45</v>
      </c>
      <c r="IJ6" s="334" t="s">
        <v>52</v>
      </c>
      <c r="IK6" s="330" t="s">
        <v>43</v>
      </c>
      <c r="IL6" s="331" t="s">
        <v>44</v>
      </c>
      <c r="IM6" s="332" t="s">
        <v>45</v>
      </c>
      <c r="IN6" s="333" t="s">
        <v>46</v>
      </c>
      <c r="IO6" s="331" t="s">
        <v>47</v>
      </c>
      <c r="IP6" s="331" t="s">
        <v>48</v>
      </c>
      <c r="IQ6" s="331" t="s">
        <v>49</v>
      </c>
      <c r="IR6" s="331" t="s">
        <v>50</v>
      </c>
      <c r="IS6" s="331" t="s">
        <v>51</v>
      </c>
      <c r="IT6" s="332" t="s">
        <v>45</v>
      </c>
      <c r="IU6" s="334" t="s">
        <v>52</v>
      </c>
      <c r="IV6" s="330" t="s">
        <v>43</v>
      </c>
      <c r="IW6" s="331" t="s">
        <v>44</v>
      </c>
      <c r="IX6" s="332" t="s">
        <v>45</v>
      </c>
      <c r="IY6" s="333" t="s">
        <v>46</v>
      </c>
      <c r="IZ6" s="331" t="s">
        <v>47</v>
      </c>
      <c r="JA6" s="331" t="s">
        <v>48</v>
      </c>
      <c r="JB6" s="331" t="s">
        <v>49</v>
      </c>
      <c r="JC6" s="331" t="s">
        <v>50</v>
      </c>
      <c r="JD6" s="331" t="s">
        <v>51</v>
      </c>
      <c r="JE6" s="332" t="s">
        <v>45</v>
      </c>
      <c r="JF6" s="334" t="s">
        <v>52</v>
      </c>
      <c r="JG6" s="330" t="s">
        <v>43</v>
      </c>
      <c r="JH6" s="331" t="s">
        <v>44</v>
      </c>
      <c r="JI6" s="332" t="s">
        <v>45</v>
      </c>
      <c r="JJ6" s="333" t="s">
        <v>46</v>
      </c>
      <c r="JK6" s="331" t="s">
        <v>47</v>
      </c>
      <c r="JL6" s="331" t="s">
        <v>48</v>
      </c>
      <c r="JM6" s="331" t="s">
        <v>49</v>
      </c>
      <c r="JN6" s="331" t="s">
        <v>50</v>
      </c>
      <c r="JO6" s="331" t="s">
        <v>51</v>
      </c>
      <c r="JP6" s="332" t="s">
        <v>45</v>
      </c>
      <c r="JQ6" s="334" t="s">
        <v>52</v>
      </c>
      <c r="JR6" s="330" t="s">
        <v>43</v>
      </c>
      <c r="JS6" s="331" t="s">
        <v>44</v>
      </c>
      <c r="JT6" s="332" t="s">
        <v>45</v>
      </c>
      <c r="JU6" s="333" t="s">
        <v>46</v>
      </c>
      <c r="JV6" s="331" t="s">
        <v>47</v>
      </c>
      <c r="JW6" s="331" t="s">
        <v>48</v>
      </c>
      <c r="JX6" s="331" t="s">
        <v>49</v>
      </c>
      <c r="JY6" s="331" t="s">
        <v>50</v>
      </c>
      <c r="JZ6" s="331" t="s">
        <v>51</v>
      </c>
      <c r="KA6" s="332" t="s">
        <v>45</v>
      </c>
      <c r="KB6" s="334" t="s">
        <v>52</v>
      </c>
      <c r="KC6" s="330" t="s">
        <v>43</v>
      </c>
      <c r="KD6" s="331" t="s">
        <v>44</v>
      </c>
      <c r="KE6" s="332" t="s">
        <v>45</v>
      </c>
      <c r="KF6" s="333" t="s">
        <v>46</v>
      </c>
      <c r="KG6" s="331" t="s">
        <v>47</v>
      </c>
      <c r="KH6" s="331" t="s">
        <v>48</v>
      </c>
      <c r="KI6" s="331" t="s">
        <v>49</v>
      </c>
      <c r="KJ6" s="331" t="s">
        <v>50</v>
      </c>
      <c r="KK6" s="331" t="s">
        <v>51</v>
      </c>
      <c r="KL6" s="332" t="s">
        <v>45</v>
      </c>
      <c r="KM6" s="334" t="s">
        <v>52</v>
      </c>
    </row>
    <row r="7" spans="2:299" ht="21" customHeight="1" x14ac:dyDescent="0.2">
      <c r="B7" s="466" t="s">
        <v>4</v>
      </c>
      <c r="C7" s="290">
        <v>4172</v>
      </c>
      <c r="D7" s="68">
        <v>4035</v>
      </c>
      <c r="E7" s="69">
        <v>8207</v>
      </c>
      <c r="F7" s="227"/>
      <c r="G7" s="68">
        <v>5812</v>
      </c>
      <c r="H7" s="68">
        <v>5142</v>
      </c>
      <c r="I7" s="68">
        <v>3346</v>
      </c>
      <c r="J7" s="68">
        <v>2776</v>
      </c>
      <c r="K7" s="68">
        <v>1532</v>
      </c>
      <c r="L7" s="70">
        <v>18608</v>
      </c>
      <c r="M7" s="71">
        <v>26815</v>
      </c>
      <c r="N7" s="56">
        <v>53</v>
      </c>
      <c r="O7" s="57">
        <v>55</v>
      </c>
      <c r="P7" s="58">
        <v>108</v>
      </c>
      <c r="Q7" s="230"/>
      <c r="R7" s="57">
        <v>83</v>
      </c>
      <c r="S7" s="57">
        <v>86</v>
      </c>
      <c r="T7" s="57">
        <v>58</v>
      </c>
      <c r="U7" s="57">
        <v>41</v>
      </c>
      <c r="V7" s="57">
        <v>40</v>
      </c>
      <c r="W7" s="58">
        <v>308</v>
      </c>
      <c r="X7" s="59">
        <v>416</v>
      </c>
      <c r="Y7" s="56">
        <v>153</v>
      </c>
      <c r="Z7" s="57">
        <v>164</v>
      </c>
      <c r="AA7" s="58">
        <v>317</v>
      </c>
      <c r="AB7" s="230"/>
      <c r="AC7" s="57">
        <v>223</v>
      </c>
      <c r="AD7" s="57">
        <v>218</v>
      </c>
      <c r="AE7" s="57">
        <v>142</v>
      </c>
      <c r="AF7" s="57">
        <v>125</v>
      </c>
      <c r="AG7" s="57">
        <v>96</v>
      </c>
      <c r="AH7" s="58">
        <v>804</v>
      </c>
      <c r="AI7" s="59">
        <v>1121</v>
      </c>
      <c r="AJ7" s="56">
        <v>312</v>
      </c>
      <c r="AK7" s="57">
        <v>347</v>
      </c>
      <c r="AL7" s="58">
        <v>659</v>
      </c>
      <c r="AM7" s="230"/>
      <c r="AN7" s="57">
        <v>452</v>
      </c>
      <c r="AO7" s="57">
        <v>391</v>
      </c>
      <c r="AP7" s="57">
        <v>261</v>
      </c>
      <c r="AQ7" s="57">
        <v>236</v>
      </c>
      <c r="AR7" s="57">
        <v>132</v>
      </c>
      <c r="AS7" s="58">
        <v>1472</v>
      </c>
      <c r="AT7" s="59">
        <v>2131</v>
      </c>
      <c r="AU7" s="56">
        <v>822</v>
      </c>
      <c r="AV7" s="57">
        <v>760</v>
      </c>
      <c r="AW7" s="58">
        <v>1582</v>
      </c>
      <c r="AX7" s="230"/>
      <c r="AY7" s="57">
        <v>1088</v>
      </c>
      <c r="AZ7" s="57">
        <v>935</v>
      </c>
      <c r="BA7" s="57">
        <v>552</v>
      </c>
      <c r="BB7" s="57">
        <v>426</v>
      </c>
      <c r="BC7" s="57">
        <v>291</v>
      </c>
      <c r="BD7" s="58">
        <v>3292</v>
      </c>
      <c r="BE7" s="59">
        <v>4874</v>
      </c>
      <c r="BF7" s="56">
        <v>1510</v>
      </c>
      <c r="BG7" s="57">
        <v>1354</v>
      </c>
      <c r="BH7" s="58">
        <v>2864</v>
      </c>
      <c r="BI7" s="230"/>
      <c r="BJ7" s="57">
        <v>1926</v>
      </c>
      <c r="BK7" s="57">
        <v>1507</v>
      </c>
      <c r="BL7" s="57">
        <v>942</v>
      </c>
      <c r="BM7" s="57">
        <v>795</v>
      </c>
      <c r="BN7" s="57">
        <v>415</v>
      </c>
      <c r="BO7" s="58">
        <v>5585</v>
      </c>
      <c r="BP7" s="59">
        <v>8449</v>
      </c>
      <c r="BQ7" s="56">
        <v>1322</v>
      </c>
      <c r="BR7" s="57">
        <v>1355</v>
      </c>
      <c r="BS7" s="58">
        <v>2677</v>
      </c>
      <c r="BT7" s="230"/>
      <c r="BU7" s="57">
        <v>2040</v>
      </c>
      <c r="BV7" s="57">
        <v>2005</v>
      </c>
      <c r="BW7" s="57">
        <v>1391</v>
      </c>
      <c r="BX7" s="57">
        <v>1153</v>
      </c>
      <c r="BY7" s="57">
        <v>558</v>
      </c>
      <c r="BZ7" s="58">
        <v>7147</v>
      </c>
      <c r="CA7" s="59">
        <v>9824</v>
      </c>
      <c r="CB7" s="56">
        <v>0</v>
      </c>
      <c r="CC7" s="57">
        <v>0</v>
      </c>
      <c r="CD7" s="58">
        <v>0</v>
      </c>
      <c r="CE7" s="230"/>
      <c r="CF7" s="57">
        <v>0</v>
      </c>
      <c r="CG7" s="57">
        <v>0</v>
      </c>
      <c r="CH7" s="57">
        <v>0</v>
      </c>
      <c r="CI7" s="57">
        <v>0</v>
      </c>
      <c r="CJ7" s="57">
        <v>0</v>
      </c>
      <c r="CK7" s="58">
        <v>0</v>
      </c>
      <c r="CL7" s="59">
        <v>0</v>
      </c>
      <c r="CM7" s="56">
        <v>4172</v>
      </c>
      <c r="CN7" s="57">
        <v>4035</v>
      </c>
      <c r="CO7" s="58">
        <v>8207</v>
      </c>
      <c r="CP7" s="230"/>
      <c r="CQ7" s="57">
        <v>5812</v>
      </c>
      <c r="CR7" s="57">
        <v>5142</v>
      </c>
      <c r="CS7" s="57">
        <v>3346</v>
      </c>
      <c r="CT7" s="57">
        <v>2776</v>
      </c>
      <c r="CU7" s="57">
        <v>1532</v>
      </c>
      <c r="CV7" s="58">
        <v>18608</v>
      </c>
      <c r="CW7" s="59">
        <v>26815</v>
      </c>
      <c r="CX7" s="112">
        <v>588</v>
      </c>
      <c r="CY7" s="68">
        <v>728</v>
      </c>
      <c r="CZ7" s="69">
        <v>1316</v>
      </c>
      <c r="DA7" s="227"/>
      <c r="DB7" s="68">
        <v>843</v>
      </c>
      <c r="DC7" s="68">
        <v>754</v>
      </c>
      <c r="DD7" s="68">
        <v>508</v>
      </c>
      <c r="DE7" s="68">
        <v>534</v>
      </c>
      <c r="DF7" s="68">
        <v>341</v>
      </c>
      <c r="DG7" s="70">
        <v>2980</v>
      </c>
      <c r="DH7" s="71">
        <v>4296</v>
      </c>
      <c r="DI7" s="56">
        <v>14</v>
      </c>
      <c r="DJ7" s="57">
        <v>19</v>
      </c>
      <c r="DK7" s="58">
        <v>33</v>
      </c>
      <c r="DL7" s="230"/>
      <c r="DM7" s="57">
        <v>12</v>
      </c>
      <c r="DN7" s="57">
        <v>11</v>
      </c>
      <c r="DO7" s="57">
        <v>7</v>
      </c>
      <c r="DP7" s="57">
        <v>7</v>
      </c>
      <c r="DQ7" s="57">
        <v>4</v>
      </c>
      <c r="DR7" s="58">
        <v>41</v>
      </c>
      <c r="DS7" s="59">
        <v>74</v>
      </c>
      <c r="DT7" s="56">
        <v>40</v>
      </c>
      <c r="DU7" s="57">
        <v>48</v>
      </c>
      <c r="DV7" s="58">
        <v>88</v>
      </c>
      <c r="DW7" s="230"/>
      <c r="DX7" s="57">
        <v>22</v>
      </c>
      <c r="DY7" s="57">
        <v>29</v>
      </c>
      <c r="DZ7" s="57">
        <v>27</v>
      </c>
      <c r="EA7" s="57">
        <v>21</v>
      </c>
      <c r="EB7" s="57">
        <v>9</v>
      </c>
      <c r="EC7" s="58">
        <v>108</v>
      </c>
      <c r="ED7" s="59">
        <v>196</v>
      </c>
      <c r="EE7" s="56">
        <v>78</v>
      </c>
      <c r="EF7" s="57">
        <v>88</v>
      </c>
      <c r="EG7" s="58">
        <v>166</v>
      </c>
      <c r="EH7" s="230"/>
      <c r="EI7" s="57">
        <v>78</v>
      </c>
      <c r="EJ7" s="57">
        <v>50</v>
      </c>
      <c r="EK7" s="57">
        <v>31</v>
      </c>
      <c r="EL7" s="57">
        <v>25</v>
      </c>
      <c r="EM7" s="57">
        <v>28</v>
      </c>
      <c r="EN7" s="58">
        <v>212</v>
      </c>
      <c r="EO7" s="59">
        <v>378</v>
      </c>
      <c r="EP7" s="56">
        <v>157</v>
      </c>
      <c r="EQ7" s="57">
        <v>164</v>
      </c>
      <c r="ER7" s="58">
        <v>321</v>
      </c>
      <c r="ES7" s="230"/>
      <c r="ET7" s="57">
        <v>174</v>
      </c>
      <c r="EU7" s="57">
        <v>104</v>
      </c>
      <c r="EV7" s="57">
        <v>65</v>
      </c>
      <c r="EW7" s="57">
        <v>55</v>
      </c>
      <c r="EX7" s="57">
        <v>38</v>
      </c>
      <c r="EY7" s="58">
        <v>436</v>
      </c>
      <c r="EZ7" s="59">
        <v>757</v>
      </c>
      <c r="FA7" s="56">
        <v>175</v>
      </c>
      <c r="FB7" s="57">
        <v>227</v>
      </c>
      <c r="FC7" s="58">
        <v>402</v>
      </c>
      <c r="FD7" s="230"/>
      <c r="FE7" s="57">
        <v>258</v>
      </c>
      <c r="FF7" s="57">
        <v>233</v>
      </c>
      <c r="FG7" s="57">
        <v>118</v>
      </c>
      <c r="FH7" s="57">
        <v>117</v>
      </c>
      <c r="FI7" s="57">
        <v>88</v>
      </c>
      <c r="FJ7" s="58">
        <v>814</v>
      </c>
      <c r="FK7" s="59">
        <v>1216</v>
      </c>
      <c r="FL7" s="56">
        <v>124</v>
      </c>
      <c r="FM7" s="57">
        <v>182</v>
      </c>
      <c r="FN7" s="58">
        <v>306</v>
      </c>
      <c r="FO7" s="230"/>
      <c r="FP7" s="57">
        <v>299</v>
      </c>
      <c r="FQ7" s="57">
        <v>327</v>
      </c>
      <c r="FR7" s="57">
        <v>260</v>
      </c>
      <c r="FS7" s="57">
        <v>309</v>
      </c>
      <c r="FT7" s="57">
        <v>174</v>
      </c>
      <c r="FU7" s="58">
        <v>1369</v>
      </c>
      <c r="FV7" s="59">
        <v>1675</v>
      </c>
      <c r="FW7" s="56">
        <v>0</v>
      </c>
      <c r="FX7" s="57">
        <v>0</v>
      </c>
      <c r="FY7" s="58">
        <v>0</v>
      </c>
      <c r="FZ7" s="230"/>
      <c r="GA7" s="57">
        <v>0</v>
      </c>
      <c r="GB7" s="57">
        <v>0</v>
      </c>
      <c r="GC7" s="57">
        <v>0</v>
      </c>
      <c r="GD7" s="57">
        <v>0</v>
      </c>
      <c r="GE7" s="57">
        <v>0</v>
      </c>
      <c r="GF7" s="58">
        <v>0</v>
      </c>
      <c r="GG7" s="59">
        <v>0</v>
      </c>
      <c r="GH7" s="56">
        <v>588</v>
      </c>
      <c r="GI7" s="57">
        <v>728</v>
      </c>
      <c r="GJ7" s="58">
        <v>1316</v>
      </c>
      <c r="GK7" s="230"/>
      <c r="GL7" s="57">
        <v>843</v>
      </c>
      <c r="GM7" s="57">
        <v>754</v>
      </c>
      <c r="GN7" s="57">
        <v>508</v>
      </c>
      <c r="GO7" s="57">
        <v>534</v>
      </c>
      <c r="GP7" s="57">
        <v>341</v>
      </c>
      <c r="GQ7" s="58">
        <v>2980</v>
      </c>
      <c r="GR7" s="59">
        <v>4296</v>
      </c>
      <c r="GS7" s="112">
        <v>4760</v>
      </c>
      <c r="GT7" s="68">
        <v>4763</v>
      </c>
      <c r="GU7" s="69">
        <v>9523</v>
      </c>
      <c r="GV7" s="227"/>
      <c r="GW7" s="68">
        <v>6655</v>
      </c>
      <c r="GX7" s="68">
        <v>5896</v>
      </c>
      <c r="GY7" s="68">
        <v>3854</v>
      </c>
      <c r="GZ7" s="68">
        <v>3310</v>
      </c>
      <c r="HA7" s="68">
        <v>1873</v>
      </c>
      <c r="HB7" s="70">
        <v>21588</v>
      </c>
      <c r="HC7" s="71">
        <v>31111</v>
      </c>
      <c r="HD7" s="56">
        <v>67</v>
      </c>
      <c r="HE7" s="57">
        <v>74</v>
      </c>
      <c r="HF7" s="58">
        <v>141</v>
      </c>
      <c r="HG7" s="230"/>
      <c r="HH7" s="57">
        <v>95</v>
      </c>
      <c r="HI7" s="57">
        <v>97</v>
      </c>
      <c r="HJ7" s="57">
        <v>65</v>
      </c>
      <c r="HK7" s="57">
        <v>48</v>
      </c>
      <c r="HL7" s="57">
        <v>44</v>
      </c>
      <c r="HM7" s="58">
        <v>349</v>
      </c>
      <c r="HN7" s="59">
        <v>490</v>
      </c>
      <c r="HO7" s="56">
        <v>193</v>
      </c>
      <c r="HP7" s="57">
        <v>212</v>
      </c>
      <c r="HQ7" s="58">
        <v>405</v>
      </c>
      <c r="HR7" s="230"/>
      <c r="HS7" s="57">
        <v>245</v>
      </c>
      <c r="HT7" s="57">
        <v>247</v>
      </c>
      <c r="HU7" s="57">
        <v>169</v>
      </c>
      <c r="HV7" s="57">
        <v>146</v>
      </c>
      <c r="HW7" s="57">
        <v>105</v>
      </c>
      <c r="HX7" s="58">
        <v>912</v>
      </c>
      <c r="HY7" s="59">
        <v>1317</v>
      </c>
      <c r="HZ7" s="56">
        <v>390</v>
      </c>
      <c r="IA7" s="57">
        <v>435</v>
      </c>
      <c r="IB7" s="58">
        <v>825</v>
      </c>
      <c r="IC7" s="230"/>
      <c r="ID7" s="57">
        <v>530</v>
      </c>
      <c r="IE7" s="57">
        <v>441</v>
      </c>
      <c r="IF7" s="57">
        <v>292</v>
      </c>
      <c r="IG7" s="57">
        <v>261</v>
      </c>
      <c r="IH7" s="57">
        <v>160</v>
      </c>
      <c r="II7" s="58">
        <v>1684</v>
      </c>
      <c r="IJ7" s="59">
        <v>2509</v>
      </c>
      <c r="IK7" s="56">
        <v>979</v>
      </c>
      <c r="IL7" s="57">
        <v>924</v>
      </c>
      <c r="IM7" s="58">
        <v>1903</v>
      </c>
      <c r="IN7" s="230"/>
      <c r="IO7" s="57">
        <v>1262</v>
      </c>
      <c r="IP7" s="57">
        <v>1039</v>
      </c>
      <c r="IQ7" s="57">
        <v>617</v>
      </c>
      <c r="IR7" s="57">
        <v>481</v>
      </c>
      <c r="IS7" s="57">
        <v>329</v>
      </c>
      <c r="IT7" s="58">
        <v>3728</v>
      </c>
      <c r="IU7" s="59">
        <v>5631</v>
      </c>
      <c r="IV7" s="56">
        <v>1685</v>
      </c>
      <c r="IW7" s="57">
        <v>1581</v>
      </c>
      <c r="IX7" s="58">
        <v>3266</v>
      </c>
      <c r="IY7" s="230"/>
      <c r="IZ7" s="57">
        <v>2184</v>
      </c>
      <c r="JA7" s="57">
        <v>1740</v>
      </c>
      <c r="JB7" s="57">
        <v>1060</v>
      </c>
      <c r="JC7" s="57">
        <v>912</v>
      </c>
      <c r="JD7" s="57">
        <v>503</v>
      </c>
      <c r="JE7" s="58">
        <v>6399</v>
      </c>
      <c r="JF7" s="59">
        <v>9665</v>
      </c>
      <c r="JG7" s="56">
        <v>1446</v>
      </c>
      <c r="JH7" s="57">
        <v>1537</v>
      </c>
      <c r="JI7" s="58">
        <v>2983</v>
      </c>
      <c r="JJ7" s="230"/>
      <c r="JK7" s="57">
        <v>2339</v>
      </c>
      <c r="JL7" s="57">
        <v>2332</v>
      </c>
      <c r="JM7" s="57">
        <v>1651</v>
      </c>
      <c r="JN7" s="57">
        <v>1462</v>
      </c>
      <c r="JO7" s="57">
        <v>732</v>
      </c>
      <c r="JP7" s="58">
        <v>8516</v>
      </c>
      <c r="JQ7" s="59">
        <v>11499</v>
      </c>
      <c r="JR7" s="56">
        <v>0</v>
      </c>
      <c r="JS7" s="57">
        <v>0</v>
      </c>
      <c r="JT7" s="58">
        <v>0</v>
      </c>
      <c r="JU7" s="230"/>
      <c r="JV7" s="57">
        <v>0</v>
      </c>
      <c r="JW7" s="57">
        <v>0</v>
      </c>
      <c r="JX7" s="57">
        <v>0</v>
      </c>
      <c r="JY7" s="57">
        <v>0</v>
      </c>
      <c r="JZ7" s="57">
        <v>0</v>
      </c>
      <c r="KA7" s="58">
        <v>0</v>
      </c>
      <c r="KB7" s="59">
        <v>0</v>
      </c>
      <c r="KC7" s="56">
        <v>4760</v>
      </c>
      <c r="KD7" s="57">
        <v>4763</v>
      </c>
      <c r="KE7" s="58">
        <v>9523</v>
      </c>
      <c r="KF7" s="230"/>
      <c r="KG7" s="57">
        <v>6655</v>
      </c>
      <c r="KH7" s="57">
        <v>5896</v>
      </c>
      <c r="KI7" s="57">
        <v>3854</v>
      </c>
      <c r="KJ7" s="57">
        <v>3310</v>
      </c>
      <c r="KK7" s="57">
        <v>1873</v>
      </c>
      <c r="KL7" s="58">
        <v>21588</v>
      </c>
      <c r="KM7" s="59">
        <v>31111</v>
      </c>
    </row>
    <row r="8" spans="2:299" ht="21" customHeight="1" x14ac:dyDescent="0.2">
      <c r="B8" s="467" t="s">
        <v>5</v>
      </c>
      <c r="C8" s="291">
        <v>1755</v>
      </c>
      <c r="D8" s="72">
        <v>2062</v>
      </c>
      <c r="E8" s="73">
        <v>3817</v>
      </c>
      <c r="F8" s="228"/>
      <c r="G8" s="72">
        <v>2142</v>
      </c>
      <c r="H8" s="72">
        <v>2424</v>
      </c>
      <c r="I8" s="72">
        <v>1527</v>
      </c>
      <c r="J8" s="72">
        <v>1221</v>
      </c>
      <c r="K8" s="72">
        <v>652</v>
      </c>
      <c r="L8" s="74">
        <v>7966</v>
      </c>
      <c r="M8" s="75">
        <v>11783</v>
      </c>
      <c r="N8" s="60">
        <v>17</v>
      </c>
      <c r="O8" s="61">
        <v>28</v>
      </c>
      <c r="P8" s="62">
        <v>45</v>
      </c>
      <c r="Q8" s="231"/>
      <c r="R8" s="61">
        <v>26</v>
      </c>
      <c r="S8" s="61">
        <v>46</v>
      </c>
      <c r="T8" s="61">
        <v>23</v>
      </c>
      <c r="U8" s="61">
        <v>16</v>
      </c>
      <c r="V8" s="61">
        <v>20</v>
      </c>
      <c r="W8" s="62">
        <v>131</v>
      </c>
      <c r="X8" s="63">
        <v>176</v>
      </c>
      <c r="Y8" s="60">
        <v>60</v>
      </c>
      <c r="Z8" s="61">
        <v>90</v>
      </c>
      <c r="AA8" s="62">
        <v>150</v>
      </c>
      <c r="AB8" s="231"/>
      <c r="AC8" s="61">
        <v>65</v>
      </c>
      <c r="AD8" s="61">
        <v>110</v>
      </c>
      <c r="AE8" s="61">
        <v>63</v>
      </c>
      <c r="AF8" s="61">
        <v>57</v>
      </c>
      <c r="AG8" s="61">
        <v>29</v>
      </c>
      <c r="AH8" s="62">
        <v>324</v>
      </c>
      <c r="AI8" s="63">
        <v>474</v>
      </c>
      <c r="AJ8" s="60">
        <v>130</v>
      </c>
      <c r="AK8" s="61">
        <v>171</v>
      </c>
      <c r="AL8" s="62">
        <v>301</v>
      </c>
      <c r="AM8" s="231"/>
      <c r="AN8" s="61">
        <v>152</v>
      </c>
      <c r="AO8" s="61">
        <v>171</v>
      </c>
      <c r="AP8" s="61">
        <v>120</v>
      </c>
      <c r="AQ8" s="61">
        <v>90</v>
      </c>
      <c r="AR8" s="61">
        <v>62</v>
      </c>
      <c r="AS8" s="62">
        <v>595</v>
      </c>
      <c r="AT8" s="63">
        <v>896</v>
      </c>
      <c r="AU8" s="60">
        <v>318</v>
      </c>
      <c r="AV8" s="61">
        <v>371</v>
      </c>
      <c r="AW8" s="62">
        <v>689</v>
      </c>
      <c r="AX8" s="231"/>
      <c r="AY8" s="61">
        <v>368</v>
      </c>
      <c r="AZ8" s="61">
        <v>396</v>
      </c>
      <c r="BA8" s="61">
        <v>228</v>
      </c>
      <c r="BB8" s="61">
        <v>191</v>
      </c>
      <c r="BC8" s="61">
        <v>120</v>
      </c>
      <c r="BD8" s="62">
        <v>1303</v>
      </c>
      <c r="BE8" s="63">
        <v>1992</v>
      </c>
      <c r="BF8" s="60">
        <v>665</v>
      </c>
      <c r="BG8" s="61">
        <v>675</v>
      </c>
      <c r="BH8" s="62">
        <v>1340</v>
      </c>
      <c r="BI8" s="231"/>
      <c r="BJ8" s="61">
        <v>731</v>
      </c>
      <c r="BK8" s="61">
        <v>718</v>
      </c>
      <c r="BL8" s="61">
        <v>427</v>
      </c>
      <c r="BM8" s="61">
        <v>343</v>
      </c>
      <c r="BN8" s="61">
        <v>173</v>
      </c>
      <c r="BO8" s="62">
        <v>2392</v>
      </c>
      <c r="BP8" s="63">
        <v>3732</v>
      </c>
      <c r="BQ8" s="60">
        <v>565</v>
      </c>
      <c r="BR8" s="61">
        <v>727</v>
      </c>
      <c r="BS8" s="62">
        <v>1292</v>
      </c>
      <c r="BT8" s="231"/>
      <c r="BU8" s="61">
        <v>800</v>
      </c>
      <c r="BV8" s="61">
        <v>983</v>
      </c>
      <c r="BW8" s="61">
        <v>666</v>
      </c>
      <c r="BX8" s="61">
        <v>524</v>
      </c>
      <c r="BY8" s="61">
        <v>248</v>
      </c>
      <c r="BZ8" s="62">
        <v>3221</v>
      </c>
      <c r="CA8" s="63">
        <v>4513</v>
      </c>
      <c r="CB8" s="60">
        <v>0</v>
      </c>
      <c r="CC8" s="61">
        <v>0</v>
      </c>
      <c r="CD8" s="62">
        <v>0</v>
      </c>
      <c r="CE8" s="231"/>
      <c r="CF8" s="61">
        <v>0</v>
      </c>
      <c r="CG8" s="61">
        <v>0</v>
      </c>
      <c r="CH8" s="61">
        <v>0</v>
      </c>
      <c r="CI8" s="61">
        <v>0</v>
      </c>
      <c r="CJ8" s="61">
        <v>0</v>
      </c>
      <c r="CK8" s="62">
        <v>0</v>
      </c>
      <c r="CL8" s="63">
        <v>0</v>
      </c>
      <c r="CM8" s="60">
        <v>1755</v>
      </c>
      <c r="CN8" s="61">
        <v>2062</v>
      </c>
      <c r="CO8" s="62">
        <v>3817</v>
      </c>
      <c r="CP8" s="231"/>
      <c r="CQ8" s="61">
        <v>2142</v>
      </c>
      <c r="CR8" s="61">
        <v>2424</v>
      </c>
      <c r="CS8" s="61">
        <v>1527</v>
      </c>
      <c r="CT8" s="61">
        <v>1221</v>
      </c>
      <c r="CU8" s="61">
        <v>652</v>
      </c>
      <c r="CV8" s="62">
        <v>7966</v>
      </c>
      <c r="CW8" s="63">
        <v>11783</v>
      </c>
      <c r="CX8" s="113">
        <v>242</v>
      </c>
      <c r="CY8" s="72">
        <v>357</v>
      </c>
      <c r="CZ8" s="73">
        <v>599</v>
      </c>
      <c r="DA8" s="228"/>
      <c r="DB8" s="72">
        <v>309</v>
      </c>
      <c r="DC8" s="72">
        <v>356</v>
      </c>
      <c r="DD8" s="72">
        <v>225</v>
      </c>
      <c r="DE8" s="72">
        <v>242</v>
      </c>
      <c r="DF8" s="72">
        <v>152</v>
      </c>
      <c r="DG8" s="74">
        <v>1284</v>
      </c>
      <c r="DH8" s="75">
        <v>1883</v>
      </c>
      <c r="DI8" s="60">
        <v>6</v>
      </c>
      <c r="DJ8" s="61">
        <v>12</v>
      </c>
      <c r="DK8" s="62">
        <v>18</v>
      </c>
      <c r="DL8" s="231"/>
      <c r="DM8" s="61">
        <v>3</v>
      </c>
      <c r="DN8" s="61">
        <v>3</v>
      </c>
      <c r="DO8" s="61">
        <v>1</v>
      </c>
      <c r="DP8" s="61">
        <v>2</v>
      </c>
      <c r="DQ8" s="61">
        <v>2</v>
      </c>
      <c r="DR8" s="62">
        <v>11</v>
      </c>
      <c r="DS8" s="63">
        <v>29</v>
      </c>
      <c r="DT8" s="60">
        <v>14</v>
      </c>
      <c r="DU8" s="61">
        <v>20</v>
      </c>
      <c r="DV8" s="62">
        <v>34</v>
      </c>
      <c r="DW8" s="231"/>
      <c r="DX8" s="61">
        <v>10</v>
      </c>
      <c r="DY8" s="61">
        <v>13</v>
      </c>
      <c r="DZ8" s="61">
        <v>15</v>
      </c>
      <c r="EA8" s="61">
        <v>9</v>
      </c>
      <c r="EB8" s="61">
        <v>5</v>
      </c>
      <c r="EC8" s="62">
        <v>52</v>
      </c>
      <c r="ED8" s="63">
        <v>86</v>
      </c>
      <c r="EE8" s="60">
        <v>25</v>
      </c>
      <c r="EF8" s="61">
        <v>49</v>
      </c>
      <c r="EG8" s="62">
        <v>74</v>
      </c>
      <c r="EH8" s="231"/>
      <c r="EI8" s="61">
        <v>31</v>
      </c>
      <c r="EJ8" s="61">
        <v>23</v>
      </c>
      <c r="EK8" s="61">
        <v>14</v>
      </c>
      <c r="EL8" s="61">
        <v>12</v>
      </c>
      <c r="EM8" s="61">
        <v>14</v>
      </c>
      <c r="EN8" s="62">
        <v>94</v>
      </c>
      <c r="EO8" s="63">
        <v>168</v>
      </c>
      <c r="EP8" s="60">
        <v>60</v>
      </c>
      <c r="EQ8" s="61">
        <v>85</v>
      </c>
      <c r="ER8" s="62">
        <v>145</v>
      </c>
      <c r="ES8" s="231"/>
      <c r="ET8" s="61">
        <v>67</v>
      </c>
      <c r="EU8" s="61">
        <v>47</v>
      </c>
      <c r="EV8" s="61">
        <v>20</v>
      </c>
      <c r="EW8" s="61">
        <v>34</v>
      </c>
      <c r="EX8" s="61">
        <v>16</v>
      </c>
      <c r="EY8" s="62">
        <v>184</v>
      </c>
      <c r="EZ8" s="63">
        <v>329</v>
      </c>
      <c r="FA8" s="60">
        <v>84</v>
      </c>
      <c r="FB8" s="61">
        <v>109</v>
      </c>
      <c r="FC8" s="62">
        <v>193</v>
      </c>
      <c r="FD8" s="231"/>
      <c r="FE8" s="61">
        <v>101</v>
      </c>
      <c r="FF8" s="61">
        <v>112</v>
      </c>
      <c r="FG8" s="61">
        <v>53</v>
      </c>
      <c r="FH8" s="61">
        <v>58</v>
      </c>
      <c r="FI8" s="61">
        <v>29</v>
      </c>
      <c r="FJ8" s="62">
        <v>353</v>
      </c>
      <c r="FK8" s="63">
        <v>546</v>
      </c>
      <c r="FL8" s="60">
        <v>53</v>
      </c>
      <c r="FM8" s="61">
        <v>82</v>
      </c>
      <c r="FN8" s="62">
        <v>135</v>
      </c>
      <c r="FO8" s="231"/>
      <c r="FP8" s="61">
        <v>97</v>
      </c>
      <c r="FQ8" s="61">
        <v>158</v>
      </c>
      <c r="FR8" s="61">
        <v>122</v>
      </c>
      <c r="FS8" s="61">
        <v>127</v>
      </c>
      <c r="FT8" s="61">
        <v>86</v>
      </c>
      <c r="FU8" s="62">
        <v>590</v>
      </c>
      <c r="FV8" s="63">
        <v>725</v>
      </c>
      <c r="FW8" s="60">
        <v>0</v>
      </c>
      <c r="FX8" s="61">
        <v>0</v>
      </c>
      <c r="FY8" s="62">
        <v>0</v>
      </c>
      <c r="FZ8" s="231"/>
      <c r="GA8" s="61">
        <v>0</v>
      </c>
      <c r="GB8" s="61">
        <v>0</v>
      </c>
      <c r="GC8" s="61">
        <v>0</v>
      </c>
      <c r="GD8" s="61">
        <v>0</v>
      </c>
      <c r="GE8" s="61">
        <v>0</v>
      </c>
      <c r="GF8" s="62">
        <v>0</v>
      </c>
      <c r="GG8" s="63">
        <v>0</v>
      </c>
      <c r="GH8" s="60">
        <v>242</v>
      </c>
      <c r="GI8" s="61">
        <v>357</v>
      </c>
      <c r="GJ8" s="62">
        <v>599</v>
      </c>
      <c r="GK8" s="231"/>
      <c r="GL8" s="61">
        <v>309</v>
      </c>
      <c r="GM8" s="61">
        <v>356</v>
      </c>
      <c r="GN8" s="61">
        <v>225</v>
      </c>
      <c r="GO8" s="61">
        <v>242</v>
      </c>
      <c r="GP8" s="61">
        <v>152</v>
      </c>
      <c r="GQ8" s="62">
        <v>1284</v>
      </c>
      <c r="GR8" s="63">
        <v>1883</v>
      </c>
      <c r="GS8" s="113">
        <v>1997</v>
      </c>
      <c r="GT8" s="72">
        <v>2419</v>
      </c>
      <c r="GU8" s="73">
        <v>4416</v>
      </c>
      <c r="GV8" s="228"/>
      <c r="GW8" s="72">
        <v>2451</v>
      </c>
      <c r="GX8" s="72">
        <v>2780</v>
      </c>
      <c r="GY8" s="72">
        <v>1752</v>
      </c>
      <c r="GZ8" s="72">
        <v>1463</v>
      </c>
      <c r="HA8" s="72">
        <v>804</v>
      </c>
      <c r="HB8" s="74">
        <v>9250</v>
      </c>
      <c r="HC8" s="75">
        <v>13666</v>
      </c>
      <c r="HD8" s="60">
        <v>23</v>
      </c>
      <c r="HE8" s="61">
        <v>40</v>
      </c>
      <c r="HF8" s="62">
        <v>63</v>
      </c>
      <c r="HG8" s="231"/>
      <c r="HH8" s="61">
        <v>29</v>
      </c>
      <c r="HI8" s="61">
        <v>49</v>
      </c>
      <c r="HJ8" s="61">
        <v>24</v>
      </c>
      <c r="HK8" s="61">
        <v>18</v>
      </c>
      <c r="HL8" s="61">
        <v>22</v>
      </c>
      <c r="HM8" s="62">
        <v>142</v>
      </c>
      <c r="HN8" s="63">
        <v>205</v>
      </c>
      <c r="HO8" s="60">
        <v>74</v>
      </c>
      <c r="HP8" s="61">
        <v>110</v>
      </c>
      <c r="HQ8" s="62">
        <v>184</v>
      </c>
      <c r="HR8" s="231"/>
      <c r="HS8" s="61">
        <v>75</v>
      </c>
      <c r="HT8" s="61">
        <v>123</v>
      </c>
      <c r="HU8" s="61">
        <v>78</v>
      </c>
      <c r="HV8" s="61">
        <v>66</v>
      </c>
      <c r="HW8" s="61">
        <v>34</v>
      </c>
      <c r="HX8" s="62">
        <v>376</v>
      </c>
      <c r="HY8" s="63">
        <v>560</v>
      </c>
      <c r="HZ8" s="60">
        <v>155</v>
      </c>
      <c r="IA8" s="61">
        <v>220</v>
      </c>
      <c r="IB8" s="62">
        <v>375</v>
      </c>
      <c r="IC8" s="231"/>
      <c r="ID8" s="61">
        <v>183</v>
      </c>
      <c r="IE8" s="61">
        <v>194</v>
      </c>
      <c r="IF8" s="61">
        <v>134</v>
      </c>
      <c r="IG8" s="61">
        <v>102</v>
      </c>
      <c r="IH8" s="61">
        <v>76</v>
      </c>
      <c r="II8" s="62">
        <v>689</v>
      </c>
      <c r="IJ8" s="63">
        <v>1064</v>
      </c>
      <c r="IK8" s="60">
        <v>378</v>
      </c>
      <c r="IL8" s="61">
        <v>456</v>
      </c>
      <c r="IM8" s="62">
        <v>834</v>
      </c>
      <c r="IN8" s="231"/>
      <c r="IO8" s="61">
        <v>435</v>
      </c>
      <c r="IP8" s="61">
        <v>443</v>
      </c>
      <c r="IQ8" s="61">
        <v>248</v>
      </c>
      <c r="IR8" s="61">
        <v>225</v>
      </c>
      <c r="IS8" s="61">
        <v>136</v>
      </c>
      <c r="IT8" s="62">
        <v>1487</v>
      </c>
      <c r="IU8" s="63">
        <v>2321</v>
      </c>
      <c r="IV8" s="60">
        <v>749</v>
      </c>
      <c r="IW8" s="61">
        <v>784</v>
      </c>
      <c r="IX8" s="62">
        <v>1533</v>
      </c>
      <c r="IY8" s="231"/>
      <c r="IZ8" s="61">
        <v>832</v>
      </c>
      <c r="JA8" s="61">
        <v>830</v>
      </c>
      <c r="JB8" s="61">
        <v>480</v>
      </c>
      <c r="JC8" s="61">
        <v>401</v>
      </c>
      <c r="JD8" s="61">
        <v>202</v>
      </c>
      <c r="JE8" s="62">
        <v>2745</v>
      </c>
      <c r="JF8" s="63">
        <v>4278</v>
      </c>
      <c r="JG8" s="60">
        <v>618</v>
      </c>
      <c r="JH8" s="61">
        <v>809</v>
      </c>
      <c r="JI8" s="62">
        <v>1427</v>
      </c>
      <c r="JJ8" s="231"/>
      <c r="JK8" s="61">
        <v>897</v>
      </c>
      <c r="JL8" s="61">
        <v>1141</v>
      </c>
      <c r="JM8" s="61">
        <v>788</v>
      </c>
      <c r="JN8" s="61">
        <v>651</v>
      </c>
      <c r="JO8" s="61">
        <v>334</v>
      </c>
      <c r="JP8" s="62">
        <v>3811</v>
      </c>
      <c r="JQ8" s="63">
        <v>5238</v>
      </c>
      <c r="JR8" s="60">
        <v>0</v>
      </c>
      <c r="JS8" s="61">
        <v>0</v>
      </c>
      <c r="JT8" s="62">
        <v>0</v>
      </c>
      <c r="JU8" s="231"/>
      <c r="JV8" s="61">
        <v>0</v>
      </c>
      <c r="JW8" s="61">
        <v>0</v>
      </c>
      <c r="JX8" s="61">
        <v>0</v>
      </c>
      <c r="JY8" s="61">
        <v>0</v>
      </c>
      <c r="JZ8" s="61">
        <v>0</v>
      </c>
      <c r="KA8" s="62">
        <v>0</v>
      </c>
      <c r="KB8" s="63">
        <v>0</v>
      </c>
      <c r="KC8" s="60">
        <v>1997</v>
      </c>
      <c r="KD8" s="61">
        <v>2419</v>
      </c>
      <c r="KE8" s="62">
        <v>4416</v>
      </c>
      <c r="KF8" s="231"/>
      <c r="KG8" s="61">
        <v>2451</v>
      </c>
      <c r="KH8" s="61">
        <v>2780</v>
      </c>
      <c r="KI8" s="61">
        <v>1752</v>
      </c>
      <c r="KJ8" s="61">
        <v>1463</v>
      </c>
      <c r="KK8" s="61">
        <v>804</v>
      </c>
      <c r="KL8" s="62">
        <v>9250</v>
      </c>
      <c r="KM8" s="63">
        <v>13666</v>
      </c>
    </row>
    <row r="9" spans="2:299" ht="21" customHeight="1" x14ac:dyDescent="0.2">
      <c r="B9" s="468" t="s">
        <v>6</v>
      </c>
      <c r="C9" s="291">
        <v>470</v>
      </c>
      <c r="D9" s="72">
        <v>374</v>
      </c>
      <c r="E9" s="73">
        <v>844</v>
      </c>
      <c r="F9" s="228"/>
      <c r="G9" s="72">
        <v>807</v>
      </c>
      <c r="H9" s="72">
        <v>602</v>
      </c>
      <c r="I9" s="72">
        <v>354</v>
      </c>
      <c r="J9" s="72">
        <v>332</v>
      </c>
      <c r="K9" s="72">
        <v>187</v>
      </c>
      <c r="L9" s="74">
        <v>2282</v>
      </c>
      <c r="M9" s="75">
        <v>3126</v>
      </c>
      <c r="N9" s="60">
        <v>13</v>
      </c>
      <c r="O9" s="61">
        <v>10</v>
      </c>
      <c r="P9" s="62">
        <v>23</v>
      </c>
      <c r="Q9" s="231"/>
      <c r="R9" s="61">
        <v>13</v>
      </c>
      <c r="S9" s="61">
        <v>10</v>
      </c>
      <c r="T9" s="61">
        <v>10</v>
      </c>
      <c r="U9" s="61">
        <v>3</v>
      </c>
      <c r="V9" s="61">
        <v>2</v>
      </c>
      <c r="W9" s="62">
        <v>38</v>
      </c>
      <c r="X9" s="63">
        <v>61</v>
      </c>
      <c r="Y9" s="60">
        <v>29</v>
      </c>
      <c r="Z9" s="61">
        <v>14</v>
      </c>
      <c r="AA9" s="62">
        <v>43</v>
      </c>
      <c r="AB9" s="231"/>
      <c r="AC9" s="61">
        <v>36</v>
      </c>
      <c r="AD9" s="61">
        <v>22</v>
      </c>
      <c r="AE9" s="61">
        <v>9</v>
      </c>
      <c r="AF9" s="61">
        <v>20</v>
      </c>
      <c r="AG9" s="61">
        <v>17</v>
      </c>
      <c r="AH9" s="62">
        <v>104</v>
      </c>
      <c r="AI9" s="63">
        <v>147</v>
      </c>
      <c r="AJ9" s="60">
        <v>35</v>
      </c>
      <c r="AK9" s="61">
        <v>35</v>
      </c>
      <c r="AL9" s="62">
        <v>70</v>
      </c>
      <c r="AM9" s="231"/>
      <c r="AN9" s="61">
        <v>71</v>
      </c>
      <c r="AO9" s="61">
        <v>51</v>
      </c>
      <c r="AP9" s="61">
        <v>25</v>
      </c>
      <c r="AQ9" s="61">
        <v>27</v>
      </c>
      <c r="AR9" s="61">
        <v>10</v>
      </c>
      <c r="AS9" s="62">
        <v>184</v>
      </c>
      <c r="AT9" s="63">
        <v>254</v>
      </c>
      <c r="AU9" s="60">
        <v>87</v>
      </c>
      <c r="AV9" s="61">
        <v>64</v>
      </c>
      <c r="AW9" s="62">
        <v>151</v>
      </c>
      <c r="AX9" s="231"/>
      <c r="AY9" s="61">
        <v>151</v>
      </c>
      <c r="AZ9" s="61">
        <v>107</v>
      </c>
      <c r="BA9" s="61">
        <v>66</v>
      </c>
      <c r="BB9" s="61">
        <v>27</v>
      </c>
      <c r="BC9" s="61">
        <v>36</v>
      </c>
      <c r="BD9" s="62">
        <v>387</v>
      </c>
      <c r="BE9" s="63">
        <v>538</v>
      </c>
      <c r="BF9" s="60">
        <v>153</v>
      </c>
      <c r="BG9" s="61">
        <v>119</v>
      </c>
      <c r="BH9" s="62">
        <v>272</v>
      </c>
      <c r="BI9" s="231"/>
      <c r="BJ9" s="61">
        <v>251</v>
      </c>
      <c r="BK9" s="61">
        <v>189</v>
      </c>
      <c r="BL9" s="61">
        <v>95</v>
      </c>
      <c r="BM9" s="61">
        <v>94</v>
      </c>
      <c r="BN9" s="61">
        <v>54</v>
      </c>
      <c r="BO9" s="62">
        <v>683</v>
      </c>
      <c r="BP9" s="63">
        <v>955</v>
      </c>
      <c r="BQ9" s="60">
        <v>153</v>
      </c>
      <c r="BR9" s="61">
        <v>132</v>
      </c>
      <c r="BS9" s="62">
        <v>285</v>
      </c>
      <c r="BT9" s="231"/>
      <c r="BU9" s="61">
        <v>285</v>
      </c>
      <c r="BV9" s="61">
        <v>223</v>
      </c>
      <c r="BW9" s="61">
        <v>149</v>
      </c>
      <c r="BX9" s="61">
        <v>161</v>
      </c>
      <c r="BY9" s="61">
        <v>68</v>
      </c>
      <c r="BZ9" s="62">
        <v>886</v>
      </c>
      <c r="CA9" s="63">
        <v>1171</v>
      </c>
      <c r="CB9" s="60">
        <v>0</v>
      </c>
      <c r="CC9" s="61">
        <v>0</v>
      </c>
      <c r="CD9" s="62">
        <v>0</v>
      </c>
      <c r="CE9" s="231"/>
      <c r="CF9" s="61">
        <v>0</v>
      </c>
      <c r="CG9" s="61">
        <v>0</v>
      </c>
      <c r="CH9" s="61">
        <v>0</v>
      </c>
      <c r="CI9" s="61">
        <v>0</v>
      </c>
      <c r="CJ9" s="61">
        <v>0</v>
      </c>
      <c r="CK9" s="62">
        <v>0</v>
      </c>
      <c r="CL9" s="63">
        <v>0</v>
      </c>
      <c r="CM9" s="60">
        <v>470</v>
      </c>
      <c r="CN9" s="61">
        <v>374</v>
      </c>
      <c r="CO9" s="62">
        <v>844</v>
      </c>
      <c r="CP9" s="231"/>
      <c r="CQ9" s="61">
        <v>807</v>
      </c>
      <c r="CR9" s="61">
        <v>602</v>
      </c>
      <c r="CS9" s="61">
        <v>354</v>
      </c>
      <c r="CT9" s="61">
        <v>332</v>
      </c>
      <c r="CU9" s="61">
        <v>187</v>
      </c>
      <c r="CV9" s="62">
        <v>2282</v>
      </c>
      <c r="CW9" s="63">
        <v>3126</v>
      </c>
      <c r="CX9" s="113">
        <v>86</v>
      </c>
      <c r="CY9" s="72">
        <v>101</v>
      </c>
      <c r="CZ9" s="73">
        <v>187</v>
      </c>
      <c r="DA9" s="228"/>
      <c r="DB9" s="72">
        <v>140</v>
      </c>
      <c r="DC9" s="72">
        <v>104</v>
      </c>
      <c r="DD9" s="72">
        <v>72</v>
      </c>
      <c r="DE9" s="72">
        <v>75</v>
      </c>
      <c r="DF9" s="72">
        <v>59</v>
      </c>
      <c r="DG9" s="74">
        <v>450</v>
      </c>
      <c r="DH9" s="75">
        <v>637</v>
      </c>
      <c r="DI9" s="60">
        <v>1</v>
      </c>
      <c r="DJ9" s="61">
        <v>3</v>
      </c>
      <c r="DK9" s="62">
        <v>4</v>
      </c>
      <c r="DL9" s="231"/>
      <c r="DM9" s="61">
        <v>1</v>
      </c>
      <c r="DN9" s="61">
        <v>1</v>
      </c>
      <c r="DO9" s="61">
        <v>2</v>
      </c>
      <c r="DP9" s="61">
        <v>2</v>
      </c>
      <c r="DQ9" s="61">
        <v>0</v>
      </c>
      <c r="DR9" s="62">
        <v>6</v>
      </c>
      <c r="DS9" s="63">
        <v>10</v>
      </c>
      <c r="DT9" s="60">
        <v>6</v>
      </c>
      <c r="DU9" s="61">
        <v>5</v>
      </c>
      <c r="DV9" s="62">
        <v>11</v>
      </c>
      <c r="DW9" s="231"/>
      <c r="DX9" s="61">
        <v>6</v>
      </c>
      <c r="DY9" s="61">
        <v>3</v>
      </c>
      <c r="DZ9" s="61">
        <v>2</v>
      </c>
      <c r="EA9" s="61">
        <v>4</v>
      </c>
      <c r="EB9" s="61">
        <v>1</v>
      </c>
      <c r="EC9" s="62">
        <v>16</v>
      </c>
      <c r="ED9" s="63">
        <v>27</v>
      </c>
      <c r="EE9" s="60">
        <v>13</v>
      </c>
      <c r="EF9" s="61">
        <v>9</v>
      </c>
      <c r="EG9" s="62">
        <v>22</v>
      </c>
      <c r="EH9" s="231"/>
      <c r="EI9" s="61">
        <v>12</v>
      </c>
      <c r="EJ9" s="61">
        <v>5</v>
      </c>
      <c r="EK9" s="61">
        <v>3</v>
      </c>
      <c r="EL9" s="61">
        <v>3</v>
      </c>
      <c r="EM9" s="61">
        <v>3</v>
      </c>
      <c r="EN9" s="62">
        <v>26</v>
      </c>
      <c r="EO9" s="63">
        <v>48</v>
      </c>
      <c r="EP9" s="60">
        <v>29</v>
      </c>
      <c r="EQ9" s="61">
        <v>21</v>
      </c>
      <c r="ER9" s="62">
        <v>50</v>
      </c>
      <c r="ES9" s="231"/>
      <c r="ET9" s="61">
        <v>27</v>
      </c>
      <c r="EU9" s="61">
        <v>13</v>
      </c>
      <c r="EV9" s="61">
        <v>13</v>
      </c>
      <c r="EW9" s="61">
        <v>6</v>
      </c>
      <c r="EX9" s="61">
        <v>10</v>
      </c>
      <c r="EY9" s="62">
        <v>69</v>
      </c>
      <c r="EZ9" s="63">
        <v>119</v>
      </c>
      <c r="FA9" s="60">
        <v>19</v>
      </c>
      <c r="FB9" s="61">
        <v>32</v>
      </c>
      <c r="FC9" s="62">
        <v>51</v>
      </c>
      <c r="FD9" s="231"/>
      <c r="FE9" s="61">
        <v>41</v>
      </c>
      <c r="FF9" s="61">
        <v>36</v>
      </c>
      <c r="FG9" s="61">
        <v>17</v>
      </c>
      <c r="FH9" s="61">
        <v>14</v>
      </c>
      <c r="FI9" s="61">
        <v>19</v>
      </c>
      <c r="FJ9" s="62">
        <v>127</v>
      </c>
      <c r="FK9" s="63">
        <v>178</v>
      </c>
      <c r="FL9" s="60">
        <v>18</v>
      </c>
      <c r="FM9" s="61">
        <v>31</v>
      </c>
      <c r="FN9" s="62">
        <v>49</v>
      </c>
      <c r="FO9" s="231"/>
      <c r="FP9" s="61">
        <v>53</v>
      </c>
      <c r="FQ9" s="61">
        <v>46</v>
      </c>
      <c r="FR9" s="61">
        <v>35</v>
      </c>
      <c r="FS9" s="61">
        <v>46</v>
      </c>
      <c r="FT9" s="61">
        <v>26</v>
      </c>
      <c r="FU9" s="62">
        <v>206</v>
      </c>
      <c r="FV9" s="63">
        <v>255</v>
      </c>
      <c r="FW9" s="60">
        <v>0</v>
      </c>
      <c r="FX9" s="61">
        <v>0</v>
      </c>
      <c r="FY9" s="62">
        <v>0</v>
      </c>
      <c r="FZ9" s="231"/>
      <c r="GA9" s="61">
        <v>0</v>
      </c>
      <c r="GB9" s="61">
        <v>0</v>
      </c>
      <c r="GC9" s="61">
        <v>0</v>
      </c>
      <c r="GD9" s="61">
        <v>0</v>
      </c>
      <c r="GE9" s="61">
        <v>0</v>
      </c>
      <c r="GF9" s="62">
        <v>0</v>
      </c>
      <c r="GG9" s="63">
        <v>0</v>
      </c>
      <c r="GH9" s="60">
        <v>86</v>
      </c>
      <c r="GI9" s="61">
        <v>101</v>
      </c>
      <c r="GJ9" s="62">
        <v>187</v>
      </c>
      <c r="GK9" s="231"/>
      <c r="GL9" s="61">
        <v>140</v>
      </c>
      <c r="GM9" s="61">
        <v>104</v>
      </c>
      <c r="GN9" s="61">
        <v>72</v>
      </c>
      <c r="GO9" s="61">
        <v>75</v>
      </c>
      <c r="GP9" s="61">
        <v>59</v>
      </c>
      <c r="GQ9" s="62">
        <v>450</v>
      </c>
      <c r="GR9" s="63">
        <v>637</v>
      </c>
      <c r="GS9" s="113">
        <v>556</v>
      </c>
      <c r="GT9" s="72">
        <v>475</v>
      </c>
      <c r="GU9" s="73">
        <v>1031</v>
      </c>
      <c r="GV9" s="228"/>
      <c r="GW9" s="72">
        <v>947</v>
      </c>
      <c r="GX9" s="72">
        <v>706</v>
      </c>
      <c r="GY9" s="72">
        <v>426</v>
      </c>
      <c r="GZ9" s="72">
        <v>407</v>
      </c>
      <c r="HA9" s="72">
        <v>246</v>
      </c>
      <c r="HB9" s="74">
        <v>2732</v>
      </c>
      <c r="HC9" s="75">
        <v>3763</v>
      </c>
      <c r="HD9" s="60">
        <v>14</v>
      </c>
      <c r="HE9" s="61">
        <v>13</v>
      </c>
      <c r="HF9" s="62">
        <v>27</v>
      </c>
      <c r="HG9" s="231"/>
      <c r="HH9" s="61">
        <v>14</v>
      </c>
      <c r="HI9" s="61">
        <v>11</v>
      </c>
      <c r="HJ9" s="61">
        <v>12</v>
      </c>
      <c r="HK9" s="61">
        <v>5</v>
      </c>
      <c r="HL9" s="61">
        <v>2</v>
      </c>
      <c r="HM9" s="62">
        <v>44</v>
      </c>
      <c r="HN9" s="63">
        <v>71</v>
      </c>
      <c r="HO9" s="60">
        <v>35</v>
      </c>
      <c r="HP9" s="61">
        <v>19</v>
      </c>
      <c r="HQ9" s="62">
        <v>54</v>
      </c>
      <c r="HR9" s="231"/>
      <c r="HS9" s="61">
        <v>42</v>
      </c>
      <c r="HT9" s="61">
        <v>25</v>
      </c>
      <c r="HU9" s="61">
        <v>11</v>
      </c>
      <c r="HV9" s="61">
        <v>24</v>
      </c>
      <c r="HW9" s="61">
        <v>18</v>
      </c>
      <c r="HX9" s="62">
        <v>120</v>
      </c>
      <c r="HY9" s="63">
        <v>174</v>
      </c>
      <c r="HZ9" s="60">
        <v>48</v>
      </c>
      <c r="IA9" s="61">
        <v>44</v>
      </c>
      <c r="IB9" s="62">
        <v>92</v>
      </c>
      <c r="IC9" s="231"/>
      <c r="ID9" s="61">
        <v>83</v>
      </c>
      <c r="IE9" s="61">
        <v>56</v>
      </c>
      <c r="IF9" s="61">
        <v>28</v>
      </c>
      <c r="IG9" s="61">
        <v>30</v>
      </c>
      <c r="IH9" s="61">
        <v>13</v>
      </c>
      <c r="II9" s="62">
        <v>210</v>
      </c>
      <c r="IJ9" s="63">
        <v>302</v>
      </c>
      <c r="IK9" s="60">
        <v>116</v>
      </c>
      <c r="IL9" s="61">
        <v>85</v>
      </c>
      <c r="IM9" s="62">
        <v>201</v>
      </c>
      <c r="IN9" s="231"/>
      <c r="IO9" s="61">
        <v>178</v>
      </c>
      <c r="IP9" s="61">
        <v>120</v>
      </c>
      <c r="IQ9" s="61">
        <v>79</v>
      </c>
      <c r="IR9" s="61">
        <v>33</v>
      </c>
      <c r="IS9" s="61">
        <v>46</v>
      </c>
      <c r="IT9" s="62">
        <v>456</v>
      </c>
      <c r="IU9" s="63">
        <v>657</v>
      </c>
      <c r="IV9" s="60">
        <v>172</v>
      </c>
      <c r="IW9" s="61">
        <v>151</v>
      </c>
      <c r="IX9" s="62">
        <v>323</v>
      </c>
      <c r="IY9" s="231"/>
      <c r="IZ9" s="61">
        <v>292</v>
      </c>
      <c r="JA9" s="61">
        <v>225</v>
      </c>
      <c r="JB9" s="61">
        <v>112</v>
      </c>
      <c r="JC9" s="61">
        <v>108</v>
      </c>
      <c r="JD9" s="61">
        <v>73</v>
      </c>
      <c r="JE9" s="62">
        <v>810</v>
      </c>
      <c r="JF9" s="63">
        <v>1133</v>
      </c>
      <c r="JG9" s="60">
        <v>171</v>
      </c>
      <c r="JH9" s="61">
        <v>163</v>
      </c>
      <c r="JI9" s="62">
        <v>334</v>
      </c>
      <c r="JJ9" s="231"/>
      <c r="JK9" s="61">
        <v>338</v>
      </c>
      <c r="JL9" s="61">
        <v>269</v>
      </c>
      <c r="JM9" s="61">
        <v>184</v>
      </c>
      <c r="JN9" s="61">
        <v>207</v>
      </c>
      <c r="JO9" s="61">
        <v>94</v>
      </c>
      <c r="JP9" s="62">
        <v>1092</v>
      </c>
      <c r="JQ9" s="63">
        <v>1426</v>
      </c>
      <c r="JR9" s="60">
        <v>0</v>
      </c>
      <c r="JS9" s="61">
        <v>0</v>
      </c>
      <c r="JT9" s="62">
        <v>0</v>
      </c>
      <c r="JU9" s="231"/>
      <c r="JV9" s="61">
        <v>0</v>
      </c>
      <c r="JW9" s="61">
        <v>0</v>
      </c>
      <c r="JX9" s="61">
        <v>0</v>
      </c>
      <c r="JY9" s="61">
        <v>0</v>
      </c>
      <c r="JZ9" s="61">
        <v>0</v>
      </c>
      <c r="KA9" s="62">
        <v>0</v>
      </c>
      <c r="KB9" s="63">
        <v>0</v>
      </c>
      <c r="KC9" s="60">
        <v>556</v>
      </c>
      <c r="KD9" s="61">
        <v>475</v>
      </c>
      <c r="KE9" s="62">
        <v>1031</v>
      </c>
      <c r="KF9" s="231"/>
      <c r="KG9" s="61">
        <v>947</v>
      </c>
      <c r="KH9" s="61">
        <v>706</v>
      </c>
      <c r="KI9" s="61">
        <v>426</v>
      </c>
      <c r="KJ9" s="61">
        <v>407</v>
      </c>
      <c r="KK9" s="61">
        <v>246</v>
      </c>
      <c r="KL9" s="62">
        <v>2732</v>
      </c>
      <c r="KM9" s="63">
        <v>3763</v>
      </c>
    </row>
    <row r="10" spans="2:299" ht="21" customHeight="1" x14ac:dyDescent="0.2">
      <c r="B10" s="468" t="s">
        <v>14</v>
      </c>
      <c r="C10" s="291">
        <v>264</v>
      </c>
      <c r="D10" s="72">
        <v>330</v>
      </c>
      <c r="E10" s="73">
        <v>594</v>
      </c>
      <c r="F10" s="228"/>
      <c r="G10" s="72">
        <v>392</v>
      </c>
      <c r="H10" s="72">
        <v>400</v>
      </c>
      <c r="I10" s="72">
        <v>271</v>
      </c>
      <c r="J10" s="72">
        <v>218</v>
      </c>
      <c r="K10" s="72">
        <v>121</v>
      </c>
      <c r="L10" s="74">
        <v>1402</v>
      </c>
      <c r="M10" s="75">
        <v>1996</v>
      </c>
      <c r="N10" s="60">
        <v>5</v>
      </c>
      <c r="O10" s="61">
        <v>2</v>
      </c>
      <c r="P10" s="62">
        <v>7</v>
      </c>
      <c r="Q10" s="231"/>
      <c r="R10" s="61">
        <v>6</v>
      </c>
      <c r="S10" s="61">
        <v>6</v>
      </c>
      <c r="T10" s="61">
        <v>4</v>
      </c>
      <c r="U10" s="61">
        <v>6</v>
      </c>
      <c r="V10" s="61">
        <v>6</v>
      </c>
      <c r="W10" s="62">
        <v>28</v>
      </c>
      <c r="X10" s="63">
        <v>35</v>
      </c>
      <c r="Y10" s="60">
        <v>13</v>
      </c>
      <c r="Z10" s="61">
        <v>18</v>
      </c>
      <c r="AA10" s="62">
        <v>31</v>
      </c>
      <c r="AB10" s="231"/>
      <c r="AC10" s="61">
        <v>15</v>
      </c>
      <c r="AD10" s="61">
        <v>17</v>
      </c>
      <c r="AE10" s="61">
        <v>15</v>
      </c>
      <c r="AF10" s="61">
        <v>8</v>
      </c>
      <c r="AG10" s="61">
        <v>10</v>
      </c>
      <c r="AH10" s="62">
        <v>65</v>
      </c>
      <c r="AI10" s="63">
        <v>96</v>
      </c>
      <c r="AJ10" s="60">
        <v>24</v>
      </c>
      <c r="AK10" s="61">
        <v>40</v>
      </c>
      <c r="AL10" s="62">
        <v>64</v>
      </c>
      <c r="AM10" s="231"/>
      <c r="AN10" s="61">
        <v>28</v>
      </c>
      <c r="AO10" s="61">
        <v>38</v>
      </c>
      <c r="AP10" s="61">
        <v>21</v>
      </c>
      <c r="AQ10" s="61">
        <v>27</v>
      </c>
      <c r="AR10" s="61">
        <v>10</v>
      </c>
      <c r="AS10" s="62">
        <v>124</v>
      </c>
      <c r="AT10" s="63">
        <v>188</v>
      </c>
      <c r="AU10" s="60">
        <v>66</v>
      </c>
      <c r="AV10" s="61">
        <v>84</v>
      </c>
      <c r="AW10" s="62">
        <v>150</v>
      </c>
      <c r="AX10" s="231"/>
      <c r="AY10" s="61">
        <v>82</v>
      </c>
      <c r="AZ10" s="61">
        <v>83</v>
      </c>
      <c r="BA10" s="61">
        <v>56</v>
      </c>
      <c r="BB10" s="61">
        <v>45</v>
      </c>
      <c r="BC10" s="61">
        <v>16</v>
      </c>
      <c r="BD10" s="62">
        <v>282</v>
      </c>
      <c r="BE10" s="63">
        <v>432</v>
      </c>
      <c r="BF10" s="60">
        <v>82</v>
      </c>
      <c r="BG10" s="61">
        <v>100</v>
      </c>
      <c r="BH10" s="62">
        <v>182</v>
      </c>
      <c r="BI10" s="231"/>
      <c r="BJ10" s="61">
        <v>129</v>
      </c>
      <c r="BK10" s="61">
        <v>123</v>
      </c>
      <c r="BL10" s="61">
        <v>69</v>
      </c>
      <c r="BM10" s="61">
        <v>66</v>
      </c>
      <c r="BN10" s="61">
        <v>26</v>
      </c>
      <c r="BO10" s="62">
        <v>413</v>
      </c>
      <c r="BP10" s="63">
        <v>595</v>
      </c>
      <c r="BQ10" s="60">
        <v>74</v>
      </c>
      <c r="BR10" s="61">
        <v>86</v>
      </c>
      <c r="BS10" s="62">
        <v>160</v>
      </c>
      <c r="BT10" s="231"/>
      <c r="BU10" s="61">
        <v>132</v>
      </c>
      <c r="BV10" s="61">
        <v>133</v>
      </c>
      <c r="BW10" s="61">
        <v>106</v>
      </c>
      <c r="BX10" s="61">
        <v>66</v>
      </c>
      <c r="BY10" s="61">
        <v>53</v>
      </c>
      <c r="BZ10" s="62">
        <v>490</v>
      </c>
      <c r="CA10" s="63">
        <v>650</v>
      </c>
      <c r="CB10" s="60">
        <v>0</v>
      </c>
      <c r="CC10" s="61">
        <v>0</v>
      </c>
      <c r="CD10" s="62">
        <v>0</v>
      </c>
      <c r="CE10" s="231"/>
      <c r="CF10" s="61">
        <v>0</v>
      </c>
      <c r="CG10" s="61">
        <v>0</v>
      </c>
      <c r="CH10" s="61">
        <v>0</v>
      </c>
      <c r="CI10" s="61">
        <v>0</v>
      </c>
      <c r="CJ10" s="61">
        <v>0</v>
      </c>
      <c r="CK10" s="62">
        <v>0</v>
      </c>
      <c r="CL10" s="63">
        <v>0</v>
      </c>
      <c r="CM10" s="60">
        <v>264</v>
      </c>
      <c r="CN10" s="61">
        <v>330</v>
      </c>
      <c r="CO10" s="62">
        <v>594</v>
      </c>
      <c r="CP10" s="231"/>
      <c r="CQ10" s="61">
        <v>392</v>
      </c>
      <c r="CR10" s="61">
        <v>400</v>
      </c>
      <c r="CS10" s="61">
        <v>271</v>
      </c>
      <c r="CT10" s="61">
        <v>218</v>
      </c>
      <c r="CU10" s="61">
        <v>121</v>
      </c>
      <c r="CV10" s="62">
        <v>1402</v>
      </c>
      <c r="CW10" s="63">
        <v>1996</v>
      </c>
      <c r="CX10" s="113">
        <v>41</v>
      </c>
      <c r="CY10" s="72">
        <v>49</v>
      </c>
      <c r="CZ10" s="73">
        <v>90</v>
      </c>
      <c r="DA10" s="228"/>
      <c r="DB10" s="72">
        <v>42</v>
      </c>
      <c r="DC10" s="72">
        <v>53</v>
      </c>
      <c r="DD10" s="72">
        <v>41</v>
      </c>
      <c r="DE10" s="72">
        <v>26</v>
      </c>
      <c r="DF10" s="72">
        <v>20</v>
      </c>
      <c r="DG10" s="74">
        <v>182</v>
      </c>
      <c r="DH10" s="75">
        <v>272</v>
      </c>
      <c r="DI10" s="60">
        <v>0</v>
      </c>
      <c r="DJ10" s="61">
        <v>0</v>
      </c>
      <c r="DK10" s="62">
        <v>0</v>
      </c>
      <c r="DL10" s="231"/>
      <c r="DM10" s="61">
        <v>0</v>
      </c>
      <c r="DN10" s="61">
        <v>1</v>
      </c>
      <c r="DO10" s="61">
        <v>2</v>
      </c>
      <c r="DP10" s="61">
        <v>0</v>
      </c>
      <c r="DQ10" s="61">
        <v>0</v>
      </c>
      <c r="DR10" s="62">
        <v>3</v>
      </c>
      <c r="DS10" s="63">
        <v>3</v>
      </c>
      <c r="DT10" s="60">
        <v>2</v>
      </c>
      <c r="DU10" s="61">
        <v>1</v>
      </c>
      <c r="DV10" s="62">
        <v>3</v>
      </c>
      <c r="DW10" s="231"/>
      <c r="DX10" s="61">
        <v>2</v>
      </c>
      <c r="DY10" s="61">
        <v>4</v>
      </c>
      <c r="DZ10" s="61">
        <v>1</v>
      </c>
      <c r="EA10" s="61">
        <v>1</v>
      </c>
      <c r="EB10" s="61">
        <v>1</v>
      </c>
      <c r="EC10" s="62">
        <v>9</v>
      </c>
      <c r="ED10" s="63">
        <v>12</v>
      </c>
      <c r="EE10" s="60">
        <v>9</v>
      </c>
      <c r="EF10" s="61">
        <v>5</v>
      </c>
      <c r="EG10" s="62">
        <v>14</v>
      </c>
      <c r="EH10" s="231"/>
      <c r="EI10" s="61">
        <v>10</v>
      </c>
      <c r="EJ10" s="61">
        <v>5</v>
      </c>
      <c r="EK10" s="61">
        <v>4</v>
      </c>
      <c r="EL10" s="61">
        <v>2</v>
      </c>
      <c r="EM10" s="61">
        <v>2</v>
      </c>
      <c r="EN10" s="62">
        <v>23</v>
      </c>
      <c r="EO10" s="63">
        <v>37</v>
      </c>
      <c r="EP10" s="60">
        <v>10</v>
      </c>
      <c r="EQ10" s="61">
        <v>16</v>
      </c>
      <c r="ER10" s="62">
        <v>26</v>
      </c>
      <c r="ES10" s="231"/>
      <c r="ET10" s="61">
        <v>10</v>
      </c>
      <c r="EU10" s="61">
        <v>11</v>
      </c>
      <c r="EV10" s="61">
        <v>9</v>
      </c>
      <c r="EW10" s="61">
        <v>3</v>
      </c>
      <c r="EX10" s="61">
        <v>2</v>
      </c>
      <c r="EY10" s="62">
        <v>35</v>
      </c>
      <c r="EZ10" s="63">
        <v>61</v>
      </c>
      <c r="FA10" s="60">
        <v>15</v>
      </c>
      <c r="FB10" s="61">
        <v>14</v>
      </c>
      <c r="FC10" s="62">
        <v>29</v>
      </c>
      <c r="FD10" s="231"/>
      <c r="FE10" s="61">
        <v>12</v>
      </c>
      <c r="FF10" s="61">
        <v>14</v>
      </c>
      <c r="FG10" s="61">
        <v>11</v>
      </c>
      <c r="FH10" s="61">
        <v>6</v>
      </c>
      <c r="FI10" s="61">
        <v>6</v>
      </c>
      <c r="FJ10" s="62">
        <v>49</v>
      </c>
      <c r="FK10" s="63">
        <v>78</v>
      </c>
      <c r="FL10" s="60">
        <v>5</v>
      </c>
      <c r="FM10" s="61">
        <v>13</v>
      </c>
      <c r="FN10" s="62">
        <v>18</v>
      </c>
      <c r="FO10" s="231"/>
      <c r="FP10" s="61">
        <v>8</v>
      </c>
      <c r="FQ10" s="61">
        <v>18</v>
      </c>
      <c r="FR10" s="61">
        <v>14</v>
      </c>
      <c r="FS10" s="61">
        <v>14</v>
      </c>
      <c r="FT10" s="61">
        <v>9</v>
      </c>
      <c r="FU10" s="62">
        <v>63</v>
      </c>
      <c r="FV10" s="63">
        <v>81</v>
      </c>
      <c r="FW10" s="60">
        <v>0</v>
      </c>
      <c r="FX10" s="61">
        <v>0</v>
      </c>
      <c r="FY10" s="62">
        <v>0</v>
      </c>
      <c r="FZ10" s="231"/>
      <c r="GA10" s="61">
        <v>0</v>
      </c>
      <c r="GB10" s="61">
        <v>0</v>
      </c>
      <c r="GC10" s="61">
        <v>0</v>
      </c>
      <c r="GD10" s="61">
        <v>0</v>
      </c>
      <c r="GE10" s="61">
        <v>0</v>
      </c>
      <c r="GF10" s="62">
        <v>0</v>
      </c>
      <c r="GG10" s="63">
        <v>0</v>
      </c>
      <c r="GH10" s="60">
        <v>41</v>
      </c>
      <c r="GI10" s="61">
        <v>49</v>
      </c>
      <c r="GJ10" s="62">
        <v>90</v>
      </c>
      <c r="GK10" s="231"/>
      <c r="GL10" s="61">
        <v>42</v>
      </c>
      <c r="GM10" s="61">
        <v>53</v>
      </c>
      <c r="GN10" s="61">
        <v>41</v>
      </c>
      <c r="GO10" s="61">
        <v>26</v>
      </c>
      <c r="GP10" s="61">
        <v>20</v>
      </c>
      <c r="GQ10" s="62">
        <v>182</v>
      </c>
      <c r="GR10" s="63">
        <v>272</v>
      </c>
      <c r="GS10" s="113">
        <v>305</v>
      </c>
      <c r="GT10" s="72">
        <v>379</v>
      </c>
      <c r="GU10" s="73">
        <v>684</v>
      </c>
      <c r="GV10" s="228"/>
      <c r="GW10" s="72">
        <v>434</v>
      </c>
      <c r="GX10" s="72">
        <v>453</v>
      </c>
      <c r="GY10" s="72">
        <v>312</v>
      </c>
      <c r="GZ10" s="72">
        <v>244</v>
      </c>
      <c r="HA10" s="72">
        <v>141</v>
      </c>
      <c r="HB10" s="74">
        <v>1584</v>
      </c>
      <c r="HC10" s="75">
        <v>2268</v>
      </c>
      <c r="HD10" s="60">
        <v>5</v>
      </c>
      <c r="HE10" s="61">
        <v>2</v>
      </c>
      <c r="HF10" s="62">
        <v>7</v>
      </c>
      <c r="HG10" s="231"/>
      <c r="HH10" s="61">
        <v>6</v>
      </c>
      <c r="HI10" s="61">
        <v>7</v>
      </c>
      <c r="HJ10" s="61">
        <v>6</v>
      </c>
      <c r="HK10" s="61">
        <v>6</v>
      </c>
      <c r="HL10" s="61">
        <v>6</v>
      </c>
      <c r="HM10" s="62">
        <v>31</v>
      </c>
      <c r="HN10" s="63">
        <v>38</v>
      </c>
      <c r="HO10" s="60">
        <v>15</v>
      </c>
      <c r="HP10" s="61">
        <v>19</v>
      </c>
      <c r="HQ10" s="62">
        <v>34</v>
      </c>
      <c r="HR10" s="231"/>
      <c r="HS10" s="61">
        <v>17</v>
      </c>
      <c r="HT10" s="61">
        <v>21</v>
      </c>
      <c r="HU10" s="61">
        <v>16</v>
      </c>
      <c r="HV10" s="61">
        <v>9</v>
      </c>
      <c r="HW10" s="61">
        <v>11</v>
      </c>
      <c r="HX10" s="62">
        <v>74</v>
      </c>
      <c r="HY10" s="63">
        <v>108</v>
      </c>
      <c r="HZ10" s="60">
        <v>33</v>
      </c>
      <c r="IA10" s="61">
        <v>45</v>
      </c>
      <c r="IB10" s="62">
        <v>78</v>
      </c>
      <c r="IC10" s="231"/>
      <c r="ID10" s="61">
        <v>38</v>
      </c>
      <c r="IE10" s="61">
        <v>43</v>
      </c>
      <c r="IF10" s="61">
        <v>25</v>
      </c>
      <c r="IG10" s="61">
        <v>29</v>
      </c>
      <c r="IH10" s="61">
        <v>12</v>
      </c>
      <c r="II10" s="62">
        <v>147</v>
      </c>
      <c r="IJ10" s="63">
        <v>225</v>
      </c>
      <c r="IK10" s="60">
        <v>76</v>
      </c>
      <c r="IL10" s="61">
        <v>100</v>
      </c>
      <c r="IM10" s="62">
        <v>176</v>
      </c>
      <c r="IN10" s="231"/>
      <c r="IO10" s="61">
        <v>92</v>
      </c>
      <c r="IP10" s="61">
        <v>94</v>
      </c>
      <c r="IQ10" s="61">
        <v>65</v>
      </c>
      <c r="IR10" s="61">
        <v>48</v>
      </c>
      <c r="IS10" s="61">
        <v>18</v>
      </c>
      <c r="IT10" s="62">
        <v>317</v>
      </c>
      <c r="IU10" s="63">
        <v>493</v>
      </c>
      <c r="IV10" s="60">
        <v>97</v>
      </c>
      <c r="IW10" s="61">
        <v>114</v>
      </c>
      <c r="IX10" s="62">
        <v>211</v>
      </c>
      <c r="IY10" s="231"/>
      <c r="IZ10" s="61">
        <v>141</v>
      </c>
      <c r="JA10" s="61">
        <v>137</v>
      </c>
      <c r="JB10" s="61">
        <v>80</v>
      </c>
      <c r="JC10" s="61">
        <v>72</v>
      </c>
      <c r="JD10" s="61">
        <v>32</v>
      </c>
      <c r="JE10" s="62">
        <v>462</v>
      </c>
      <c r="JF10" s="63">
        <v>673</v>
      </c>
      <c r="JG10" s="60">
        <v>79</v>
      </c>
      <c r="JH10" s="61">
        <v>99</v>
      </c>
      <c r="JI10" s="62">
        <v>178</v>
      </c>
      <c r="JJ10" s="231"/>
      <c r="JK10" s="61">
        <v>140</v>
      </c>
      <c r="JL10" s="61">
        <v>151</v>
      </c>
      <c r="JM10" s="61">
        <v>120</v>
      </c>
      <c r="JN10" s="61">
        <v>80</v>
      </c>
      <c r="JO10" s="61">
        <v>62</v>
      </c>
      <c r="JP10" s="62">
        <v>553</v>
      </c>
      <c r="JQ10" s="63">
        <v>731</v>
      </c>
      <c r="JR10" s="60">
        <v>0</v>
      </c>
      <c r="JS10" s="61">
        <v>0</v>
      </c>
      <c r="JT10" s="62">
        <v>0</v>
      </c>
      <c r="JU10" s="231"/>
      <c r="JV10" s="61">
        <v>0</v>
      </c>
      <c r="JW10" s="61">
        <v>0</v>
      </c>
      <c r="JX10" s="61">
        <v>0</v>
      </c>
      <c r="JY10" s="61">
        <v>0</v>
      </c>
      <c r="JZ10" s="61">
        <v>0</v>
      </c>
      <c r="KA10" s="62">
        <v>0</v>
      </c>
      <c r="KB10" s="63">
        <v>0</v>
      </c>
      <c r="KC10" s="60">
        <v>305</v>
      </c>
      <c r="KD10" s="61">
        <v>379</v>
      </c>
      <c r="KE10" s="62">
        <v>684</v>
      </c>
      <c r="KF10" s="231"/>
      <c r="KG10" s="61">
        <v>434</v>
      </c>
      <c r="KH10" s="61">
        <v>453</v>
      </c>
      <c r="KI10" s="61">
        <v>312</v>
      </c>
      <c r="KJ10" s="61">
        <v>244</v>
      </c>
      <c r="KK10" s="61">
        <v>141</v>
      </c>
      <c r="KL10" s="62">
        <v>1584</v>
      </c>
      <c r="KM10" s="63">
        <v>2268</v>
      </c>
    </row>
    <row r="11" spans="2:299" ht="21" customHeight="1" x14ac:dyDescent="0.2">
      <c r="B11" s="468" t="s">
        <v>7</v>
      </c>
      <c r="C11" s="291">
        <v>220</v>
      </c>
      <c r="D11" s="72">
        <v>180</v>
      </c>
      <c r="E11" s="73">
        <v>400</v>
      </c>
      <c r="F11" s="228"/>
      <c r="G11" s="72">
        <v>494</v>
      </c>
      <c r="H11" s="72">
        <v>327</v>
      </c>
      <c r="I11" s="72">
        <v>177</v>
      </c>
      <c r="J11" s="72">
        <v>159</v>
      </c>
      <c r="K11" s="72">
        <v>90</v>
      </c>
      <c r="L11" s="74">
        <v>1247</v>
      </c>
      <c r="M11" s="75">
        <v>1647</v>
      </c>
      <c r="N11" s="60">
        <v>1</v>
      </c>
      <c r="O11" s="61">
        <v>1</v>
      </c>
      <c r="P11" s="62">
        <v>2</v>
      </c>
      <c r="Q11" s="231"/>
      <c r="R11" s="61">
        <v>7</v>
      </c>
      <c r="S11" s="61">
        <v>2</v>
      </c>
      <c r="T11" s="61">
        <v>3</v>
      </c>
      <c r="U11" s="61">
        <v>2</v>
      </c>
      <c r="V11" s="61">
        <v>1</v>
      </c>
      <c r="W11" s="62">
        <v>15</v>
      </c>
      <c r="X11" s="63">
        <v>17</v>
      </c>
      <c r="Y11" s="60">
        <v>6</v>
      </c>
      <c r="Z11" s="61">
        <v>4</v>
      </c>
      <c r="AA11" s="62">
        <v>10</v>
      </c>
      <c r="AB11" s="231"/>
      <c r="AC11" s="61">
        <v>21</v>
      </c>
      <c r="AD11" s="61">
        <v>12</v>
      </c>
      <c r="AE11" s="61">
        <v>7</v>
      </c>
      <c r="AF11" s="61">
        <v>2</v>
      </c>
      <c r="AG11" s="61">
        <v>4</v>
      </c>
      <c r="AH11" s="62">
        <v>46</v>
      </c>
      <c r="AI11" s="63">
        <v>56</v>
      </c>
      <c r="AJ11" s="60">
        <v>13</v>
      </c>
      <c r="AK11" s="61">
        <v>10</v>
      </c>
      <c r="AL11" s="62">
        <v>23</v>
      </c>
      <c r="AM11" s="231"/>
      <c r="AN11" s="61">
        <v>47</v>
      </c>
      <c r="AO11" s="61">
        <v>27</v>
      </c>
      <c r="AP11" s="61">
        <v>13</v>
      </c>
      <c r="AQ11" s="61">
        <v>13</v>
      </c>
      <c r="AR11" s="61">
        <v>8</v>
      </c>
      <c r="AS11" s="62">
        <v>108</v>
      </c>
      <c r="AT11" s="63">
        <v>131</v>
      </c>
      <c r="AU11" s="60">
        <v>45</v>
      </c>
      <c r="AV11" s="61">
        <v>36</v>
      </c>
      <c r="AW11" s="62">
        <v>81</v>
      </c>
      <c r="AX11" s="231"/>
      <c r="AY11" s="61">
        <v>86</v>
      </c>
      <c r="AZ11" s="61">
        <v>68</v>
      </c>
      <c r="BA11" s="61">
        <v>31</v>
      </c>
      <c r="BB11" s="61">
        <v>26</v>
      </c>
      <c r="BC11" s="61">
        <v>20</v>
      </c>
      <c r="BD11" s="62">
        <v>231</v>
      </c>
      <c r="BE11" s="63">
        <v>312</v>
      </c>
      <c r="BF11" s="60">
        <v>84</v>
      </c>
      <c r="BG11" s="61">
        <v>69</v>
      </c>
      <c r="BH11" s="62">
        <v>153</v>
      </c>
      <c r="BI11" s="231"/>
      <c r="BJ11" s="61">
        <v>172</v>
      </c>
      <c r="BK11" s="61">
        <v>98</v>
      </c>
      <c r="BL11" s="61">
        <v>53</v>
      </c>
      <c r="BM11" s="61">
        <v>49</v>
      </c>
      <c r="BN11" s="61">
        <v>28</v>
      </c>
      <c r="BO11" s="62">
        <v>400</v>
      </c>
      <c r="BP11" s="63">
        <v>553</v>
      </c>
      <c r="BQ11" s="60">
        <v>71</v>
      </c>
      <c r="BR11" s="61">
        <v>60</v>
      </c>
      <c r="BS11" s="62">
        <v>131</v>
      </c>
      <c r="BT11" s="231"/>
      <c r="BU11" s="61">
        <v>161</v>
      </c>
      <c r="BV11" s="61">
        <v>120</v>
      </c>
      <c r="BW11" s="61">
        <v>70</v>
      </c>
      <c r="BX11" s="61">
        <v>67</v>
      </c>
      <c r="BY11" s="61">
        <v>29</v>
      </c>
      <c r="BZ11" s="62">
        <v>447</v>
      </c>
      <c r="CA11" s="63">
        <v>578</v>
      </c>
      <c r="CB11" s="60">
        <v>0</v>
      </c>
      <c r="CC11" s="61">
        <v>0</v>
      </c>
      <c r="CD11" s="62">
        <v>0</v>
      </c>
      <c r="CE11" s="231"/>
      <c r="CF11" s="61">
        <v>0</v>
      </c>
      <c r="CG11" s="61">
        <v>0</v>
      </c>
      <c r="CH11" s="61">
        <v>0</v>
      </c>
      <c r="CI11" s="61">
        <v>0</v>
      </c>
      <c r="CJ11" s="61">
        <v>0</v>
      </c>
      <c r="CK11" s="62">
        <v>0</v>
      </c>
      <c r="CL11" s="63">
        <v>0</v>
      </c>
      <c r="CM11" s="60">
        <v>220</v>
      </c>
      <c r="CN11" s="61">
        <v>180</v>
      </c>
      <c r="CO11" s="62">
        <v>400</v>
      </c>
      <c r="CP11" s="231"/>
      <c r="CQ11" s="61">
        <v>494</v>
      </c>
      <c r="CR11" s="61">
        <v>327</v>
      </c>
      <c r="CS11" s="61">
        <v>177</v>
      </c>
      <c r="CT11" s="61">
        <v>159</v>
      </c>
      <c r="CU11" s="61">
        <v>90</v>
      </c>
      <c r="CV11" s="62">
        <v>1247</v>
      </c>
      <c r="CW11" s="63">
        <v>1647</v>
      </c>
      <c r="CX11" s="113">
        <v>26</v>
      </c>
      <c r="CY11" s="72">
        <v>36</v>
      </c>
      <c r="CZ11" s="73">
        <v>62</v>
      </c>
      <c r="DA11" s="228"/>
      <c r="DB11" s="72">
        <v>73</v>
      </c>
      <c r="DC11" s="72">
        <v>35</v>
      </c>
      <c r="DD11" s="72">
        <v>31</v>
      </c>
      <c r="DE11" s="72">
        <v>20</v>
      </c>
      <c r="DF11" s="72">
        <v>14</v>
      </c>
      <c r="DG11" s="74">
        <v>173</v>
      </c>
      <c r="DH11" s="75">
        <v>235</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0</v>
      </c>
      <c r="DZ11" s="61">
        <v>1</v>
      </c>
      <c r="EA11" s="61">
        <v>1</v>
      </c>
      <c r="EB11" s="61">
        <v>0</v>
      </c>
      <c r="EC11" s="62">
        <v>3</v>
      </c>
      <c r="ED11" s="63">
        <v>9</v>
      </c>
      <c r="EE11" s="60">
        <v>4</v>
      </c>
      <c r="EF11" s="61">
        <v>5</v>
      </c>
      <c r="EG11" s="62">
        <v>9</v>
      </c>
      <c r="EH11" s="231"/>
      <c r="EI11" s="61">
        <v>6</v>
      </c>
      <c r="EJ11" s="61">
        <v>3</v>
      </c>
      <c r="EK11" s="61">
        <v>2</v>
      </c>
      <c r="EL11" s="61">
        <v>3</v>
      </c>
      <c r="EM11" s="61">
        <v>2</v>
      </c>
      <c r="EN11" s="62">
        <v>16</v>
      </c>
      <c r="EO11" s="63">
        <v>25</v>
      </c>
      <c r="EP11" s="60">
        <v>4</v>
      </c>
      <c r="EQ11" s="61">
        <v>8</v>
      </c>
      <c r="ER11" s="62">
        <v>12</v>
      </c>
      <c r="ES11" s="231"/>
      <c r="ET11" s="61">
        <v>14</v>
      </c>
      <c r="EU11" s="61">
        <v>5</v>
      </c>
      <c r="EV11" s="61">
        <v>3</v>
      </c>
      <c r="EW11" s="61">
        <v>0</v>
      </c>
      <c r="EX11" s="61">
        <v>1</v>
      </c>
      <c r="EY11" s="62">
        <v>23</v>
      </c>
      <c r="EZ11" s="63">
        <v>35</v>
      </c>
      <c r="FA11" s="60">
        <v>4</v>
      </c>
      <c r="FB11" s="61">
        <v>13</v>
      </c>
      <c r="FC11" s="62">
        <v>17</v>
      </c>
      <c r="FD11" s="231"/>
      <c r="FE11" s="61">
        <v>19</v>
      </c>
      <c r="FF11" s="61">
        <v>8</v>
      </c>
      <c r="FG11" s="61">
        <v>11</v>
      </c>
      <c r="FH11" s="61">
        <v>4</v>
      </c>
      <c r="FI11" s="61">
        <v>5</v>
      </c>
      <c r="FJ11" s="62">
        <v>47</v>
      </c>
      <c r="FK11" s="63">
        <v>64</v>
      </c>
      <c r="FL11" s="60">
        <v>9</v>
      </c>
      <c r="FM11" s="61">
        <v>8</v>
      </c>
      <c r="FN11" s="62">
        <v>17</v>
      </c>
      <c r="FO11" s="231"/>
      <c r="FP11" s="61">
        <v>32</v>
      </c>
      <c r="FQ11" s="61">
        <v>19</v>
      </c>
      <c r="FR11" s="61">
        <v>14</v>
      </c>
      <c r="FS11" s="61">
        <v>12</v>
      </c>
      <c r="FT11" s="61">
        <v>6</v>
      </c>
      <c r="FU11" s="62">
        <v>83</v>
      </c>
      <c r="FV11" s="63">
        <v>100</v>
      </c>
      <c r="FW11" s="60">
        <v>0</v>
      </c>
      <c r="FX11" s="61">
        <v>0</v>
      </c>
      <c r="FY11" s="62">
        <v>0</v>
      </c>
      <c r="FZ11" s="231"/>
      <c r="GA11" s="61">
        <v>0</v>
      </c>
      <c r="GB11" s="61">
        <v>0</v>
      </c>
      <c r="GC11" s="61">
        <v>0</v>
      </c>
      <c r="GD11" s="61">
        <v>0</v>
      </c>
      <c r="GE11" s="61">
        <v>0</v>
      </c>
      <c r="GF11" s="62">
        <v>0</v>
      </c>
      <c r="GG11" s="63">
        <v>0</v>
      </c>
      <c r="GH11" s="60">
        <v>26</v>
      </c>
      <c r="GI11" s="61">
        <v>36</v>
      </c>
      <c r="GJ11" s="62">
        <v>62</v>
      </c>
      <c r="GK11" s="231"/>
      <c r="GL11" s="61">
        <v>73</v>
      </c>
      <c r="GM11" s="61">
        <v>35</v>
      </c>
      <c r="GN11" s="61">
        <v>31</v>
      </c>
      <c r="GO11" s="61">
        <v>20</v>
      </c>
      <c r="GP11" s="61">
        <v>14</v>
      </c>
      <c r="GQ11" s="62">
        <v>173</v>
      </c>
      <c r="GR11" s="63">
        <v>235</v>
      </c>
      <c r="GS11" s="113">
        <v>246</v>
      </c>
      <c r="GT11" s="72">
        <v>216</v>
      </c>
      <c r="GU11" s="73">
        <v>462</v>
      </c>
      <c r="GV11" s="228"/>
      <c r="GW11" s="72">
        <v>567</v>
      </c>
      <c r="GX11" s="72">
        <v>362</v>
      </c>
      <c r="GY11" s="72">
        <v>208</v>
      </c>
      <c r="GZ11" s="72">
        <v>179</v>
      </c>
      <c r="HA11" s="72">
        <v>104</v>
      </c>
      <c r="HB11" s="74">
        <v>1420</v>
      </c>
      <c r="HC11" s="75">
        <v>1882</v>
      </c>
      <c r="HD11" s="60">
        <v>2</v>
      </c>
      <c r="HE11" s="61">
        <v>1</v>
      </c>
      <c r="HF11" s="62">
        <v>3</v>
      </c>
      <c r="HG11" s="231"/>
      <c r="HH11" s="61">
        <v>8</v>
      </c>
      <c r="HI11" s="61">
        <v>2</v>
      </c>
      <c r="HJ11" s="61">
        <v>3</v>
      </c>
      <c r="HK11" s="61">
        <v>2</v>
      </c>
      <c r="HL11" s="61">
        <v>1</v>
      </c>
      <c r="HM11" s="62">
        <v>16</v>
      </c>
      <c r="HN11" s="63">
        <v>19</v>
      </c>
      <c r="HO11" s="60">
        <v>10</v>
      </c>
      <c r="HP11" s="61">
        <v>6</v>
      </c>
      <c r="HQ11" s="62">
        <v>16</v>
      </c>
      <c r="HR11" s="231"/>
      <c r="HS11" s="61">
        <v>22</v>
      </c>
      <c r="HT11" s="61">
        <v>12</v>
      </c>
      <c r="HU11" s="61">
        <v>8</v>
      </c>
      <c r="HV11" s="61">
        <v>3</v>
      </c>
      <c r="HW11" s="61">
        <v>4</v>
      </c>
      <c r="HX11" s="62">
        <v>49</v>
      </c>
      <c r="HY11" s="63">
        <v>65</v>
      </c>
      <c r="HZ11" s="60">
        <v>17</v>
      </c>
      <c r="IA11" s="61">
        <v>15</v>
      </c>
      <c r="IB11" s="62">
        <v>32</v>
      </c>
      <c r="IC11" s="231"/>
      <c r="ID11" s="61">
        <v>53</v>
      </c>
      <c r="IE11" s="61">
        <v>30</v>
      </c>
      <c r="IF11" s="61">
        <v>15</v>
      </c>
      <c r="IG11" s="61">
        <v>16</v>
      </c>
      <c r="IH11" s="61">
        <v>10</v>
      </c>
      <c r="II11" s="62">
        <v>124</v>
      </c>
      <c r="IJ11" s="63">
        <v>156</v>
      </c>
      <c r="IK11" s="60">
        <v>49</v>
      </c>
      <c r="IL11" s="61">
        <v>44</v>
      </c>
      <c r="IM11" s="62">
        <v>93</v>
      </c>
      <c r="IN11" s="231"/>
      <c r="IO11" s="61">
        <v>100</v>
      </c>
      <c r="IP11" s="61">
        <v>73</v>
      </c>
      <c r="IQ11" s="61">
        <v>34</v>
      </c>
      <c r="IR11" s="61">
        <v>26</v>
      </c>
      <c r="IS11" s="61">
        <v>21</v>
      </c>
      <c r="IT11" s="62">
        <v>254</v>
      </c>
      <c r="IU11" s="63">
        <v>347</v>
      </c>
      <c r="IV11" s="60">
        <v>88</v>
      </c>
      <c r="IW11" s="61">
        <v>82</v>
      </c>
      <c r="IX11" s="62">
        <v>170</v>
      </c>
      <c r="IY11" s="231"/>
      <c r="IZ11" s="61">
        <v>191</v>
      </c>
      <c r="JA11" s="61">
        <v>106</v>
      </c>
      <c r="JB11" s="61">
        <v>64</v>
      </c>
      <c r="JC11" s="61">
        <v>53</v>
      </c>
      <c r="JD11" s="61">
        <v>33</v>
      </c>
      <c r="JE11" s="62">
        <v>447</v>
      </c>
      <c r="JF11" s="63">
        <v>617</v>
      </c>
      <c r="JG11" s="60">
        <v>80</v>
      </c>
      <c r="JH11" s="61">
        <v>68</v>
      </c>
      <c r="JI11" s="62">
        <v>148</v>
      </c>
      <c r="JJ11" s="231"/>
      <c r="JK11" s="61">
        <v>193</v>
      </c>
      <c r="JL11" s="61">
        <v>139</v>
      </c>
      <c r="JM11" s="61">
        <v>84</v>
      </c>
      <c r="JN11" s="61">
        <v>79</v>
      </c>
      <c r="JO11" s="61">
        <v>35</v>
      </c>
      <c r="JP11" s="62">
        <v>530</v>
      </c>
      <c r="JQ11" s="63">
        <v>678</v>
      </c>
      <c r="JR11" s="60">
        <v>0</v>
      </c>
      <c r="JS11" s="61">
        <v>0</v>
      </c>
      <c r="JT11" s="62">
        <v>0</v>
      </c>
      <c r="JU11" s="231"/>
      <c r="JV11" s="61">
        <v>0</v>
      </c>
      <c r="JW11" s="61">
        <v>0</v>
      </c>
      <c r="JX11" s="61">
        <v>0</v>
      </c>
      <c r="JY11" s="61">
        <v>0</v>
      </c>
      <c r="JZ11" s="61">
        <v>0</v>
      </c>
      <c r="KA11" s="62">
        <v>0</v>
      </c>
      <c r="KB11" s="63">
        <v>0</v>
      </c>
      <c r="KC11" s="60">
        <v>246</v>
      </c>
      <c r="KD11" s="61">
        <v>216</v>
      </c>
      <c r="KE11" s="62">
        <v>462</v>
      </c>
      <c r="KF11" s="231"/>
      <c r="KG11" s="61">
        <v>567</v>
      </c>
      <c r="KH11" s="61">
        <v>362</v>
      </c>
      <c r="KI11" s="61">
        <v>208</v>
      </c>
      <c r="KJ11" s="61">
        <v>179</v>
      </c>
      <c r="KK11" s="61">
        <v>104</v>
      </c>
      <c r="KL11" s="62">
        <v>1420</v>
      </c>
      <c r="KM11" s="63">
        <v>1882</v>
      </c>
    </row>
    <row r="12" spans="2:299" ht="21" customHeight="1" x14ac:dyDescent="0.2">
      <c r="B12" s="468" t="s">
        <v>8</v>
      </c>
      <c r="C12" s="291">
        <v>106</v>
      </c>
      <c r="D12" s="72">
        <v>66</v>
      </c>
      <c r="E12" s="73">
        <v>172</v>
      </c>
      <c r="F12" s="228"/>
      <c r="G12" s="72">
        <v>141</v>
      </c>
      <c r="H12" s="72">
        <v>104</v>
      </c>
      <c r="I12" s="72">
        <v>97</v>
      </c>
      <c r="J12" s="72">
        <v>61</v>
      </c>
      <c r="K12" s="72">
        <v>44</v>
      </c>
      <c r="L12" s="74">
        <v>447</v>
      </c>
      <c r="M12" s="75">
        <v>619</v>
      </c>
      <c r="N12" s="60">
        <v>2</v>
      </c>
      <c r="O12" s="61">
        <v>2</v>
      </c>
      <c r="P12" s="62">
        <v>4</v>
      </c>
      <c r="Q12" s="231"/>
      <c r="R12" s="61">
        <v>3</v>
      </c>
      <c r="S12" s="61">
        <v>1</v>
      </c>
      <c r="T12" s="61">
        <v>3</v>
      </c>
      <c r="U12" s="61">
        <v>1</v>
      </c>
      <c r="V12" s="61">
        <v>0</v>
      </c>
      <c r="W12" s="62">
        <v>8</v>
      </c>
      <c r="X12" s="63">
        <v>12</v>
      </c>
      <c r="Y12" s="60">
        <v>1</v>
      </c>
      <c r="Z12" s="61">
        <v>3</v>
      </c>
      <c r="AA12" s="62">
        <v>4</v>
      </c>
      <c r="AB12" s="231"/>
      <c r="AC12" s="61">
        <v>11</v>
      </c>
      <c r="AD12" s="61">
        <v>6</v>
      </c>
      <c r="AE12" s="61">
        <v>4</v>
      </c>
      <c r="AF12" s="61">
        <v>4</v>
      </c>
      <c r="AG12" s="61">
        <v>7</v>
      </c>
      <c r="AH12" s="62">
        <v>32</v>
      </c>
      <c r="AI12" s="63">
        <v>36</v>
      </c>
      <c r="AJ12" s="60">
        <v>4</v>
      </c>
      <c r="AK12" s="61">
        <v>3</v>
      </c>
      <c r="AL12" s="62">
        <v>7</v>
      </c>
      <c r="AM12" s="231"/>
      <c r="AN12" s="61">
        <v>13</v>
      </c>
      <c r="AO12" s="61">
        <v>11</v>
      </c>
      <c r="AP12" s="61">
        <v>2</v>
      </c>
      <c r="AQ12" s="61">
        <v>13</v>
      </c>
      <c r="AR12" s="61">
        <v>1</v>
      </c>
      <c r="AS12" s="62">
        <v>40</v>
      </c>
      <c r="AT12" s="63">
        <v>47</v>
      </c>
      <c r="AU12" s="60">
        <v>19</v>
      </c>
      <c r="AV12" s="61">
        <v>8</v>
      </c>
      <c r="AW12" s="62">
        <v>27</v>
      </c>
      <c r="AX12" s="231"/>
      <c r="AY12" s="61">
        <v>28</v>
      </c>
      <c r="AZ12" s="61">
        <v>25</v>
      </c>
      <c r="BA12" s="61">
        <v>13</v>
      </c>
      <c r="BB12" s="61">
        <v>8</v>
      </c>
      <c r="BC12" s="61">
        <v>7</v>
      </c>
      <c r="BD12" s="62">
        <v>81</v>
      </c>
      <c r="BE12" s="63">
        <v>108</v>
      </c>
      <c r="BF12" s="60">
        <v>40</v>
      </c>
      <c r="BG12" s="61">
        <v>20</v>
      </c>
      <c r="BH12" s="62">
        <v>60</v>
      </c>
      <c r="BI12" s="231"/>
      <c r="BJ12" s="61">
        <v>36</v>
      </c>
      <c r="BK12" s="61">
        <v>20</v>
      </c>
      <c r="BL12" s="61">
        <v>25</v>
      </c>
      <c r="BM12" s="61">
        <v>14</v>
      </c>
      <c r="BN12" s="61">
        <v>12</v>
      </c>
      <c r="BO12" s="62">
        <v>107</v>
      </c>
      <c r="BP12" s="63">
        <v>167</v>
      </c>
      <c r="BQ12" s="60">
        <v>40</v>
      </c>
      <c r="BR12" s="61">
        <v>30</v>
      </c>
      <c r="BS12" s="62">
        <v>70</v>
      </c>
      <c r="BT12" s="231"/>
      <c r="BU12" s="61">
        <v>50</v>
      </c>
      <c r="BV12" s="61">
        <v>41</v>
      </c>
      <c r="BW12" s="61">
        <v>50</v>
      </c>
      <c r="BX12" s="61">
        <v>21</v>
      </c>
      <c r="BY12" s="61">
        <v>17</v>
      </c>
      <c r="BZ12" s="62">
        <v>179</v>
      </c>
      <c r="CA12" s="63">
        <v>249</v>
      </c>
      <c r="CB12" s="60">
        <v>0</v>
      </c>
      <c r="CC12" s="61">
        <v>0</v>
      </c>
      <c r="CD12" s="62">
        <v>0</v>
      </c>
      <c r="CE12" s="231"/>
      <c r="CF12" s="61">
        <v>0</v>
      </c>
      <c r="CG12" s="61">
        <v>0</v>
      </c>
      <c r="CH12" s="61">
        <v>0</v>
      </c>
      <c r="CI12" s="61">
        <v>0</v>
      </c>
      <c r="CJ12" s="61">
        <v>0</v>
      </c>
      <c r="CK12" s="62">
        <v>0</v>
      </c>
      <c r="CL12" s="63">
        <v>0</v>
      </c>
      <c r="CM12" s="60">
        <v>106</v>
      </c>
      <c r="CN12" s="61">
        <v>66</v>
      </c>
      <c r="CO12" s="62">
        <v>172</v>
      </c>
      <c r="CP12" s="231"/>
      <c r="CQ12" s="61">
        <v>141</v>
      </c>
      <c r="CR12" s="61">
        <v>104</v>
      </c>
      <c r="CS12" s="61">
        <v>97</v>
      </c>
      <c r="CT12" s="61">
        <v>61</v>
      </c>
      <c r="CU12" s="61">
        <v>44</v>
      </c>
      <c r="CV12" s="62">
        <v>447</v>
      </c>
      <c r="CW12" s="63">
        <v>619</v>
      </c>
      <c r="CX12" s="113">
        <v>12</v>
      </c>
      <c r="CY12" s="72">
        <v>7</v>
      </c>
      <c r="CZ12" s="73">
        <v>19</v>
      </c>
      <c r="DA12" s="228"/>
      <c r="DB12" s="72">
        <v>25</v>
      </c>
      <c r="DC12" s="72">
        <v>25</v>
      </c>
      <c r="DD12" s="72">
        <v>21</v>
      </c>
      <c r="DE12" s="72">
        <v>10</v>
      </c>
      <c r="DF12" s="72">
        <v>3</v>
      </c>
      <c r="DG12" s="74">
        <v>84</v>
      </c>
      <c r="DH12" s="75">
        <v>103</v>
      </c>
      <c r="DI12" s="60">
        <v>2</v>
      </c>
      <c r="DJ12" s="61">
        <v>0</v>
      </c>
      <c r="DK12" s="62">
        <v>2</v>
      </c>
      <c r="DL12" s="231"/>
      <c r="DM12" s="61">
        <v>0</v>
      </c>
      <c r="DN12" s="61">
        <v>1</v>
      </c>
      <c r="DO12" s="61">
        <v>0</v>
      </c>
      <c r="DP12" s="61">
        <v>0</v>
      </c>
      <c r="DQ12" s="61">
        <v>0</v>
      </c>
      <c r="DR12" s="62">
        <v>1</v>
      </c>
      <c r="DS12" s="63">
        <v>3</v>
      </c>
      <c r="DT12" s="60">
        <v>1</v>
      </c>
      <c r="DU12" s="61">
        <v>1</v>
      </c>
      <c r="DV12" s="62">
        <v>2</v>
      </c>
      <c r="DW12" s="231"/>
      <c r="DX12" s="61">
        <v>1</v>
      </c>
      <c r="DY12" s="61">
        <v>2</v>
      </c>
      <c r="DZ12" s="61">
        <v>1</v>
      </c>
      <c r="EA12" s="61">
        <v>1</v>
      </c>
      <c r="EB12" s="61">
        <v>0</v>
      </c>
      <c r="EC12" s="62">
        <v>5</v>
      </c>
      <c r="ED12" s="63">
        <v>7</v>
      </c>
      <c r="EE12" s="60">
        <v>0</v>
      </c>
      <c r="EF12" s="61">
        <v>0</v>
      </c>
      <c r="EG12" s="62">
        <v>0</v>
      </c>
      <c r="EH12" s="231"/>
      <c r="EI12" s="61">
        <v>3</v>
      </c>
      <c r="EJ12" s="61">
        <v>2</v>
      </c>
      <c r="EK12" s="61">
        <v>1</v>
      </c>
      <c r="EL12" s="61">
        <v>1</v>
      </c>
      <c r="EM12" s="61">
        <v>0</v>
      </c>
      <c r="EN12" s="62">
        <v>7</v>
      </c>
      <c r="EO12" s="63">
        <v>7</v>
      </c>
      <c r="EP12" s="60">
        <v>2</v>
      </c>
      <c r="EQ12" s="61">
        <v>1</v>
      </c>
      <c r="ER12" s="62">
        <v>3</v>
      </c>
      <c r="ES12" s="231"/>
      <c r="ET12" s="61">
        <v>3</v>
      </c>
      <c r="EU12" s="61">
        <v>4</v>
      </c>
      <c r="EV12" s="61">
        <v>3</v>
      </c>
      <c r="EW12" s="61">
        <v>0</v>
      </c>
      <c r="EX12" s="61">
        <v>0</v>
      </c>
      <c r="EY12" s="62">
        <v>10</v>
      </c>
      <c r="EZ12" s="63">
        <v>13</v>
      </c>
      <c r="FA12" s="60">
        <v>4</v>
      </c>
      <c r="FB12" s="61">
        <v>4</v>
      </c>
      <c r="FC12" s="62">
        <v>8</v>
      </c>
      <c r="FD12" s="231"/>
      <c r="FE12" s="61">
        <v>9</v>
      </c>
      <c r="FF12" s="61">
        <v>6</v>
      </c>
      <c r="FG12" s="61">
        <v>4</v>
      </c>
      <c r="FH12" s="61">
        <v>1</v>
      </c>
      <c r="FI12" s="61">
        <v>1</v>
      </c>
      <c r="FJ12" s="62">
        <v>21</v>
      </c>
      <c r="FK12" s="63">
        <v>29</v>
      </c>
      <c r="FL12" s="60">
        <v>3</v>
      </c>
      <c r="FM12" s="61">
        <v>1</v>
      </c>
      <c r="FN12" s="62">
        <v>4</v>
      </c>
      <c r="FO12" s="231"/>
      <c r="FP12" s="61">
        <v>9</v>
      </c>
      <c r="FQ12" s="61">
        <v>10</v>
      </c>
      <c r="FR12" s="61">
        <v>12</v>
      </c>
      <c r="FS12" s="61">
        <v>7</v>
      </c>
      <c r="FT12" s="61">
        <v>2</v>
      </c>
      <c r="FU12" s="62">
        <v>40</v>
      </c>
      <c r="FV12" s="63">
        <v>44</v>
      </c>
      <c r="FW12" s="60">
        <v>0</v>
      </c>
      <c r="FX12" s="61">
        <v>0</v>
      </c>
      <c r="FY12" s="62">
        <v>0</v>
      </c>
      <c r="FZ12" s="231"/>
      <c r="GA12" s="61">
        <v>0</v>
      </c>
      <c r="GB12" s="61">
        <v>0</v>
      </c>
      <c r="GC12" s="61">
        <v>0</v>
      </c>
      <c r="GD12" s="61">
        <v>0</v>
      </c>
      <c r="GE12" s="61">
        <v>0</v>
      </c>
      <c r="GF12" s="62">
        <v>0</v>
      </c>
      <c r="GG12" s="63">
        <v>0</v>
      </c>
      <c r="GH12" s="60">
        <v>12</v>
      </c>
      <c r="GI12" s="61">
        <v>7</v>
      </c>
      <c r="GJ12" s="62">
        <v>19</v>
      </c>
      <c r="GK12" s="231"/>
      <c r="GL12" s="61">
        <v>25</v>
      </c>
      <c r="GM12" s="61">
        <v>25</v>
      </c>
      <c r="GN12" s="61">
        <v>21</v>
      </c>
      <c r="GO12" s="61">
        <v>10</v>
      </c>
      <c r="GP12" s="61">
        <v>3</v>
      </c>
      <c r="GQ12" s="62">
        <v>84</v>
      </c>
      <c r="GR12" s="63">
        <v>103</v>
      </c>
      <c r="GS12" s="113">
        <v>118</v>
      </c>
      <c r="GT12" s="72">
        <v>73</v>
      </c>
      <c r="GU12" s="73">
        <v>191</v>
      </c>
      <c r="GV12" s="228"/>
      <c r="GW12" s="72">
        <v>166</v>
      </c>
      <c r="GX12" s="72">
        <v>129</v>
      </c>
      <c r="GY12" s="72">
        <v>118</v>
      </c>
      <c r="GZ12" s="72">
        <v>71</v>
      </c>
      <c r="HA12" s="72">
        <v>47</v>
      </c>
      <c r="HB12" s="74">
        <v>531</v>
      </c>
      <c r="HC12" s="75">
        <v>722</v>
      </c>
      <c r="HD12" s="60">
        <v>4</v>
      </c>
      <c r="HE12" s="61">
        <v>2</v>
      </c>
      <c r="HF12" s="62">
        <v>6</v>
      </c>
      <c r="HG12" s="231"/>
      <c r="HH12" s="61">
        <v>3</v>
      </c>
      <c r="HI12" s="61">
        <v>2</v>
      </c>
      <c r="HJ12" s="61">
        <v>3</v>
      </c>
      <c r="HK12" s="61">
        <v>1</v>
      </c>
      <c r="HL12" s="61">
        <v>0</v>
      </c>
      <c r="HM12" s="62">
        <v>9</v>
      </c>
      <c r="HN12" s="63">
        <v>15</v>
      </c>
      <c r="HO12" s="60">
        <v>2</v>
      </c>
      <c r="HP12" s="61">
        <v>4</v>
      </c>
      <c r="HQ12" s="62">
        <v>6</v>
      </c>
      <c r="HR12" s="231"/>
      <c r="HS12" s="61">
        <v>12</v>
      </c>
      <c r="HT12" s="61">
        <v>8</v>
      </c>
      <c r="HU12" s="61">
        <v>5</v>
      </c>
      <c r="HV12" s="61">
        <v>5</v>
      </c>
      <c r="HW12" s="61">
        <v>7</v>
      </c>
      <c r="HX12" s="62">
        <v>37</v>
      </c>
      <c r="HY12" s="63">
        <v>43</v>
      </c>
      <c r="HZ12" s="60">
        <v>4</v>
      </c>
      <c r="IA12" s="61">
        <v>3</v>
      </c>
      <c r="IB12" s="62">
        <v>7</v>
      </c>
      <c r="IC12" s="231"/>
      <c r="ID12" s="61">
        <v>16</v>
      </c>
      <c r="IE12" s="61">
        <v>13</v>
      </c>
      <c r="IF12" s="61">
        <v>3</v>
      </c>
      <c r="IG12" s="61">
        <v>14</v>
      </c>
      <c r="IH12" s="61">
        <v>1</v>
      </c>
      <c r="II12" s="62">
        <v>47</v>
      </c>
      <c r="IJ12" s="63">
        <v>54</v>
      </c>
      <c r="IK12" s="60">
        <v>21</v>
      </c>
      <c r="IL12" s="61">
        <v>9</v>
      </c>
      <c r="IM12" s="62">
        <v>30</v>
      </c>
      <c r="IN12" s="231"/>
      <c r="IO12" s="61">
        <v>31</v>
      </c>
      <c r="IP12" s="61">
        <v>29</v>
      </c>
      <c r="IQ12" s="61">
        <v>16</v>
      </c>
      <c r="IR12" s="61">
        <v>8</v>
      </c>
      <c r="IS12" s="61">
        <v>7</v>
      </c>
      <c r="IT12" s="62">
        <v>91</v>
      </c>
      <c r="IU12" s="63">
        <v>121</v>
      </c>
      <c r="IV12" s="60">
        <v>44</v>
      </c>
      <c r="IW12" s="61">
        <v>24</v>
      </c>
      <c r="IX12" s="62">
        <v>68</v>
      </c>
      <c r="IY12" s="231"/>
      <c r="IZ12" s="61">
        <v>45</v>
      </c>
      <c r="JA12" s="61">
        <v>26</v>
      </c>
      <c r="JB12" s="61">
        <v>29</v>
      </c>
      <c r="JC12" s="61">
        <v>15</v>
      </c>
      <c r="JD12" s="61">
        <v>13</v>
      </c>
      <c r="JE12" s="62">
        <v>128</v>
      </c>
      <c r="JF12" s="63">
        <v>196</v>
      </c>
      <c r="JG12" s="60">
        <v>43</v>
      </c>
      <c r="JH12" s="61">
        <v>31</v>
      </c>
      <c r="JI12" s="62">
        <v>74</v>
      </c>
      <c r="JJ12" s="231"/>
      <c r="JK12" s="61">
        <v>59</v>
      </c>
      <c r="JL12" s="61">
        <v>51</v>
      </c>
      <c r="JM12" s="61">
        <v>62</v>
      </c>
      <c r="JN12" s="61">
        <v>28</v>
      </c>
      <c r="JO12" s="61">
        <v>19</v>
      </c>
      <c r="JP12" s="62">
        <v>219</v>
      </c>
      <c r="JQ12" s="63">
        <v>293</v>
      </c>
      <c r="JR12" s="60">
        <v>0</v>
      </c>
      <c r="JS12" s="61">
        <v>0</v>
      </c>
      <c r="JT12" s="62">
        <v>0</v>
      </c>
      <c r="JU12" s="231"/>
      <c r="JV12" s="61">
        <v>0</v>
      </c>
      <c r="JW12" s="61">
        <v>0</v>
      </c>
      <c r="JX12" s="61">
        <v>0</v>
      </c>
      <c r="JY12" s="61">
        <v>0</v>
      </c>
      <c r="JZ12" s="61">
        <v>0</v>
      </c>
      <c r="KA12" s="62">
        <v>0</v>
      </c>
      <c r="KB12" s="63">
        <v>0</v>
      </c>
      <c r="KC12" s="60">
        <v>118</v>
      </c>
      <c r="KD12" s="61">
        <v>73</v>
      </c>
      <c r="KE12" s="62">
        <v>191</v>
      </c>
      <c r="KF12" s="231"/>
      <c r="KG12" s="61">
        <v>166</v>
      </c>
      <c r="KH12" s="61">
        <v>129</v>
      </c>
      <c r="KI12" s="61">
        <v>118</v>
      </c>
      <c r="KJ12" s="61">
        <v>71</v>
      </c>
      <c r="KK12" s="61">
        <v>47</v>
      </c>
      <c r="KL12" s="62">
        <v>531</v>
      </c>
      <c r="KM12" s="63">
        <v>722</v>
      </c>
    </row>
    <row r="13" spans="2:299" ht="21" customHeight="1" x14ac:dyDescent="0.2">
      <c r="B13" s="468" t="s">
        <v>9</v>
      </c>
      <c r="C13" s="291">
        <v>190</v>
      </c>
      <c r="D13" s="72">
        <v>94</v>
      </c>
      <c r="E13" s="73">
        <v>284</v>
      </c>
      <c r="F13" s="228"/>
      <c r="G13" s="72">
        <v>213</v>
      </c>
      <c r="H13" s="72">
        <v>118</v>
      </c>
      <c r="I13" s="72">
        <v>114</v>
      </c>
      <c r="J13" s="72">
        <v>90</v>
      </c>
      <c r="K13" s="72">
        <v>46</v>
      </c>
      <c r="L13" s="74">
        <v>581</v>
      </c>
      <c r="M13" s="75">
        <v>865</v>
      </c>
      <c r="N13" s="60">
        <v>0</v>
      </c>
      <c r="O13" s="61">
        <v>0</v>
      </c>
      <c r="P13" s="62">
        <v>0</v>
      </c>
      <c r="Q13" s="231"/>
      <c r="R13" s="61">
        <v>1</v>
      </c>
      <c r="S13" s="61">
        <v>0</v>
      </c>
      <c r="T13" s="61">
        <v>1</v>
      </c>
      <c r="U13" s="61">
        <v>0</v>
      </c>
      <c r="V13" s="61">
        <v>0</v>
      </c>
      <c r="W13" s="62">
        <v>2</v>
      </c>
      <c r="X13" s="63">
        <v>2</v>
      </c>
      <c r="Y13" s="60">
        <v>7</v>
      </c>
      <c r="Z13" s="61">
        <v>0</v>
      </c>
      <c r="AA13" s="62">
        <v>7</v>
      </c>
      <c r="AB13" s="231"/>
      <c r="AC13" s="61">
        <v>3</v>
      </c>
      <c r="AD13" s="61">
        <v>3</v>
      </c>
      <c r="AE13" s="61">
        <v>1</v>
      </c>
      <c r="AF13" s="61">
        <v>0</v>
      </c>
      <c r="AG13" s="61">
        <v>2</v>
      </c>
      <c r="AH13" s="62">
        <v>9</v>
      </c>
      <c r="AI13" s="63">
        <v>16</v>
      </c>
      <c r="AJ13" s="60">
        <v>10</v>
      </c>
      <c r="AK13" s="61">
        <v>4</v>
      </c>
      <c r="AL13" s="62">
        <v>14</v>
      </c>
      <c r="AM13" s="231"/>
      <c r="AN13" s="61">
        <v>9</v>
      </c>
      <c r="AO13" s="61">
        <v>9</v>
      </c>
      <c r="AP13" s="61">
        <v>10</v>
      </c>
      <c r="AQ13" s="61">
        <v>6</v>
      </c>
      <c r="AR13" s="61">
        <v>3</v>
      </c>
      <c r="AS13" s="62">
        <v>37</v>
      </c>
      <c r="AT13" s="63">
        <v>51</v>
      </c>
      <c r="AU13" s="60">
        <v>31</v>
      </c>
      <c r="AV13" s="61">
        <v>19</v>
      </c>
      <c r="AW13" s="62">
        <v>50</v>
      </c>
      <c r="AX13" s="231"/>
      <c r="AY13" s="61">
        <v>35</v>
      </c>
      <c r="AZ13" s="61">
        <v>9</v>
      </c>
      <c r="BA13" s="61">
        <v>15</v>
      </c>
      <c r="BB13" s="61">
        <v>9</v>
      </c>
      <c r="BC13" s="61">
        <v>8</v>
      </c>
      <c r="BD13" s="62">
        <v>76</v>
      </c>
      <c r="BE13" s="63">
        <v>126</v>
      </c>
      <c r="BF13" s="60">
        <v>67</v>
      </c>
      <c r="BG13" s="61">
        <v>37</v>
      </c>
      <c r="BH13" s="62">
        <v>104</v>
      </c>
      <c r="BI13" s="231"/>
      <c r="BJ13" s="61">
        <v>77</v>
      </c>
      <c r="BK13" s="61">
        <v>37</v>
      </c>
      <c r="BL13" s="61">
        <v>34</v>
      </c>
      <c r="BM13" s="61">
        <v>29</v>
      </c>
      <c r="BN13" s="61">
        <v>9</v>
      </c>
      <c r="BO13" s="62">
        <v>186</v>
      </c>
      <c r="BP13" s="63">
        <v>290</v>
      </c>
      <c r="BQ13" s="60">
        <v>75</v>
      </c>
      <c r="BR13" s="61">
        <v>34</v>
      </c>
      <c r="BS13" s="62">
        <v>109</v>
      </c>
      <c r="BT13" s="231"/>
      <c r="BU13" s="61">
        <v>88</v>
      </c>
      <c r="BV13" s="61">
        <v>60</v>
      </c>
      <c r="BW13" s="61">
        <v>53</v>
      </c>
      <c r="BX13" s="61">
        <v>46</v>
      </c>
      <c r="BY13" s="61">
        <v>24</v>
      </c>
      <c r="BZ13" s="62">
        <v>271</v>
      </c>
      <c r="CA13" s="63">
        <v>380</v>
      </c>
      <c r="CB13" s="60">
        <v>0</v>
      </c>
      <c r="CC13" s="61">
        <v>0</v>
      </c>
      <c r="CD13" s="62">
        <v>0</v>
      </c>
      <c r="CE13" s="231"/>
      <c r="CF13" s="61">
        <v>0</v>
      </c>
      <c r="CG13" s="61">
        <v>0</v>
      </c>
      <c r="CH13" s="61">
        <v>0</v>
      </c>
      <c r="CI13" s="61">
        <v>0</v>
      </c>
      <c r="CJ13" s="61">
        <v>0</v>
      </c>
      <c r="CK13" s="62">
        <v>0</v>
      </c>
      <c r="CL13" s="63">
        <v>0</v>
      </c>
      <c r="CM13" s="60">
        <v>190</v>
      </c>
      <c r="CN13" s="61">
        <v>94</v>
      </c>
      <c r="CO13" s="62">
        <v>284</v>
      </c>
      <c r="CP13" s="231"/>
      <c r="CQ13" s="61">
        <v>213</v>
      </c>
      <c r="CR13" s="61">
        <v>118</v>
      </c>
      <c r="CS13" s="61">
        <v>114</v>
      </c>
      <c r="CT13" s="61">
        <v>90</v>
      </c>
      <c r="CU13" s="61">
        <v>46</v>
      </c>
      <c r="CV13" s="62">
        <v>581</v>
      </c>
      <c r="CW13" s="63">
        <v>865</v>
      </c>
      <c r="CX13" s="113">
        <v>29</v>
      </c>
      <c r="CY13" s="72">
        <v>20</v>
      </c>
      <c r="CZ13" s="73">
        <v>49</v>
      </c>
      <c r="DA13" s="228"/>
      <c r="DB13" s="72">
        <v>31</v>
      </c>
      <c r="DC13" s="72">
        <v>26</v>
      </c>
      <c r="DD13" s="72">
        <v>20</v>
      </c>
      <c r="DE13" s="72">
        <v>15</v>
      </c>
      <c r="DF13" s="72">
        <v>7</v>
      </c>
      <c r="DG13" s="74">
        <v>99</v>
      </c>
      <c r="DH13" s="75">
        <v>148</v>
      </c>
      <c r="DI13" s="60">
        <v>0</v>
      </c>
      <c r="DJ13" s="61">
        <v>0</v>
      </c>
      <c r="DK13" s="62">
        <v>0</v>
      </c>
      <c r="DL13" s="231"/>
      <c r="DM13" s="61">
        <v>0</v>
      </c>
      <c r="DN13" s="61">
        <v>1</v>
      </c>
      <c r="DO13" s="61">
        <v>1</v>
      </c>
      <c r="DP13" s="61">
        <v>0</v>
      </c>
      <c r="DQ13" s="61">
        <v>0</v>
      </c>
      <c r="DR13" s="62">
        <v>2</v>
      </c>
      <c r="DS13" s="63">
        <v>2</v>
      </c>
      <c r="DT13" s="60">
        <v>4</v>
      </c>
      <c r="DU13" s="61">
        <v>4</v>
      </c>
      <c r="DV13" s="62">
        <v>8</v>
      </c>
      <c r="DW13" s="231"/>
      <c r="DX13" s="61">
        <v>1</v>
      </c>
      <c r="DY13" s="61">
        <v>0</v>
      </c>
      <c r="DZ13" s="61">
        <v>0</v>
      </c>
      <c r="EA13" s="61">
        <v>0</v>
      </c>
      <c r="EB13" s="61">
        <v>0</v>
      </c>
      <c r="EC13" s="62">
        <v>1</v>
      </c>
      <c r="ED13" s="63">
        <v>9</v>
      </c>
      <c r="EE13" s="60">
        <v>6</v>
      </c>
      <c r="EF13" s="61">
        <v>1</v>
      </c>
      <c r="EG13" s="62">
        <v>7</v>
      </c>
      <c r="EH13" s="231"/>
      <c r="EI13" s="61">
        <v>2</v>
      </c>
      <c r="EJ13" s="61">
        <v>4</v>
      </c>
      <c r="EK13" s="61">
        <v>2</v>
      </c>
      <c r="EL13" s="61">
        <v>0</v>
      </c>
      <c r="EM13" s="61">
        <v>1</v>
      </c>
      <c r="EN13" s="62">
        <v>9</v>
      </c>
      <c r="EO13" s="63">
        <v>16</v>
      </c>
      <c r="EP13" s="60">
        <v>8</v>
      </c>
      <c r="EQ13" s="61">
        <v>3</v>
      </c>
      <c r="ER13" s="62">
        <v>11</v>
      </c>
      <c r="ES13" s="231"/>
      <c r="ET13" s="61">
        <v>6</v>
      </c>
      <c r="EU13" s="61">
        <v>2</v>
      </c>
      <c r="EV13" s="61">
        <v>3</v>
      </c>
      <c r="EW13" s="61">
        <v>2</v>
      </c>
      <c r="EX13" s="61">
        <v>0</v>
      </c>
      <c r="EY13" s="62">
        <v>13</v>
      </c>
      <c r="EZ13" s="63">
        <v>24</v>
      </c>
      <c r="FA13" s="60">
        <v>6</v>
      </c>
      <c r="FB13" s="61">
        <v>7</v>
      </c>
      <c r="FC13" s="62">
        <v>13</v>
      </c>
      <c r="FD13" s="231"/>
      <c r="FE13" s="61">
        <v>9</v>
      </c>
      <c r="FF13" s="61">
        <v>9</v>
      </c>
      <c r="FG13" s="61">
        <v>2</v>
      </c>
      <c r="FH13" s="61">
        <v>2</v>
      </c>
      <c r="FI13" s="61">
        <v>3</v>
      </c>
      <c r="FJ13" s="62">
        <v>25</v>
      </c>
      <c r="FK13" s="63">
        <v>38</v>
      </c>
      <c r="FL13" s="60">
        <v>5</v>
      </c>
      <c r="FM13" s="61">
        <v>5</v>
      </c>
      <c r="FN13" s="62">
        <v>10</v>
      </c>
      <c r="FO13" s="231"/>
      <c r="FP13" s="61">
        <v>13</v>
      </c>
      <c r="FQ13" s="61">
        <v>10</v>
      </c>
      <c r="FR13" s="61">
        <v>12</v>
      </c>
      <c r="FS13" s="61">
        <v>11</v>
      </c>
      <c r="FT13" s="61">
        <v>3</v>
      </c>
      <c r="FU13" s="62">
        <v>49</v>
      </c>
      <c r="FV13" s="63">
        <v>59</v>
      </c>
      <c r="FW13" s="60">
        <v>0</v>
      </c>
      <c r="FX13" s="61">
        <v>0</v>
      </c>
      <c r="FY13" s="62">
        <v>0</v>
      </c>
      <c r="FZ13" s="231"/>
      <c r="GA13" s="61">
        <v>0</v>
      </c>
      <c r="GB13" s="61">
        <v>0</v>
      </c>
      <c r="GC13" s="61">
        <v>0</v>
      </c>
      <c r="GD13" s="61">
        <v>0</v>
      </c>
      <c r="GE13" s="61">
        <v>0</v>
      </c>
      <c r="GF13" s="62">
        <v>0</v>
      </c>
      <c r="GG13" s="63">
        <v>0</v>
      </c>
      <c r="GH13" s="60">
        <v>29</v>
      </c>
      <c r="GI13" s="61">
        <v>20</v>
      </c>
      <c r="GJ13" s="62">
        <v>49</v>
      </c>
      <c r="GK13" s="231"/>
      <c r="GL13" s="61">
        <v>31</v>
      </c>
      <c r="GM13" s="61">
        <v>26</v>
      </c>
      <c r="GN13" s="61">
        <v>20</v>
      </c>
      <c r="GO13" s="61">
        <v>15</v>
      </c>
      <c r="GP13" s="61">
        <v>7</v>
      </c>
      <c r="GQ13" s="62">
        <v>99</v>
      </c>
      <c r="GR13" s="63">
        <v>148</v>
      </c>
      <c r="GS13" s="113">
        <v>219</v>
      </c>
      <c r="GT13" s="72">
        <v>114</v>
      </c>
      <c r="GU13" s="73">
        <v>333</v>
      </c>
      <c r="GV13" s="228"/>
      <c r="GW13" s="72">
        <v>244</v>
      </c>
      <c r="GX13" s="72">
        <v>144</v>
      </c>
      <c r="GY13" s="72">
        <v>134</v>
      </c>
      <c r="GZ13" s="72">
        <v>105</v>
      </c>
      <c r="HA13" s="72">
        <v>53</v>
      </c>
      <c r="HB13" s="74">
        <v>680</v>
      </c>
      <c r="HC13" s="75">
        <v>1013</v>
      </c>
      <c r="HD13" s="60">
        <v>0</v>
      </c>
      <c r="HE13" s="61">
        <v>0</v>
      </c>
      <c r="HF13" s="62">
        <v>0</v>
      </c>
      <c r="HG13" s="231"/>
      <c r="HH13" s="61">
        <v>1</v>
      </c>
      <c r="HI13" s="61">
        <v>1</v>
      </c>
      <c r="HJ13" s="61">
        <v>2</v>
      </c>
      <c r="HK13" s="61">
        <v>0</v>
      </c>
      <c r="HL13" s="61">
        <v>0</v>
      </c>
      <c r="HM13" s="62">
        <v>4</v>
      </c>
      <c r="HN13" s="63">
        <v>4</v>
      </c>
      <c r="HO13" s="60">
        <v>11</v>
      </c>
      <c r="HP13" s="61">
        <v>4</v>
      </c>
      <c r="HQ13" s="62">
        <v>15</v>
      </c>
      <c r="HR13" s="231"/>
      <c r="HS13" s="61">
        <v>4</v>
      </c>
      <c r="HT13" s="61">
        <v>3</v>
      </c>
      <c r="HU13" s="61">
        <v>1</v>
      </c>
      <c r="HV13" s="61">
        <v>0</v>
      </c>
      <c r="HW13" s="61">
        <v>2</v>
      </c>
      <c r="HX13" s="62">
        <v>10</v>
      </c>
      <c r="HY13" s="63">
        <v>25</v>
      </c>
      <c r="HZ13" s="60">
        <v>16</v>
      </c>
      <c r="IA13" s="61">
        <v>5</v>
      </c>
      <c r="IB13" s="62">
        <v>21</v>
      </c>
      <c r="IC13" s="231"/>
      <c r="ID13" s="61">
        <v>11</v>
      </c>
      <c r="IE13" s="61">
        <v>13</v>
      </c>
      <c r="IF13" s="61">
        <v>12</v>
      </c>
      <c r="IG13" s="61">
        <v>6</v>
      </c>
      <c r="IH13" s="61">
        <v>4</v>
      </c>
      <c r="II13" s="62">
        <v>46</v>
      </c>
      <c r="IJ13" s="63">
        <v>67</v>
      </c>
      <c r="IK13" s="60">
        <v>39</v>
      </c>
      <c r="IL13" s="61">
        <v>22</v>
      </c>
      <c r="IM13" s="62">
        <v>61</v>
      </c>
      <c r="IN13" s="231"/>
      <c r="IO13" s="61">
        <v>41</v>
      </c>
      <c r="IP13" s="61">
        <v>11</v>
      </c>
      <c r="IQ13" s="61">
        <v>18</v>
      </c>
      <c r="IR13" s="61">
        <v>11</v>
      </c>
      <c r="IS13" s="61">
        <v>8</v>
      </c>
      <c r="IT13" s="62">
        <v>89</v>
      </c>
      <c r="IU13" s="63">
        <v>150</v>
      </c>
      <c r="IV13" s="60">
        <v>73</v>
      </c>
      <c r="IW13" s="61">
        <v>44</v>
      </c>
      <c r="IX13" s="62">
        <v>117</v>
      </c>
      <c r="IY13" s="231"/>
      <c r="IZ13" s="61">
        <v>86</v>
      </c>
      <c r="JA13" s="61">
        <v>46</v>
      </c>
      <c r="JB13" s="61">
        <v>36</v>
      </c>
      <c r="JC13" s="61">
        <v>31</v>
      </c>
      <c r="JD13" s="61">
        <v>12</v>
      </c>
      <c r="JE13" s="62">
        <v>211</v>
      </c>
      <c r="JF13" s="63">
        <v>328</v>
      </c>
      <c r="JG13" s="60">
        <v>80</v>
      </c>
      <c r="JH13" s="61">
        <v>39</v>
      </c>
      <c r="JI13" s="62">
        <v>119</v>
      </c>
      <c r="JJ13" s="231"/>
      <c r="JK13" s="61">
        <v>101</v>
      </c>
      <c r="JL13" s="61">
        <v>70</v>
      </c>
      <c r="JM13" s="61">
        <v>65</v>
      </c>
      <c r="JN13" s="61">
        <v>57</v>
      </c>
      <c r="JO13" s="61">
        <v>27</v>
      </c>
      <c r="JP13" s="62">
        <v>320</v>
      </c>
      <c r="JQ13" s="63">
        <v>439</v>
      </c>
      <c r="JR13" s="60">
        <v>0</v>
      </c>
      <c r="JS13" s="61">
        <v>0</v>
      </c>
      <c r="JT13" s="62">
        <v>0</v>
      </c>
      <c r="JU13" s="231"/>
      <c r="JV13" s="61">
        <v>0</v>
      </c>
      <c r="JW13" s="61">
        <v>0</v>
      </c>
      <c r="JX13" s="61">
        <v>0</v>
      </c>
      <c r="JY13" s="61">
        <v>0</v>
      </c>
      <c r="JZ13" s="61">
        <v>0</v>
      </c>
      <c r="KA13" s="62">
        <v>0</v>
      </c>
      <c r="KB13" s="63">
        <v>0</v>
      </c>
      <c r="KC13" s="60">
        <v>219</v>
      </c>
      <c r="KD13" s="61">
        <v>114</v>
      </c>
      <c r="KE13" s="62">
        <v>333</v>
      </c>
      <c r="KF13" s="231"/>
      <c r="KG13" s="61">
        <v>244</v>
      </c>
      <c r="KH13" s="61">
        <v>144</v>
      </c>
      <c r="KI13" s="61">
        <v>134</v>
      </c>
      <c r="KJ13" s="61">
        <v>105</v>
      </c>
      <c r="KK13" s="61">
        <v>53</v>
      </c>
      <c r="KL13" s="62">
        <v>680</v>
      </c>
      <c r="KM13" s="63">
        <v>1013</v>
      </c>
    </row>
    <row r="14" spans="2:299" ht="21" customHeight="1" x14ac:dyDescent="0.2">
      <c r="B14" s="468" t="s">
        <v>10</v>
      </c>
      <c r="C14" s="291">
        <v>358</v>
      </c>
      <c r="D14" s="72">
        <v>202</v>
      </c>
      <c r="E14" s="73">
        <v>560</v>
      </c>
      <c r="F14" s="228"/>
      <c r="G14" s="72">
        <v>337</v>
      </c>
      <c r="H14" s="72">
        <v>164</v>
      </c>
      <c r="I14" s="72">
        <v>144</v>
      </c>
      <c r="J14" s="72">
        <v>140</v>
      </c>
      <c r="K14" s="72">
        <v>86</v>
      </c>
      <c r="L14" s="74">
        <v>871</v>
      </c>
      <c r="M14" s="75">
        <v>1431</v>
      </c>
      <c r="N14" s="60">
        <v>3</v>
      </c>
      <c r="O14" s="61">
        <v>2</v>
      </c>
      <c r="P14" s="62">
        <v>5</v>
      </c>
      <c r="Q14" s="231"/>
      <c r="R14" s="61">
        <v>5</v>
      </c>
      <c r="S14" s="61">
        <v>4</v>
      </c>
      <c r="T14" s="61">
        <v>1</v>
      </c>
      <c r="U14" s="61">
        <v>3</v>
      </c>
      <c r="V14" s="61">
        <v>0</v>
      </c>
      <c r="W14" s="62">
        <v>13</v>
      </c>
      <c r="X14" s="63">
        <v>18</v>
      </c>
      <c r="Y14" s="60">
        <v>11</v>
      </c>
      <c r="Z14" s="61">
        <v>7</v>
      </c>
      <c r="AA14" s="62">
        <v>18</v>
      </c>
      <c r="AB14" s="231"/>
      <c r="AC14" s="61">
        <v>14</v>
      </c>
      <c r="AD14" s="61">
        <v>8</v>
      </c>
      <c r="AE14" s="61">
        <v>5</v>
      </c>
      <c r="AF14" s="61">
        <v>5</v>
      </c>
      <c r="AG14" s="61">
        <v>8</v>
      </c>
      <c r="AH14" s="62">
        <v>40</v>
      </c>
      <c r="AI14" s="63">
        <v>58</v>
      </c>
      <c r="AJ14" s="60">
        <v>29</v>
      </c>
      <c r="AK14" s="61">
        <v>15</v>
      </c>
      <c r="AL14" s="62">
        <v>44</v>
      </c>
      <c r="AM14" s="231"/>
      <c r="AN14" s="61">
        <v>20</v>
      </c>
      <c r="AO14" s="61">
        <v>12</v>
      </c>
      <c r="AP14" s="61">
        <v>7</v>
      </c>
      <c r="AQ14" s="61">
        <v>17</v>
      </c>
      <c r="AR14" s="61">
        <v>10</v>
      </c>
      <c r="AS14" s="62">
        <v>66</v>
      </c>
      <c r="AT14" s="63">
        <v>110</v>
      </c>
      <c r="AU14" s="60">
        <v>72</v>
      </c>
      <c r="AV14" s="61">
        <v>34</v>
      </c>
      <c r="AW14" s="62">
        <v>106</v>
      </c>
      <c r="AX14" s="231"/>
      <c r="AY14" s="61">
        <v>73</v>
      </c>
      <c r="AZ14" s="61">
        <v>27</v>
      </c>
      <c r="BA14" s="61">
        <v>28</v>
      </c>
      <c r="BB14" s="61">
        <v>23</v>
      </c>
      <c r="BC14" s="61">
        <v>14</v>
      </c>
      <c r="BD14" s="62">
        <v>165</v>
      </c>
      <c r="BE14" s="63">
        <v>271</v>
      </c>
      <c r="BF14" s="60">
        <v>146</v>
      </c>
      <c r="BG14" s="61">
        <v>85</v>
      </c>
      <c r="BH14" s="62">
        <v>231</v>
      </c>
      <c r="BI14" s="231"/>
      <c r="BJ14" s="61">
        <v>108</v>
      </c>
      <c r="BK14" s="61">
        <v>47</v>
      </c>
      <c r="BL14" s="61">
        <v>32</v>
      </c>
      <c r="BM14" s="61">
        <v>35</v>
      </c>
      <c r="BN14" s="61">
        <v>22</v>
      </c>
      <c r="BO14" s="62">
        <v>244</v>
      </c>
      <c r="BP14" s="63">
        <v>475</v>
      </c>
      <c r="BQ14" s="60">
        <v>97</v>
      </c>
      <c r="BR14" s="61">
        <v>59</v>
      </c>
      <c r="BS14" s="62">
        <v>156</v>
      </c>
      <c r="BT14" s="231"/>
      <c r="BU14" s="61">
        <v>117</v>
      </c>
      <c r="BV14" s="61">
        <v>66</v>
      </c>
      <c r="BW14" s="61">
        <v>71</v>
      </c>
      <c r="BX14" s="61">
        <v>57</v>
      </c>
      <c r="BY14" s="61">
        <v>32</v>
      </c>
      <c r="BZ14" s="62">
        <v>343</v>
      </c>
      <c r="CA14" s="63">
        <v>499</v>
      </c>
      <c r="CB14" s="60">
        <v>0</v>
      </c>
      <c r="CC14" s="61">
        <v>0</v>
      </c>
      <c r="CD14" s="62">
        <v>0</v>
      </c>
      <c r="CE14" s="231"/>
      <c r="CF14" s="61">
        <v>0</v>
      </c>
      <c r="CG14" s="61">
        <v>0</v>
      </c>
      <c r="CH14" s="61">
        <v>0</v>
      </c>
      <c r="CI14" s="61">
        <v>0</v>
      </c>
      <c r="CJ14" s="61">
        <v>0</v>
      </c>
      <c r="CK14" s="62">
        <v>0</v>
      </c>
      <c r="CL14" s="63">
        <v>0</v>
      </c>
      <c r="CM14" s="60">
        <v>358</v>
      </c>
      <c r="CN14" s="61">
        <v>202</v>
      </c>
      <c r="CO14" s="62">
        <v>560</v>
      </c>
      <c r="CP14" s="231"/>
      <c r="CQ14" s="61">
        <v>337</v>
      </c>
      <c r="CR14" s="61">
        <v>164</v>
      </c>
      <c r="CS14" s="61">
        <v>144</v>
      </c>
      <c r="CT14" s="61">
        <v>140</v>
      </c>
      <c r="CU14" s="61">
        <v>86</v>
      </c>
      <c r="CV14" s="62">
        <v>871</v>
      </c>
      <c r="CW14" s="63">
        <v>1431</v>
      </c>
      <c r="CX14" s="113">
        <v>42</v>
      </c>
      <c r="CY14" s="72">
        <v>31</v>
      </c>
      <c r="CZ14" s="73">
        <v>73</v>
      </c>
      <c r="DA14" s="228"/>
      <c r="DB14" s="72">
        <v>53</v>
      </c>
      <c r="DC14" s="72">
        <v>23</v>
      </c>
      <c r="DD14" s="72">
        <v>22</v>
      </c>
      <c r="DE14" s="72">
        <v>28</v>
      </c>
      <c r="DF14" s="72">
        <v>19</v>
      </c>
      <c r="DG14" s="74">
        <v>145</v>
      </c>
      <c r="DH14" s="75">
        <v>218</v>
      </c>
      <c r="DI14" s="60">
        <v>1</v>
      </c>
      <c r="DJ14" s="61">
        <v>2</v>
      </c>
      <c r="DK14" s="62">
        <v>3</v>
      </c>
      <c r="DL14" s="231"/>
      <c r="DM14" s="61">
        <v>0</v>
      </c>
      <c r="DN14" s="61">
        <v>1</v>
      </c>
      <c r="DO14" s="61">
        <v>1</v>
      </c>
      <c r="DP14" s="61">
        <v>0</v>
      </c>
      <c r="DQ14" s="61">
        <v>1</v>
      </c>
      <c r="DR14" s="62">
        <v>3</v>
      </c>
      <c r="DS14" s="63">
        <v>6</v>
      </c>
      <c r="DT14" s="60">
        <v>3</v>
      </c>
      <c r="DU14" s="61">
        <v>2</v>
      </c>
      <c r="DV14" s="62">
        <v>5</v>
      </c>
      <c r="DW14" s="231"/>
      <c r="DX14" s="61">
        <v>0</v>
      </c>
      <c r="DY14" s="61">
        <v>0</v>
      </c>
      <c r="DZ14" s="61">
        <v>1</v>
      </c>
      <c r="EA14" s="61">
        <v>2</v>
      </c>
      <c r="EB14" s="61">
        <v>0</v>
      </c>
      <c r="EC14" s="62">
        <v>3</v>
      </c>
      <c r="ED14" s="63">
        <v>8</v>
      </c>
      <c r="EE14" s="60">
        <v>2</v>
      </c>
      <c r="EF14" s="61">
        <v>2</v>
      </c>
      <c r="EG14" s="62">
        <v>4</v>
      </c>
      <c r="EH14" s="231"/>
      <c r="EI14" s="61">
        <v>3</v>
      </c>
      <c r="EJ14" s="61">
        <v>1</v>
      </c>
      <c r="EK14" s="61">
        <v>1</v>
      </c>
      <c r="EL14" s="61">
        <v>0</v>
      </c>
      <c r="EM14" s="61">
        <v>0</v>
      </c>
      <c r="EN14" s="62">
        <v>5</v>
      </c>
      <c r="EO14" s="63">
        <v>9</v>
      </c>
      <c r="EP14" s="60">
        <v>8</v>
      </c>
      <c r="EQ14" s="61">
        <v>3</v>
      </c>
      <c r="ER14" s="62">
        <v>11</v>
      </c>
      <c r="ES14" s="231"/>
      <c r="ET14" s="61">
        <v>7</v>
      </c>
      <c r="EU14" s="61">
        <v>2</v>
      </c>
      <c r="EV14" s="61">
        <v>2</v>
      </c>
      <c r="EW14" s="61">
        <v>4</v>
      </c>
      <c r="EX14" s="61">
        <v>1</v>
      </c>
      <c r="EY14" s="62">
        <v>16</v>
      </c>
      <c r="EZ14" s="63">
        <v>27</v>
      </c>
      <c r="FA14" s="60">
        <v>21</v>
      </c>
      <c r="FB14" s="61">
        <v>12</v>
      </c>
      <c r="FC14" s="62">
        <v>33</v>
      </c>
      <c r="FD14" s="231"/>
      <c r="FE14" s="61">
        <v>20</v>
      </c>
      <c r="FF14" s="61">
        <v>6</v>
      </c>
      <c r="FG14" s="61">
        <v>6</v>
      </c>
      <c r="FH14" s="61">
        <v>4</v>
      </c>
      <c r="FI14" s="61">
        <v>10</v>
      </c>
      <c r="FJ14" s="62">
        <v>46</v>
      </c>
      <c r="FK14" s="63">
        <v>79</v>
      </c>
      <c r="FL14" s="60">
        <v>7</v>
      </c>
      <c r="FM14" s="61">
        <v>10</v>
      </c>
      <c r="FN14" s="62">
        <v>17</v>
      </c>
      <c r="FO14" s="231"/>
      <c r="FP14" s="61">
        <v>23</v>
      </c>
      <c r="FQ14" s="61">
        <v>13</v>
      </c>
      <c r="FR14" s="61">
        <v>11</v>
      </c>
      <c r="FS14" s="61">
        <v>18</v>
      </c>
      <c r="FT14" s="61">
        <v>7</v>
      </c>
      <c r="FU14" s="62">
        <v>72</v>
      </c>
      <c r="FV14" s="63">
        <v>89</v>
      </c>
      <c r="FW14" s="60">
        <v>0</v>
      </c>
      <c r="FX14" s="61">
        <v>0</v>
      </c>
      <c r="FY14" s="62">
        <v>0</v>
      </c>
      <c r="FZ14" s="231"/>
      <c r="GA14" s="61">
        <v>0</v>
      </c>
      <c r="GB14" s="61">
        <v>0</v>
      </c>
      <c r="GC14" s="61">
        <v>0</v>
      </c>
      <c r="GD14" s="61">
        <v>0</v>
      </c>
      <c r="GE14" s="61">
        <v>0</v>
      </c>
      <c r="GF14" s="62">
        <v>0</v>
      </c>
      <c r="GG14" s="63">
        <v>0</v>
      </c>
      <c r="GH14" s="60">
        <v>42</v>
      </c>
      <c r="GI14" s="61">
        <v>31</v>
      </c>
      <c r="GJ14" s="62">
        <v>73</v>
      </c>
      <c r="GK14" s="231"/>
      <c r="GL14" s="61">
        <v>53</v>
      </c>
      <c r="GM14" s="61">
        <v>23</v>
      </c>
      <c r="GN14" s="61">
        <v>22</v>
      </c>
      <c r="GO14" s="61">
        <v>28</v>
      </c>
      <c r="GP14" s="61">
        <v>19</v>
      </c>
      <c r="GQ14" s="62">
        <v>145</v>
      </c>
      <c r="GR14" s="63">
        <v>218</v>
      </c>
      <c r="GS14" s="113">
        <v>400</v>
      </c>
      <c r="GT14" s="72">
        <v>233</v>
      </c>
      <c r="GU14" s="73">
        <v>633</v>
      </c>
      <c r="GV14" s="228"/>
      <c r="GW14" s="72">
        <v>390</v>
      </c>
      <c r="GX14" s="72">
        <v>187</v>
      </c>
      <c r="GY14" s="72">
        <v>166</v>
      </c>
      <c r="GZ14" s="72">
        <v>168</v>
      </c>
      <c r="HA14" s="72">
        <v>105</v>
      </c>
      <c r="HB14" s="74">
        <v>1016</v>
      </c>
      <c r="HC14" s="75">
        <v>1649</v>
      </c>
      <c r="HD14" s="60">
        <v>4</v>
      </c>
      <c r="HE14" s="61">
        <v>4</v>
      </c>
      <c r="HF14" s="62">
        <v>8</v>
      </c>
      <c r="HG14" s="231"/>
      <c r="HH14" s="61">
        <v>5</v>
      </c>
      <c r="HI14" s="61">
        <v>5</v>
      </c>
      <c r="HJ14" s="61">
        <v>2</v>
      </c>
      <c r="HK14" s="61">
        <v>3</v>
      </c>
      <c r="HL14" s="61">
        <v>1</v>
      </c>
      <c r="HM14" s="62">
        <v>16</v>
      </c>
      <c r="HN14" s="63">
        <v>24</v>
      </c>
      <c r="HO14" s="60">
        <v>14</v>
      </c>
      <c r="HP14" s="61">
        <v>9</v>
      </c>
      <c r="HQ14" s="62">
        <v>23</v>
      </c>
      <c r="HR14" s="231"/>
      <c r="HS14" s="61">
        <v>14</v>
      </c>
      <c r="HT14" s="61">
        <v>8</v>
      </c>
      <c r="HU14" s="61">
        <v>6</v>
      </c>
      <c r="HV14" s="61">
        <v>7</v>
      </c>
      <c r="HW14" s="61">
        <v>8</v>
      </c>
      <c r="HX14" s="62">
        <v>43</v>
      </c>
      <c r="HY14" s="63">
        <v>66</v>
      </c>
      <c r="HZ14" s="60">
        <v>31</v>
      </c>
      <c r="IA14" s="61">
        <v>17</v>
      </c>
      <c r="IB14" s="62">
        <v>48</v>
      </c>
      <c r="IC14" s="231"/>
      <c r="ID14" s="61">
        <v>23</v>
      </c>
      <c r="IE14" s="61">
        <v>13</v>
      </c>
      <c r="IF14" s="61">
        <v>8</v>
      </c>
      <c r="IG14" s="61">
        <v>17</v>
      </c>
      <c r="IH14" s="61">
        <v>10</v>
      </c>
      <c r="II14" s="62">
        <v>71</v>
      </c>
      <c r="IJ14" s="63">
        <v>119</v>
      </c>
      <c r="IK14" s="60">
        <v>80</v>
      </c>
      <c r="IL14" s="61">
        <v>37</v>
      </c>
      <c r="IM14" s="62">
        <v>117</v>
      </c>
      <c r="IN14" s="231"/>
      <c r="IO14" s="61">
        <v>80</v>
      </c>
      <c r="IP14" s="61">
        <v>29</v>
      </c>
      <c r="IQ14" s="61">
        <v>30</v>
      </c>
      <c r="IR14" s="61">
        <v>27</v>
      </c>
      <c r="IS14" s="61">
        <v>15</v>
      </c>
      <c r="IT14" s="62">
        <v>181</v>
      </c>
      <c r="IU14" s="63">
        <v>298</v>
      </c>
      <c r="IV14" s="60">
        <v>167</v>
      </c>
      <c r="IW14" s="61">
        <v>97</v>
      </c>
      <c r="IX14" s="62">
        <v>264</v>
      </c>
      <c r="IY14" s="231"/>
      <c r="IZ14" s="61">
        <v>128</v>
      </c>
      <c r="JA14" s="61">
        <v>53</v>
      </c>
      <c r="JB14" s="61">
        <v>38</v>
      </c>
      <c r="JC14" s="61">
        <v>39</v>
      </c>
      <c r="JD14" s="61">
        <v>32</v>
      </c>
      <c r="JE14" s="62">
        <v>290</v>
      </c>
      <c r="JF14" s="63">
        <v>554</v>
      </c>
      <c r="JG14" s="60">
        <v>104</v>
      </c>
      <c r="JH14" s="61">
        <v>69</v>
      </c>
      <c r="JI14" s="62">
        <v>173</v>
      </c>
      <c r="JJ14" s="231"/>
      <c r="JK14" s="61">
        <v>140</v>
      </c>
      <c r="JL14" s="61">
        <v>79</v>
      </c>
      <c r="JM14" s="61">
        <v>82</v>
      </c>
      <c r="JN14" s="61">
        <v>75</v>
      </c>
      <c r="JO14" s="61">
        <v>39</v>
      </c>
      <c r="JP14" s="62">
        <v>415</v>
      </c>
      <c r="JQ14" s="63">
        <v>588</v>
      </c>
      <c r="JR14" s="60">
        <v>0</v>
      </c>
      <c r="JS14" s="61">
        <v>0</v>
      </c>
      <c r="JT14" s="62">
        <v>0</v>
      </c>
      <c r="JU14" s="231"/>
      <c r="JV14" s="61">
        <v>0</v>
      </c>
      <c r="JW14" s="61">
        <v>0</v>
      </c>
      <c r="JX14" s="61">
        <v>0</v>
      </c>
      <c r="JY14" s="61">
        <v>0</v>
      </c>
      <c r="JZ14" s="61">
        <v>0</v>
      </c>
      <c r="KA14" s="62">
        <v>0</v>
      </c>
      <c r="KB14" s="63">
        <v>0</v>
      </c>
      <c r="KC14" s="60">
        <v>400</v>
      </c>
      <c r="KD14" s="61">
        <v>233</v>
      </c>
      <c r="KE14" s="62">
        <v>633</v>
      </c>
      <c r="KF14" s="231"/>
      <c r="KG14" s="61">
        <v>390</v>
      </c>
      <c r="KH14" s="61">
        <v>187</v>
      </c>
      <c r="KI14" s="61">
        <v>166</v>
      </c>
      <c r="KJ14" s="61">
        <v>168</v>
      </c>
      <c r="KK14" s="61">
        <v>105</v>
      </c>
      <c r="KL14" s="62">
        <v>1016</v>
      </c>
      <c r="KM14" s="63">
        <v>1649</v>
      </c>
    </row>
    <row r="15" spans="2:299" ht="21" customHeight="1" x14ac:dyDescent="0.2">
      <c r="B15" s="468" t="s">
        <v>11</v>
      </c>
      <c r="C15" s="291">
        <v>80</v>
      </c>
      <c r="D15" s="72">
        <v>64</v>
      </c>
      <c r="E15" s="73">
        <v>144</v>
      </c>
      <c r="F15" s="228"/>
      <c r="G15" s="72">
        <v>144</v>
      </c>
      <c r="H15" s="72">
        <v>83</v>
      </c>
      <c r="I15" s="72">
        <v>54</v>
      </c>
      <c r="J15" s="72">
        <v>70</v>
      </c>
      <c r="K15" s="72">
        <v>23</v>
      </c>
      <c r="L15" s="74">
        <v>374</v>
      </c>
      <c r="M15" s="75">
        <v>518</v>
      </c>
      <c r="N15" s="60">
        <v>0</v>
      </c>
      <c r="O15" s="61">
        <v>0</v>
      </c>
      <c r="P15" s="62">
        <v>0</v>
      </c>
      <c r="Q15" s="231"/>
      <c r="R15" s="61">
        <v>6</v>
      </c>
      <c r="S15" s="61">
        <v>1</v>
      </c>
      <c r="T15" s="61">
        <v>1</v>
      </c>
      <c r="U15" s="61">
        <v>1</v>
      </c>
      <c r="V15" s="61">
        <v>0</v>
      </c>
      <c r="W15" s="62">
        <v>9</v>
      </c>
      <c r="X15" s="63">
        <v>9</v>
      </c>
      <c r="Y15" s="60">
        <v>5</v>
      </c>
      <c r="Z15" s="61">
        <v>3</v>
      </c>
      <c r="AA15" s="62">
        <v>8</v>
      </c>
      <c r="AB15" s="231"/>
      <c r="AC15" s="61">
        <v>8</v>
      </c>
      <c r="AD15" s="61">
        <v>6</v>
      </c>
      <c r="AE15" s="61">
        <v>8</v>
      </c>
      <c r="AF15" s="61">
        <v>8</v>
      </c>
      <c r="AG15" s="61">
        <v>1</v>
      </c>
      <c r="AH15" s="62">
        <v>31</v>
      </c>
      <c r="AI15" s="63">
        <v>39</v>
      </c>
      <c r="AJ15" s="60">
        <v>5</v>
      </c>
      <c r="AK15" s="61">
        <v>5</v>
      </c>
      <c r="AL15" s="62">
        <v>10</v>
      </c>
      <c r="AM15" s="231"/>
      <c r="AN15" s="61">
        <v>11</v>
      </c>
      <c r="AO15" s="61">
        <v>6</v>
      </c>
      <c r="AP15" s="61">
        <v>6</v>
      </c>
      <c r="AQ15" s="61">
        <v>4</v>
      </c>
      <c r="AR15" s="61">
        <v>0</v>
      </c>
      <c r="AS15" s="62">
        <v>27</v>
      </c>
      <c r="AT15" s="63">
        <v>37</v>
      </c>
      <c r="AU15" s="60">
        <v>14</v>
      </c>
      <c r="AV15" s="61">
        <v>10</v>
      </c>
      <c r="AW15" s="62">
        <v>24</v>
      </c>
      <c r="AX15" s="231"/>
      <c r="AY15" s="61">
        <v>26</v>
      </c>
      <c r="AZ15" s="61">
        <v>14</v>
      </c>
      <c r="BA15" s="61">
        <v>8</v>
      </c>
      <c r="BB15" s="61">
        <v>6</v>
      </c>
      <c r="BC15" s="61">
        <v>3</v>
      </c>
      <c r="BD15" s="62">
        <v>57</v>
      </c>
      <c r="BE15" s="63">
        <v>81</v>
      </c>
      <c r="BF15" s="60">
        <v>30</v>
      </c>
      <c r="BG15" s="61">
        <v>24</v>
      </c>
      <c r="BH15" s="62">
        <v>54</v>
      </c>
      <c r="BI15" s="231"/>
      <c r="BJ15" s="61">
        <v>40</v>
      </c>
      <c r="BK15" s="61">
        <v>19</v>
      </c>
      <c r="BL15" s="61">
        <v>10</v>
      </c>
      <c r="BM15" s="61">
        <v>28</v>
      </c>
      <c r="BN15" s="61">
        <v>11</v>
      </c>
      <c r="BO15" s="62">
        <v>108</v>
      </c>
      <c r="BP15" s="63">
        <v>162</v>
      </c>
      <c r="BQ15" s="60">
        <v>26</v>
      </c>
      <c r="BR15" s="61">
        <v>22</v>
      </c>
      <c r="BS15" s="62">
        <v>48</v>
      </c>
      <c r="BT15" s="231"/>
      <c r="BU15" s="61">
        <v>53</v>
      </c>
      <c r="BV15" s="61">
        <v>37</v>
      </c>
      <c r="BW15" s="61">
        <v>21</v>
      </c>
      <c r="BX15" s="61">
        <v>23</v>
      </c>
      <c r="BY15" s="61">
        <v>8</v>
      </c>
      <c r="BZ15" s="62">
        <v>142</v>
      </c>
      <c r="CA15" s="63">
        <v>190</v>
      </c>
      <c r="CB15" s="60">
        <v>0</v>
      </c>
      <c r="CC15" s="61">
        <v>0</v>
      </c>
      <c r="CD15" s="62">
        <v>0</v>
      </c>
      <c r="CE15" s="231"/>
      <c r="CF15" s="61">
        <v>0</v>
      </c>
      <c r="CG15" s="61">
        <v>0</v>
      </c>
      <c r="CH15" s="61">
        <v>0</v>
      </c>
      <c r="CI15" s="61">
        <v>0</v>
      </c>
      <c r="CJ15" s="61">
        <v>0</v>
      </c>
      <c r="CK15" s="62">
        <v>0</v>
      </c>
      <c r="CL15" s="63">
        <v>0</v>
      </c>
      <c r="CM15" s="60">
        <v>80</v>
      </c>
      <c r="CN15" s="61">
        <v>64</v>
      </c>
      <c r="CO15" s="62">
        <v>144</v>
      </c>
      <c r="CP15" s="231"/>
      <c r="CQ15" s="61">
        <v>144</v>
      </c>
      <c r="CR15" s="61">
        <v>83</v>
      </c>
      <c r="CS15" s="61">
        <v>54</v>
      </c>
      <c r="CT15" s="61">
        <v>70</v>
      </c>
      <c r="CU15" s="61">
        <v>23</v>
      </c>
      <c r="CV15" s="62">
        <v>374</v>
      </c>
      <c r="CW15" s="63">
        <v>518</v>
      </c>
      <c r="CX15" s="113">
        <v>9</v>
      </c>
      <c r="CY15" s="72">
        <v>10</v>
      </c>
      <c r="CZ15" s="73">
        <v>19</v>
      </c>
      <c r="DA15" s="228"/>
      <c r="DB15" s="72">
        <v>16</v>
      </c>
      <c r="DC15" s="72">
        <v>16</v>
      </c>
      <c r="DD15" s="72">
        <v>6</v>
      </c>
      <c r="DE15" s="72">
        <v>18</v>
      </c>
      <c r="DF15" s="72">
        <v>6</v>
      </c>
      <c r="DG15" s="74">
        <v>62</v>
      </c>
      <c r="DH15" s="75">
        <v>81</v>
      </c>
      <c r="DI15" s="60">
        <v>0</v>
      </c>
      <c r="DJ15" s="61">
        <v>0</v>
      </c>
      <c r="DK15" s="62">
        <v>0</v>
      </c>
      <c r="DL15" s="231"/>
      <c r="DM15" s="61">
        <v>1</v>
      </c>
      <c r="DN15" s="61">
        <v>0</v>
      </c>
      <c r="DO15" s="61">
        <v>0</v>
      </c>
      <c r="DP15" s="61">
        <v>0</v>
      </c>
      <c r="DQ15" s="61">
        <v>0</v>
      </c>
      <c r="DR15" s="62">
        <v>1</v>
      </c>
      <c r="DS15" s="63">
        <v>1</v>
      </c>
      <c r="DT15" s="60">
        <v>1</v>
      </c>
      <c r="DU15" s="61">
        <v>0</v>
      </c>
      <c r="DV15" s="62">
        <v>1</v>
      </c>
      <c r="DW15" s="231"/>
      <c r="DX15" s="61">
        <v>1</v>
      </c>
      <c r="DY15" s="61">
        <v>0</v>
      </c>
      <c r="DZ15" s="61">
        <v>1</v>
      </c>
      <c r="EA15" s="61">
        <v>1</v>
      </c>
      <c r="EB15" s="61">
        <v>0</v>
      </c>
      <c r="EC15" s="62">
        <v>3</v>
      </c>
      <c r="ED15" s="63">
        <v>4</v>
      </c>
      <c r="EE15" s="60">
        <v>1</v>
      </c>
      <c r="EF15" s="61">
        <v>0</v>
      </c>
      <c r="EG15" s="62">
        <v>1</v>
      </c>
      <c r="EH15" s="231"/>
      <c r="EI15" s="61">
        <v>2</v>
      </c>
      <c r="EJ15" s="61">
        <v>2</v>
      </c>
      <c r="EK15" s="61">
        <v>0</v>
      </c>
      <c r="EL15" s="61">
        <v>0</v>
      </c>
      <c r="EM15" s="61">
        <v>2</v>
      </c>
      <c r="EN15" s="62">
        <v>6</v>
      </c>
      <c r="EO15" s="63">
        <v>7</v>
      </c>
      <c r="EP15" s="60">
        <v>1</v>
      </c>
      <c r="EQ15" s="61">
        <v>2</v>
      </c>
      <c r="ER15" s="62">
        <v>3</v>
      </c>
      <c r="ES15" s="231"/>
      <c r="ET15" s="61">
        <v>1</v>
      </c>
      <c r="EU15" s="61">
        <v>2</v>
      </c>
      <c r="EV15" s="61">
        <v>0</v>
      </c>
      <c r="EW15" s="61">
        <v>0</v>
      </c>
      <c r="EX15" s="61">
        <v>1</v>
      </c>
      <c r="EY15" s="62">
        <v>4</v>
      </c>
      <c r="EZ15" s="63">
        <v>7</v>
      </c>
      <c r="FA15" s="60">
        <v>2</v>
      </c>
      <c r="FB15" s="61">
        <v>5</v>
      </c>
      <c r="FC15" s="62">
        <v>7</v>
      </c>
      <c r="FD15" s="231"/>
      <c r="FE15" s="61">
        <v>5</v>
      </c>
      <c r="FF15" s="61">
        <v>7</v>
      </c>
      <c r="FG15" s="61">
        <v>1</v>
      </c>
      <c r="FH15" s="61">
        <v>4</v>
      </c>
      <c r="FI15" s="61">
        <v>0</v>
      </c>
      <c r="FJ15" s="62">
        <v>17</v>
      </c>
      <c r="FK15" s="63">
        <v>24</v>
      </c>
      <c r="FL15" s="60">
        <v>4</v>
      </c>
      <c r="FM15" s="61">
        <v>3</v>
      </c>
      <c r="FN15" s="62">
        <v>7</v>
      </c>
      <c r="FO15" s="231"/>
      <c r="FP15" s="61">
        <v>6</v>
      </c>
      <c r="FQ15" s="61">
        <v>5</v>
      </c>
      <c r="FR15" s="61">
        <v>4</v>
      </c>
      <c r="FS15" s="61">
        <v>13</v>
      </c>
      <c r="FT15" s="61">
        <v>3</v>
      </c>
      <c r="FU15" s="62">
        <v>31</v>
      </c>
      <c r="FV15" s="63">
        <v>38</v>
      </c>
      <c r="FW15" s="60">
        <v>0</v>
      </c>
      <c r="FX15" s="61">
        <v>0</v>
      </c>
      <c r="FY15" s="62">
        <v>0</v>
      </c>
      <c r="FZ15" s="231"/>
      <c r="GA15" s="61">
        <v>0</v>
      </c>
      <c r="GB15" s="61">
        <v>0</v>
      </c>
      <c r="GC15" s="61">
        <v>0</v>
      </c>
      <c r="GD15" s="61">
        <v>0</v>
      </c>
      <c r="GE15" s="61">
        <v>0</v>
      </c>
      <c r="GF15" s="62">
        <v>0</v>
      </c>
      <c r="GG15" s="63">
        <v>0</v>
      </c>
      <c r="GH15" s="60">
        <v>9</v>
      </c>
      <c r="GI15" s="61">
        <v>10</v>
      </c>
      <c r="GJ15" s="62">
        <v>19</v>
      </c>
      <c r="GK15" s="231"/>
      <c r="GL15" s="61">
        <v>16</v>
      </c>
      <c r="GM15" s="61">
        <v>16</v>
      </c>
      <c r="GN15" s="61">
        <v>6</v>
      </c>
      <c r="GO15" s="61">
        <v>18</v>
      </c>
      <c r="GP15" s="61">
        <v>6</v>
      </c>
      <c r="GQ15" s="62">
        <v>62</v>
      </c>
      <c r="GR15" s="63">
        <v>81</v>
      </c>
      <c r="GS15" s="113">
        <v>89</v>
      </c>
      <c r="GT15" s="72">
        <v>74</v>
      </c>
      <c r="GU15" s="73">
        <v>163</v>
      </c>
      <c r="GV15" s="228"/>
      <c r="GW15" s="72">
        <v>160</v>
      </c>
      <c r="GX15" s="72">
        <v>99</v>
      </c>
      <c r="GY15" s="72">
        <v>60</v>
      </c>
      <c r="GZ15" s="72">
        <v>88</v>
      </c>
      <c r="HA15" s="72">
        <v>29</v>
      </c>
      <c r="HB15" s="74">
        <v>436</v>
      </c>
      <c r="HC15" s="75">
        <v>599</v>
      </c>
      <c r="HD15" s="60">
        <v>0</v>
      </c>
      <c r="HE15" s="61">
        <v>0</v>
      </c>
      <c r="HF15" s="62">
        <v>0</v>
      </c>
      <c r="HG15" s="231"/>
      <c r="HH15" s="61">
        <v>7</v>
      </c>
      <c r="HI15" s="61">
        <v>1</v>
      </c>
      <c r="HJ15" s="61">
        <v>1</v>
      </c>
      <c r="HK15" s="61">
        <v>1</v>
      </c>
      <c r="HL15" s="61">
        <v>0</v>
      </c>
      <c r="HM15" s="62">
        <v>10</v>
      </c>
      <c r="HN15" s="63">
        <v>10</v>
      </c>
      <c r="HO15" s="60">
        <v>6</v>
      </c>
      <c r="HP15" s="61">
        <v>3</v>
      </c>
      <c r="HQ15" s="62">
        <v>9</v>
      </c>
      <c r="HR15" s="231"/>
      <c r="HS15" s="61">
        <v>9</v>
      </c>
      <c r="HT15" s="61">
        <v>6</v>
      </c>
      <c r="HU15" s="61">
        <v>9</v>
      </c>
      <c r="HV15" s="61">
        <v>9</v>
      </c>
      <c r="HW15" s="61">
        <v>1</v>
      </c>
      <c r="HX15" s="62">
        <v>34</v>
      </c>
      <c r="HY15" s="63">
        <v>43</v>
      </c>
      <c r="HZ15" s="60">
        <v>6</v>
      </c>
      <c r="IA15" s="61">
        <v>5</v>
      </c>
      <c r="IB15" s="62">
        <v>11</v>
      </c>
      <c r="IC15" s="231"/>
      <c r="ID15" s="61">
        <v>13</v>
      </c>
      <c r="IE15" s="61">
        <v>8</v>
      </c>
      <c r="IF15" s="61">
        <v>6</v>
      </c>
      <c r="IG15" s="61">
        <v>4</v>
      </c>
      <c r="IH15" s="61">
        <v>2</v>
      </c>
      <c r="II15" s="62">
        <v>33</v>
      </c>
      <c r="IJ15" s="63">
        <v>44</v>
      </c>
      <c r="IK15" s="60">
        <v>15</v>
      </c>
      <c r="IL15" s="61">
        <v>12</v>
      </c>
      <c r="IM15" s="62">
        <v>27</v>
      </c>
      <c r="IN15" s="231"/>
      <c r="IO15" s="61">
        <v>27</v>
      </c>
      <c r="IP15" s="61">
        <v>16</v>
      </c>
      <c r="IQ15" s="61">
        <v>8</v>
      </c>
      <c r="IR15" s="61">
        <v>6</v>
      </c>
      <c r="IS15" s="61">
        <v>4</v>
      </c>
      <c r="IT15" s="62">
        <v>61</v>
      </c>
      <c r="IU15" s="63">
        <v>88</v>
      </c>
      <c r="IV15" s="60">
        <v>32</v>
      </c>
      <c r="IW15" s="61">
        <v>29</v>
      </c>
      <c r="IX15" s="62">
        <v>61</v>
      </c>
      <c r="IY15" s="231"/>
      <c r="IZ15" s="61">
        <v>45</v>
      </c>
      <c r="JA15" s="61">
        <v>26</v>
      </c>
      <c r="JB15" s="61">
        <v>11</v>
      </c>
      <c r="JC15" s="61">
        <v>32</v>
      </c>
      <c r="JD15" s="61">
        <v>11</v>
      </c>
      <c r="JE15" s="62">
        <v>125</v>
      </c>
      <c r="JF15" s="63">
        <v>186</v>
      </c>
      <c r="JG15" s="60">
        <v>30</v>
      </c>
      <c r="JH15" s="61">
        <v>25</v>
      </c>
      <c r="JI15" s="62">
        <v>55</v>
      </c>
      <c r="JJ15" s="231"/>
      <c r="JK15" s="61">
        <v>59</v>
      </c>
      <c r="JL15" s="61">
        <v>42</v>
      </c>
      <c r="JM15" s="61">
        <v>25</v>
      </c>
      <c r="JN15" s="61">
        <v>36</v>
      </c>
      <c r="JO15" s="61">
        <v>11</v>
      </c>
      <c r="JP15" s="62">
        <v>173</v>
      </c>
      <c r="JQ15" s="63">
        <v>228</v>
      </c>
      <c r="JR15" s="60">
        <v>0</v>
      </c>
      <c r="JS15" s="61">
        <v>0</v>
      </c>
      <c r="JT15" s="62">
        <v>0</v>
      </c>
      <c r="JU15" s="231"/>
      <c r="JV15" s="61">
        <v>0</v>
      </c>
      <c r="JW15" s="61">
        <v>0</v>
      </c>
      <c r="JX15" s="61">
        <v>0</v>
      </c>
      <c r="JY15" s="61">
        <v>0</v>
      </c>
      <c r="JZ15" s="61">
        <v>0</v>
      </c>
      <c r="KA15" s="62">
        <v>0</v>
      </c>
      <c r="KB15" s="63">
        <v>0</v>
      </c>
      <c r="KC15" s="60">
        <v>89</v>
      </c>
      <c r="KD15" s="61">
        <v>74</v>
      </c>
      <c r="KE15" s="62">
        <v>163</v>
      </c>
      <c r="KF15" s="231"/>
      <c r="KG15" s="61">
        <v>160</v>
      </c>
      <c r="KH15" s="61">
        <v>99</v>
      </c>
      <c r="KI15" s="61">
        <v>60</v>
      </c>
      <c r="KJ15" s="61">
        <v>88</v>
      </c>
      <c r="KK15" s="61">
        <v>29</v>
      </c>
      <c r="KL15" s="62">
        <v>436</v>
      </c>
      <c r="KM15" s="63">
        <v>599</v>
      </c>
    </row>
    <row r="16" spans="2:299" ht="21" customHeight="1" x14ac:dyDescent="0.2">
      <c r="B16" s="468" t="s">
        <v>12</v>
      </c>
      <c r="C16" s="291">
        <v>149</v>
      </c>
      <c r="D16" s="72">
        <v>127</v>
      </c>
      <c r="E16" s="73">
        <v>276</v>
      </c>
      <c r="F16" s="228"/>
      <c r="G16" s="72">
        <v>162</v>
      </c>
      <c r="H16" s="72">
        <v>127</v>
      </c>
      <c r="I16" s="72">
        <v>82</v>
      </c>
      <c r="J16" s="72">
        <v>93</v>
      </c>
      <c r="K16" s="72">
        <v>38</v>
      </c>
      <c r="L16" s="74">
        <v>502</v>
      </c>
      <c r="M16" s="75">
        <v>778</v>
      </c>
      <c r="N16" s="76">
        <v>4</v>
      </c>
      <c r="O16" s="61">
        <v>0</v>
      </c>
      <c r="P16" s="62">
        <v>4</v>
      </c>
      <c r="Q16" s="231"/>
      <c r="R16" s="61">
        <v>2</v>
      </c>
      <c r="S16" s="61">
        <v>2</v>
      </c>
      <c r="T16" s="61">
        <v>0</v>
      </c>
      <c r="U16" s="61">
        <v>3</v>
      </c>
      <c r="V16" s="61">
        <v>1</v>
      </c>
      <c r="W16" s="62">
        <v>8</v>
      </c>
      <c r="X16" s="63">
        <v>12</v>
      </c>
      <c r="Y16" s="60">
        <v>4</v>
      </c>
      <c r="Z16" s="61">
        <v>9</v>
      </c>
      <c r="AA16" s="62">
        <v>13</v>
      </c>
      <c r="AB16" s="231"/>
      <c r="AC16" s="61">
        <v>4</v>
      </c>
      <c r="AD16" s="61">
        <v>4</v>
      </c>
      <c r="AE16" s="61">
        <v>4</v>
      </c>
      <c r="AF16" s="61">
        <v>2</v>
      </c>
      <c r="AG16" s="61">
        <v>4</v>
      </c>
      <c r="AH16" s="62">
        <v>18</v>
      </c>
      <c r="AI16" s="63">
        <v>31</v>
      </c>
      <c r="AJ16" s="76">
        <v>5</v>
      </c>
      <c r="AK16" s="61">
        <v>15</v>
      </c>
      <c r="AL16" s="62">
        <v>20</v>
      </c>
      <c r="AM16" s="231"/>
      <c r="AN16" s="61">
        <v>10</v>
      </c>
      <c r="AO16" s="61">
        <v>6</v>
      </c>
      <c r="AP16" s="61">
        <v>5</v>
      </c>
      <c r="AQ16" s="61">
        <v>9</v>
      </c>
      <c r="AR16" s="61">
        <v>4</v>
      </c>
      <c r="AS16" s="62">
        <v>34</v>
      </c>
      <c r="AT16" s="63">
        <v>54</v>
      </c>
      <c r="AU16" s="60">
        <v>33</v>
      </c>
      <c r="AV16" s="61">
        <v>21</v>
      </c>
      <c r="AW16" s="62">
        <v>54</v>
      </c>
      <c r="AX16" s="231"/>
      <c r="AY16" s="61">
        <v>32</v>
      </c>
      <c r="AZ16" s="61">
        <v>25</v>
      </c>
      <c r="BA16" s="61">
        <v>15</v>
      </c>
      <c r="BB16" s="61">
        <v>16</v>
      </c>
      <c r="BC16" s="61">
        <v>9</v>
      </c>
      <c r="BD16" s="62">
        <v>97</v>
      </c>
      <c r="BE16" s="63">
        <v>151</v>
      </c>
      <c r="BF16" s="76">
        <v>56</v>
      </c>
      <c r="BG16" s="61">
        <v>39</v>
      </c>
      <c r="BH16" s="62">
        <v>95</v>
      </c>
      <c r="BI16" s="231"/>
      <c r="BJ16" s="61">
        <v>57</v>
      </c>
      <c r="BK16" s="61">
        <v>33</v>
      </c>
      <c r="BL16" s="61">
        <v>28</v>
      </c>
      <c r="BM16" s="61">
        <v>23</v>
      </c>
      <c r="BN16" s="61">
        <v>13</v>
      </c>
      <c r="BO16" s="62">
        <v>154</v>
      </c>
      <c r="BP16" s="63">
        <v>249</v>
      </c>
      <c r="BQ16" s="60">
        <v>47</v>
      </c>
      <c r="BR16" s="61">
        <v>43</v>
      </c>
      <c r="BS16" s="62">
        <v>90</v>
      </c>
      <c r="BT16" s="231"/>
      <c r="BU16" s="61">
        <v>57</v>
      </c>
      <c r="BV16" s="61">
        <v>57</v>
      </c>
      <c r="BW16" s="61">
        <v>30</v>
      </c>
      <c r="BX16" s="61">
        <v>40</v>
      </c>
      <c r="BY16" s="61">
        <v>7</v>
      </c>
      <c r="BZ16" s="62">
        <v>191</v>
      </c>
      <c r="CA16" s="63">
        <v>281</v>
      </c>
      <c r="CB16" s="60">
        <v>0</v>
      </c>
      <c r="CC16" s="61">
        <v>0</v>
      </c>
      <c r="CD16" s="62">
        <v>0</v>
      </c>
      <c r="CE16" s="231"/>
      <c r="CF16" s="61">
        <v>0</v>
      </c>
      <c r="CG16" s="61">
        <v>0</v>
      </c>
      <c r="CH16" s="61">
        <v>0</v>
      </c>
      <c r="CI16" s="61">
        <v>0</v>
      </c>
      <c r="CJ16" s="61">
        <v>0</v>
      </c>
      <c r="CK16" s="62">
        <v>0</v>
      </c>
      <c r="CL16" s="63">
        <v>0</v>
      </c>
      <c r="CM16" s="60">
        <v>149</v>
      </c>
      <c r="CN16" s="61">
        <v>127</v>
      </c>
      <c r="CO16" s="62">
        <v>276</v>
      </c>
      <c r="CP16" s="231"/>
      <c r="CQ16" s="61">
        <v>162</v>
      </c>
      <c r="CR16" s="61">
        <v>127</v>
      </c>
      <c r="CS16" s="61">
        <v>82</v>
      </c>
      <c r="CT16" s="61">
        <v>93</v>
      </c>
      <c r="CU16" s="61">
        <v>38</v>
      </c>
      <c r="CV16" s="62">
        <v>502</v>
      </c>
      <c r="CW16" s="63">
        <v>778</v>
      </c>
      <c r="CX16" s="113">
        <v>17</v>
      </c>
      <c r="CY16" s="72">
        <v>20</v>
      </c>
      <c r="CZ16" s="73">
        <v>37</v>
      </c>
      <c r="DA16" s="228"/>
      <c r="DB16" s="72">
        <v>17</v>
      </c>
      <c r="DC16" s="72">
        <v>16</v>
      </c>
      <c r="DD16" s="72">
        <v>10</v>
      </c>
      <c r="DE16" s="72">
        <v>13</v>
      </c>
      <c r="DF16" s="72">
        <v>12</v>
      </c>
      <c r="DG16" s="74">
        <v>68</v>
      </c>
      <c r="DH16" s="75">
        <v>105</v>
      </c>
      <c r="DI16" s="76">
        <v>2</v>
      </c>
      <c r="DJ16" s="61">
        <v>1</v>
      </c>
      <c r="DK16" s="62">
        <v>3</v>
      </c>
      <c r="DL16" s="231"/>
      <c r="DM16" s="61">
        <v>0</v>
      </c>
      <c r="DN16" s="61">
        <v>0</v>
      </c>
      <c r="DO16" s="61">
        <v>0</v>
      </c>
      <c r="DP16" s="61">
        <v>0</v>
      </c>
      <c r="DQ16" s="61">
        <v>0</v>
      </c>
      <c r="DR16" s="62">
        <v>0</v>
      </c>
      <c r="DS16" s="63">
        <v>3</v>
      </c>
      <c r="DT16" s="60">
        <v>2</v>
      </c>
      <c r="DU16" s="61">
        <v>1</v>
      </c>
      <c r="DV16" s="62">
        <v>3</v>
      </c>
      <c r="DW16" s="231"/>
      <c r="DX16" s="61">
        <v>0</v>
      </c>
      <c r="DY16" s="61">
        <v>1</v>
      </c>
      <c r="DZ16" s="61">
        <v>0</v>
      </c>
      <c r="EA16" s="61">
        <v>0</v>
      </c>
      <c r="EB16" s="61">
        <v>0</v>
      </c>
      <c r="EC16" s="62">
        <v>1</v>
      </c>
      <c r="ED16" s="63">
        <v>4</v>
      </c>
      <c r="EE16" s="76">
        <v>0</v>
      </c>
      <c r="EF16" s="61">
        <v>2</v>
      </c>
      <c r="EG16" s="62">
        <v>2</v>
      </c>
      <c r="EH16" s="231"/>
      <c r="EI16" s="61">
        <v>0</v>
      </c>
      <c r="EJ16" s="61">
        <v>0</v>
      </c>
      <c r="EK16" s="61">
        <v>1</v>
      </c>
      <c r="EL16" s="61">
        <v>1</v>
      </c>
      <c r="EM16" s="61">
        <v>1</v>
      </c>
      <c r="EN16" s="62">
        <v>3</v>
      </c>
      <c r="EO16" s="63">
        <v>5</v>
      </c>
      <c r="EP16" s="60">
        <v>8</v>
      </c>
      <c r="EQ16" s="61">
        <v>4</v>
      </c>
      <c r="ER16" s="62">
        <v>12</v>
      </c>
      <c r="ES16" s="231"/>
      <c r="ET16" s="61">
        <v>4</v>
      </c>
      <c r="EU16" s="61">
        <v>1</v>
      </c>
      <c r="EV16" s="61">
        <v>2</v>
      </c>
      <c r="EW16" s="61">
        <v>0</v>
      </c>
      <c r="EX16" s="61">
        <v>2</v>
      </c>
      <c r="EY16" s="62">
        <v>9</v>
      </c>
      <c r="EZ16" s="63">
        <v>21</v>
      </c>
      <c r="FA16" s="76">
        <v>1</v>
      </c>
      <c r="FB16" s="61">
        <v>8</v>
      </c>
      <c r="FC16" s="62">
        <v>9</v>
      </c>
      <c r="FD16" s="231"/>
      <c r="FE16" s="61">
        <v>2</v>
      </c>
      <c r="FF16" s="61">
        <v>4</v>
      </c>
      <c r="FG16" s="61">
        <v>2</v>
      </c>
      <c r="FH16" s="61">
        <v>3</v>
      </c>
      <c r="FI16" s="61">
        <v>2</v>
      </c>
      <c r="FJ16" s="62">
        <v>13</v>
      </c>
      <c r="FK16" s="63">
        <v>22</v>
      </c>
      <c r="FL16" s="60">
        <v>4</v>
      </c>
      <c r="FM16" s="61">
        <v>4</v>
      </c>
      <c r="FN16" s="62">
        <v>8</v>
      </c>
      <c r="FO16" s="231"/>
      <c r="FP16" s="61">
        <v>11</v>
      </c>
      <c r="FQ16" s="61">
        <v>10</v>
      </c>
      <c r="FR16" s="61">
        <v>5</v>
      </c>
      <c r="FS16" s="61">
        <v>9</v>
      </c>
      <c r="FT16" s="61">
        <v>7</v>
      </c>
      <c r="FU16" s="62">
        <v>42</v>
      </c>
      <c r="FV16" s="63">
        <v>50</v>
      </c>
      <c r="FW16" s="60">
        <v>0</v>
      </c>
      <c r="FX16" s="61">
        <v>0</v>
      </c>
      <c r="FY16" s="62">
        <v>0</v>
      </c>
      <c r="FZ16" s="231"/>
      <c r="GA16" s="61">
        <v>0</v>
      </c>
      <c r="GB16" s="61">
        <v>0</v>
      </c>
      <c r="GC16" s="61">
        <v>0</v>
      </c>
      <c r="GD16" s="61">
        <v>0</v>
      </c>
      <c r="GE16" s="61">
        <v>0</v>
      </c>
      <c r="GF16" s="62">
        <v>0</v>
      </c>
      <c r="GG16" s="63">
        <v>0</v>
      </c>
      <c r="GH16" s="60">
        <v>17</v>
      </c>
      <c r="GI16" s="61">
        <v>20</v>
      </c>
      <c r="GJ16" s="62">
        <v>37</v>
      </c>
      <c r="GK16" s="231"/>
      <c r="GL16" s="61">
        <v>17</v>
      </c>
      <c r="GM16" s="61">
        <v>16</v>
      </c>
      <c r="GN16" s="61">
        <v>10</v>
      </c>
      <c r="GO16" s="61">
        <v>13</v>
      </c>
      <c r="GP16" s="61">
        <v>12</v>
      </c>
      <c r="GQ16" s="62">
        <v>68</v>
      </c>
      <c r="GR16" s="63">
        <v>105</v>
      </c>
      <c r="GS16" s="113">
        <v>166</v>
      </c>
      <c r="GT16" s="72">
        <v>147</v>
      </c>
      <c r="GU16" s="73">
        <v>313</v>
      </c>
      <c r="GV16" s="228"/>
      <c r="GW16" s="72">
        <v>179</v>
      </c>
      <c r="GX16" s="72">
        <v>143</v>
      </c>
      <c r="GY16" s="72">
        <v>92</v>
      </c>
      <c r="GZ16" s="72">
        <v>106</v>
      </c>
      <c r="HA16" s="72">
        <v>50</v>
      </c>
      <c r="HB16" s="74">
        <v>570</v>
      </c>
      <c r="HC16" s="75">
        <v>883</v>
      </c>
      <c r="HD16" s="76">
        <v>6</v>
      </c>
      <c r="HE16" s="61">
        <v>1</v>
      </c>
      <c r="HF16" s="62">
        <v>7</v>
      </c>
      <c r="HG16" s="231"/>
      <c r="HH16" s="61">
        <v>2</v>
      </c>
      <c r="HI16" s="61">
        <v>2</v>
      </c>
      <c r="HJ16" s="61">
        <v>0</v>
      </c>
      <c r="HK16" s="61">
        <v>3</v>
      </c>
      <c r="HL16" s="61">
        <v>1</v>
      </c>
      <c r="HM16" s="62">
        <v>8</v>
      </c>
      <c r="HN16" s="63">
        <v>15</v>
      </c>
      <c r="HO16" s="60">
        <v>6</v>
      </c>
      <c r="HP16" s="61">
        <v>10</v>
      </c>
      <c r="HQ16" s="62">
        <v>16</v>
      </c>
      <c r="HR16" s="231"/>
      <c r="HS16" s="61">
        <v>4</v>
      </c>
      <c r="HT16" s="61">
        <v>5</v>
      </c>
      <c r="HU16" s="61">
        <v>4</v>
      </c>
      <c r="HV16" s="61">
        <v>2</v>
      </c>
      <c r="HW16" s="61">
        <v>4</v>
      </c>
      <c r="HX16" s="62">
        <v>19</v>
      </c>
      <c r="HY16" s="63">
        <v>35</v>
      </c>
      <c r="HZ16" s="76">
        <v>5</v>
      </c>
      <c r="IA16" s="61">
        <v>17</v>
      </c>
      <c r="IB16" s="62">
        <v>22</v>
      </c>
      <c r="IC16" s="231"/>
      <c r="ID16" s="61">
        <v>10</v>
      </c>
      <c r="IE16" s="61">
        <v>6</v>
      </c>
      <c r="IF16" s="61">
        <v>6</v>
      </c>
      <c r="IG16" s="61">
        <v>10</v>
      </c>
      <c r="IH16" s="61">
        <v>5</v>
      </c>
      <c r="II16" s="62">
        <v>37</v>
      </c>
      <c r="IJ16" s="63">
        <v>59</v>
      </c>
      <c r="IK16" s="60">
        <v>41</v>
      </c>
      <c r="IL16" s="61">
        <v>25</v>
      </c>
      <c r="IM16" s="62">
        <v>66</v>
      </c>
      <c r="IN16" s="231"/>
      <c r="IO16" s="61">
        <v>36</v>
      </c>
      <c r="IP16" s="61">
        <v>26</v>
      </c>
      <c r="IQ16" s="61">
        <v>17</v>
      </c>
      <c r="IR16" s="61">
        <v>16</v>
      </c>
      <c r="IS16" s="61">
        <v>11</v>
      </c>
      <c r="IT16" s="62">
        <v>106</v>
      </c>
      <c r="IU16" s="63">
        <v>172</v>
      </c>
      <c r="IV16" s="76">
        <v>57</v>
      </c>
      <c r="IW16" s="61">
        <v>47</v>
      </c>
      <c r="IX16" s="62">
        <v>104</v>
      </c>
      <c r="IY16" s="231"/>
      <c r="IZ16" s="61">
        <v>59</v>
      </c>
      <c r="JA16" s="61">
        <v>37</v>
      </c>
      <c r="JB16" s="61">
        <v>30</v>
      </c>
      <c r="JC16" s="61">
        <v>26</v>
      </c>
      <c r="JD16" s="61">
        <v>15</v>
      </c>
      <c r="JE16" s="62">
        <v>167</v>
      </c>
      <c r="JF16" s="63">
        <v>271</v>
      </c>
      <c r="JG16" s="60">
        <v>51</v>
      </c>
      <c r="JH16" s="61">
        <v>47</v>
      </c>
      <c r="JI16" s="62">
        <v>98</v>
      </c>
      <c r="JJ16" s="231"/>
      <c r="JK16" s="61">
        <v>68</v>
      </c>
      <c r="JL16" s="61">
        <v>67</v>
      </c>
      <c r="JM16" s="61">
        <v>35</v>
      </c>
      <c r="JN16" s="61">
        <v>49</v>
      </c>
      <c r="JO16" s="61">
        <v>14</v>
      </c>
      <c r="JP16" s="62">
        <v>233</v>
      </c>
      <c r="JQ16" s="63">
        <v>331</v>
      </c>
      <c r="JR16" s="60">
        <v>0</v>
      </c>
      <c r="JS16" s="61">
        <v>0</v>
      </c>
      <c r="JT16" s="62">
        <v>0</v>
      </c>
      <c r="JU16" s="231"/>
      <c r="JV16" s="61">
        <v>0</v>
      </c>
      <c r="JW16" s="61">
        <v>0</v>
      </c>
      <c r="JX16" s="61">
        <v>0</v>
      </c>
      <c r="JY16" s="61">
        <v>0</v>
      </c>
      <c r="JZ16" s="61">
        <v>0</v>
      </c>
      <c r="KA16" s="62">
        <v>0</v>
      </c>
      <c r="KB16" s="63">
        <v>0</v>
      </c>
      <c r="KC16" s="60">
        <v>166</v>
      </c>
      <c r="KD16" s="61">
        <v>147</v>
      </c>
      <c r="KE16" s="62">
        <v>313</v>
      </c>
      <c r="KF16" s="231"/>
      <c r="KG16" s="61">
        <v>179</v>
      </c>
      <c r="KH16" s="61">
        <v>143</v>
      </c>
      <c r="KI16" s="61">
        <v>92</v>
      </c>
      <c r="KJ16" s="61">
        <v>106</v>
      </c>
      <c r="KK16" s="61">
        <v>50</v>
      </c>
      <c r="KL16" s="62">
        <v>570</v>
      </c>
      <c r="KM16" s="63">
        <v>883</v>
      </c>
    </row>
    <row r="17" spans="2:299" ht="21" customHeight="1" x14ac:dyDescent="0.2">
      <c r="B17" s="468" t="s">
        <v>13</v>
      </c>
      <c r="C17" s="291">
        <v>41</v>
      </c>
      <c r="D17" s="72">
        <v>36</v>
      </c>
      <c r="E17" s="73">
        <v>77</v>
      </c>
      <c r="F17" s="228"/>
      <c r="G17" s="72">
        <v>70</v>
      </c>
      <c r="H17" s="72">
        <v>70</v>
      </c>
      <c r="I17" s="72">
        <v>53</v>
      </c>
      <c r="J17" s="72">
        <v>43</v>
      </c>
      <c r="K17" s="72">
        <v>23</v>
      </c>
      <c r="L17" s="74">
        <v>259</v>
      </c>
      <c r="M17" s="75">
        <v>336</v>
      </c>
      <c r="N17" s="60">
        <v>0</v>
      </c>
      <c r="O17" s="61">
        <v>0</v>
      </c>
      <c r="P17" s="62">
        <v>0</v>
      </c>
      <c r="Q17" s="231"/>
      <c r="R17" s="61">
        <v>1</v>
      </c>
      <c r="S17" s="61">
        <v>1</v>
      </c>
      <c r="T17" s="61">
        <v>0</v>
      </c>
      <c r="U17" s="61">
        <v>0</v>
      </c>
      <c r="V17" s="61">
        <v>0</v>
      </c>
      <c r="W17" s="62">
        <v>2</v>
      </c>
      <c r="X17" s="63">
        <v>2</v>
      </c>
      <c r="Y17" s="60">
        <v>3</v>
      </c>
      <c r="Z17" s="61">
        <v>0</v>
      </c>
      <c r="AA17" s="62">
        <v>3</v>
      </c>
      <c r="AB17" s="231"/>
      <c r="AC17" s="61">
        <v>3</v>
      </c>
      <c r="AD17" s="61">
        <v>0</v>
      </c>
      <c r="AE17" s="61">
        <v>3</v>
      </c>
      <c r="AF17" s="61">
        <v>1</v>
      </c>
      <c r="AG17" s="61">
        <v>2</v>
      </c>
      <c r="AH17" s="62">
        <v>9</v>
      </c>
      <c r="AI17" s="63">
        <v>12</v>
      </c>
      <c r="AJ17" s="60">
        <v>2</v>
      </c>
      <c r="AK17" s="61">
        <v>2</v>
      </c>
      <c r="AL17" s="62">
        <v>4</v>
      </c>
      <c r="AM17" s="231"/>
      <c r="AN17" s="61">
        <v>3</v>
      </c>
      <c r="AO17" s="61">
        <v>2</v>
      </c>
      <c r="AP17" s="61">
        <v>5</v>
      </c>
      <c r="AQ17" s="61">
        <v>0</v>
      </c>
      <c r="AR17" s="61">
        <v>1</v>
      </c>
      <c r="AS17" s="62">
        <v>11</v>
      </c>
      <c r="AT17" s="63">
        <v>15</v>
      </c>
      <c r="AU17" s="60">
        <v>6</v>
      </c>
      <c r="AV17" s="61">
        <v>5</v>
      </c>
      <c r="AW17" s="62">
        <v>11</v>
      </c>
      <c r="AX17" s="231"/>
      <c r="AY17" s="61">
        <v>16</v>
      </c>
      <c r="AZ17" s="61">
        <v>15</v>
      </c>
      <c r="BA17" s="61">
        <v>5</v>
      </c>
      <c r="BB17" s="61">
        <v>10</v>
      </c>
      <c r="BC17" s="61">
        <v>6</v>
      </c>
      <c r="BD17" s="62">
        <v>52</v>
      </c>
      <c r="BE17" s="63">
        <v>63</v>
      </c>
      <c r="BF17" s="60">
        <v>19</v>
      </c>
      <c r="BG17" s="61">
        <v>18</v>
      </c>
      <c r="BH17" s="62">
        <v>37</v>
      </c>
      <c r="BI17" s="231"/>
      <c r="BJ17" s="61">
        <v>19</v>
      </c>
      <c r="BK17" s="61">
        <v>21</v>
      </c>
      <c r="BL17" s="61">
        <v>22</v>
      </c>
      <c r="BM17" s="61">
        <v>16</v>
      </c>
      <c r="BN17" s="61">
        <v>4</v>
      </c>
      <c r="BO17" s="62">
        <v>82</v>
      </c>
      <c r="BP17" s="63">
        <v>119</v>
      </c>
      <c r="BQ17" s="60">
        <v>11</v>
      </c>
      <c r="BR17" s="61">
        <v>11</v>
      </c>
      <c r="BS17" s="62">
        <v>22</v>
      </c>
      <c r="BT17" s="231"/>
      <c r="BU17" s="61">
        <v>28</v>
      </c>
      <c r="BV17" s="61">
        <v>31</v>
      </c>
      <c r="BW17" s="61">
        <v>18</v>
      </c>
      <c r="BX17" s="61">
        <v>16</v>
      </c>
      <c r="BY17" s="61">
        <v>10</v>
      </c>
      <c r="BZ17" s="62">
        <v>103</v>
      </c>
      <c r="CA17" s="63">
        <v>125</v>
      </c>
      <c r="CB17" s="60">
        <v>0</v>
      </c>
      <c r="CC17" s="61">
        <v>0</v>
      </c>
      <c r="CD17" s="62">
        <v>0</v>
      </c>
      <c r="CE17" s="231"/>
      <c r="CF17" s="61">
        <v>0</v>
      </c>
      <c r="CG17" s="61">
        <v>0</v>
      </c>
      <c r="CH17" s="61">
        <v>0</v>
      </c>
      <c r="CI17" s="61">
        <v>0</v>
      </c>
      <c r="CJ17" s="61">
        <v>0</v>
      </c>
      <c r="CK17" s="62">
        <v>0</v>
      </c>
      <c r="CL17" s="63">
        <v>0</v>
      </c>
      <c r="CM17" s="60">
        <v>41</v>
      </c>
      <c r="CN17" s="61">
        <v>36</v>
      </c>
      <c r="CO17" s="62">
        <v>77</v>
      </c>
      <c r="CP17" s="231"/>
      <c r="CQ17" s="61">
        <v>70</v>
      </c>
      <c r="CR17" s="61">
        <v>70</v>
      </c>
      <c r="CS17" s="61">
        <v>53</v>
      </c>
      <c r="CT17" s="61">
        <v>43</v>
      </c>
      <c r="CU17" s="61">
        <v>23</v>
      </c>
      <c r="CV17" s="62">
        <v>259</v>
      </c>
      <c r="CW17" s="63">
        <v>336</v>
      </c>
      <c r="CX17" s="113">
        <v>7</v>
      </c>
      <c r="CY17" s="72">
        <v>6</v>
      </c>
      <c r="CZ17" s="73">
        <v>13</v>
      </c>
      <c r="DA17" s="228"/>
      <c r="DB17" s="72">
        <v>13</v>
      </c>
      <c r="DC17" s="72">
        <v>6</v>
      </c>
      <c r="DD17" s="72">
        <v>2</v>
      </c>
      <c r="DE17" s="72">
        <v>7</v>
      </c>
      <c r="DF17" s="72">
        <v>1</v>
      </c>
      <c r="DG17" s="74">
        <v>29</v>
      </c>
      <c r="DH17" s="75">
        <v>42</v>
      </c>
      <c r="DI17" s="60">
        <v>0</v>
      </c>
      <c r="DJ17" s="61">
        <v>0</v>
      </c>
      <c r="DK17" s="62">
        <v>0</v>
      </c>
      <c r="DL17" s="231"/>
      <c r="DM17" s="61">
        <v>0</v>
      </c>
      <c r="DN17" s="61">
        <v>0</v>
      </c>
      <c r="DO17" s="61">
        <v>0</v>
      </c>
      <c r="DP17" s="61">
        <v>0</v>
      </c>
      <c r="DQ17" s="61">
        <v>0</v>
      </c>
      <c r="DR17" s="62">
        <v>0</v>
      </c>
      <c r="DS17" s="63">
        <v>0</v>
      </c>
      <c r="DT17" s="60">
        <v>0</v>
      </c>
      <c r="DU17" s="61">
        <v>0</v>
      </c>
      <c r="DV17" s="62">
        <v>0</v>
      </c>
      <c r="DW17" s="231"/>
      <c r="DX17" s="61">
        <v>0</v>
      </c>
      <c r="DY17" s="61">
        <v>0</v>
      </c>
      <c r="DZ17" s="61">
        <v>0</v>
      </c>
      <c r="EA17" s="61">
        <v>0</v>
      </c>
      <c r="EB17" s="61">
        <v>0</v>
      </c>
      <c r="EC17" s="62">
        <v>0</v>
      </c>
      <c r="ED17" s="63">
        <v>0</v>
      </c>
      <c r="EE17" s="60">
        <v>1</v>
      </c>
      <c r="EF17" s="61">
        <v>0</v>
      </c>
      <c r="EG17" s="62">
        <v>1</v>
      </c>
      <c r="EH17" s="231"/>
      <c r="EI17" s="61">
        <v>4</v>
      </c>
      <c r="EJ17" s="61">
        <v>0</v>
      </c>
      <c r="EK17" s="61">
        <v>0</v>
      </c>
      <c r="EL17" s="61">
        <v>0</v>
      </c>
      <c r="EM17" s="61">
        <v>0</v>
      </c>
      <c r="EN17" s="62">
        <v>4</v>
      </c>
      <c r="EO17" s="63">
        <v>5</v>
      </c>
      <c r="EP17" s="60">
        <v>3</v>
      </c>
      <c r="EQ17" s="61">
        <v>2</v>
      </c>
      <c r="ER17" s="62">
        <v>5</v>
      </c>
      <c r="ES17" s="231"/>
      <c r="ET17" s="61">
        <v>3</v>
      </c>
      <c r="EU17" s="61">
        <v>1</v>
      </c>
      <c r="EV17" s="61">
        <v>0</v>
      </c>
      <c r="EW17" s="61">
        <v>0</v>
      </c>
      <c r="EX17" s="61">
        <v>0</v>
      </c>
      <c r="EY17" s="62">
        <v>4</v>
      </c>
      <c r="EZ17" s="63">
        <v>9</v>
      </c>
      <c r="FA17" s="60">
        <v>1</v>
      </c>
      <c r="FB17" s="61">
        <v>2</v>
      </c>
      <c r="FC17" s="62">
        <v>3</v>
      </c>
      <c r="FD17" s="231"/>
      <c r="FE17" s="61">
        <v>2</v>
      </c>
      <c r="FF17" s="61">
        <v>2</v>
      </c>
      <c r="FG17" s="61">
        <v>1</v>
      </c>
      <c r="FH17" s="61">
        <v>2</v>
      </c>
      <c r="FI17" s="61">
        <v>0</v>
      </c>
      <c r="FJ17" s="62">
        <v>7</v>
      </c>
      <c r="FK17" s="63">
        <v>10</v>
      </c>
      <c r="FL17" s="60">
        <v>2</v>
      </c>
      <c r="FM17" s="61">
        <v>2</v>
      </c>
      <c r="FN17" s="62">
        <v>4</v>
      </c>
      <c r="FO17" s="231"/>
      <c r="FP17" s="61">
        <v>4</v>
      </c>
      <c r="FQ17" s="61">
        <v>3</v>
      </c>
      <c r="FR17" s="61">
        <v>1</v>
      </c>
      <c r="FS17" s="61">
        <v>5</v>
      </c>
      <c r="FT17" s="61">
        <v>1</v>
      </c>
      <c r="FU17" s="62">
        <v>14</v>
      </c>
      <c r="FV17" s="63">
        <v>18</v>
      </c>
      <c r="FW17" s="60">
        <v>0</v>
      </c>
      <c r="FX17" s="61">
        <v>0</v>
      </c>
      <c r="FY17" s="62">
        <v>0</v>
      </c>
      <c r="FZ17" s="231"/>
      <c r="GA17" s="61">
        <v>0</v>
      </c>
      <c r="GB17" s="61">
        <v>0</v>
      </c>
      <c r="GC17" s="61">
        <v>0</v>
      </c>
      <c r="GD17" s="61">
        <v>0</v>
      </c>
      <c r="GE17" s="61">
        <v>0</v>
      </c>
      <c r="GF17" s="62">
        <v>0</v>
      </c>
      <c r="GG17" s="63">
        <v>0</v>
      </c>
      <c r="GH17" s="60">
        <v>7</v>
      </c>
      <c r="GI17" s="61">
        <v>6</v>
      </c>
      <c r="GJ17" s="62">
        <v>13</v>
      </c>
      <c r="GK17" s="231"/>
      <c r="GL17" s="61">
        <v>13</v>
      </c>
      <c r="GM17" s="61">
        <v>6</v>
      </c>
      <c r="GN17" s="61">
        <v>2</v>
      </c>
      <c r="GO17" s="61">
        <v>7</v>
      </c>
      <c r="GP17" s="61">
        <v>1</v>
      </c>
      <c r="GQ17" s="62">
        <v>29</v>
      </c>
      <c r="GR17" s="63">
        <v>42</v>
      </c>
      <c r="GS17" s="113">
        <v>48</v>
      </c>
      <c r="GT17" s="72">
        <v>42</v>
      </c>
      <c r="GU17" s="73">
        <v>90</v>
      </c>
      <c r="GV17" s="228"/>
      <c r="GW17" s="72">
        <v>83</v>
      </c>
      <c r="GX17" s="72">
        <v>76</v>
      </c>
      <c r="GY17" s="72">
        <v>55</v>
      </c>
      <c r="GZ17" s="72">
        <v>50</v>
      </c>
      <c r="HA17" s="72">
        <v>24</v>
      </c>
      <c r="HB17" s="74">
        <v>288</v>
      </c>
      <c r="HC17" s="75">
        <v>378</v>
      </c>
      <c r="HD17" s="60">
        <v>0</v>
      </c>
      <c r="HE17" s="61">
        <v>0</v>
      </c>
      <c r="HF17" s="62">
        <v>0</v>
      </c>
      <c r="HG17" s="231"/>
      <c r="HH17" s="61">
        <v>1</v>
      </c>
      <c r="HI17" s="61">
        <v>1</v>
      </c>
      <c r="HJ17" s="61">
        <v>0</v>
      </c>
      <c r="HK17" s="61">
        <v>0</v>
      </c>
      <c r="HL17" s="61">
        <v>0</v>
      </c>
      <c r="HM17" s="62">
        <v>2</v>
      </c>
      <c r="HN17" s="63">
        <v>2</v>
      </c>
      <c r="HO17" s="60">
        <v>3</v>
      </c>
      <c r="HP17" s="61">
        <v>0</v>
      </c>
      <c r="HQ17" s="62">
        <v>3</v>
      </c>
      <c r="HR17" s="231"/>
      <c r="HS17" s="61">
        <v>3</v>
      </c>
      <c r="HT17" s="61">
        <v>0</v>
      </c>
      <c r="HU17" s="61">
        <v>3</v>
      </c>
      <c r="HV17" s="61">
        <v>1</v>
      </c>
      <c r="HW17" s="61">
        <v>2</v>
      </c>
      <c r="HX17" s="62">
        <v>9</v>
      </c>
      <c r="HY17" s="63">
        <v>12</v>
      </c>
      <c r="HZ17" s="60">
        <v>3</v>
      </c>
      <c r="IA17" s="61">
        <v>2</v>
      </c>
      <c r="IB17" s="62">
        <v>5</v>
      </c>
      <c r="IC17" s="231"/>
      <c r="ID17" s="61">
        <v>7</v>
      </c>
      <c r="IE17" s="61">
        <v>2</v>
      </c>
      <c r="IF17" s="61">
        <v>5</v>
      </c>
      <c r="IG17" s="61">
        <v>0</v>
      </c>
      <c r="IH17" s="61">
        <v>1</v>
      </c>
      <c r="II17" s="62">
        <v>15</v>
      </c>
      <c r="IJ17" s="63">
        <v>20</v>
      </c>
      <c r="IK17" s="60">
        <v>9</v>
      </c>
      <c r="IL17" s="61">
        <v>7</v>
      </c>
      <c r="IM17" s="62">
        <v>16</v>
      </c>
      <c r="IN17" s="231"/>
      <c r="IO17" s="61">
        <v>19</v>
      </c>
      <c r="IP17" s="61">
        <v>16</v>
      </c>
      <c r="IQ17" s="61">
        <v>5</v>
      </c>
      <c r="IR17" s="61">
        <v>10</v>
      </c>
      <c r="IS17" s="61">
        <v>6</v>
      </c>
      <c r="IT17" s="62">
        <v>56</v>
      </c>
      <c r="IU17" s="63">
        <v>72</v>
      </c>
      <c r="IV17" s="60">
        <v>20</v>
      </c>
      <c r="IW17" s="61">
        <v>20</v>
      </c>
      <c r="IX17" s="62">
        <v>40</v>
      </c>
      <c r="IY17" s="231"/>
      <c r="IZ17" s="61">
        <v>21</v>
      </c>
      <c r="JA17" s="61">
        <v>23</v>
      </c>
      <c r="JB17" s="61">
        <v>23</v>
      </c>
      <c r="JC17" s="61">
        <v>18</v>
      </c>
      <c r="JD17" s="61">
        <v>4</v>
      </c>
      <c r="JE17" s="62">
        <v>89</v>
      </c>
      <c r="JF17" s="63">
        <v>129</v>
      </c>
      <c r="JG17" s="60">
        <v>13</v>
      </c>
      <c r="JH17" s="61">
        <v>13</v>
      </c>
      <c r="JI17" s="62">
        <v>26</v>
      </c>
      <c r="JJ17" s="231"/>
      <c r="JK17" s="61">
        <v>32</v>
      </c>
      <c r="JL17" s="61">
        <v>34</v>
      </c>
      <c r="JM17" s="61">
        <v>19</v>
      </c>
      <c r="JN17" s="61">
        <v>21</v>
      </c>
      <c r="JO17" s="61">
        <v>11</v>
      </c>
      <c r="JP17" s="62">
        <v>117</v>
      </c>
      <c r="JQ17" s="63">
        <v>143</v>
      </c>
      <c r="JR17" s="60">
        <v>0</v>
      </c>
      <c r="JS17" s="61">
        <v>0</v>
      </c>
      <c r="JT17" s="62">
        <v>0</v>
      </c>
      <c r="JU17" s="231"/>
      <c r="JV17" s="61">
        <v>0</v>
      </c>
      <c r="JW17" s="61">
        <v>0</v>
      </c>
      <c r="JX17" s="61">
        <v>0</v>
      </c>
      <c r="JY17" s="61">
        <v>0</v>
      </c>
      <c r="JZ17" s="61">
        <v>0</v>
      </c>
      <c r="KA17" s="62">
        <v>0</v>
      </c>
      <c r="KB17" s="63">
        <v>0</v>
      </c>
      <c r="KC17" s="60">
        <v>48</v>
      </c>
      <c r="KD17" s="61">
        <v>42</v>
      </c>
      <c r="KE17" s="62">
        <v>90</v>
      </c>
      <c r="KF17" s="231"/>
      <c r="KG17" s="61">
        <v>83</v>
      </c>
      <c r="KH17" s="61">
        <v>76</v>
      </c>
      <c r="KI17" s="61">
        <v>55</v>
      </c>
      <c r="KJ17" s="61">
        <v>50</v>
      </c>
      <c r="KK17" s="61">
        <v>24</v>
      </c>
      <c r="KL17" s="62">
        <v>288</v>
      </c>
      <c r="KM17" s="63">
        <v>378</v>
      </c>
    </row>
    <row r="18" spans="2:299" ht="21" customHeight="1" x14ac:dyDescent="0.2">
      <c r="B18" s="468" t="s">
        <v>15</v>
      </c>
      <c r="C18" s="291">
        <v>28</v>
      </c>
      <c r="D18" s="72">
        <v>22</v>
      </c>
      <c r="E18" s="73">
        <v>50</v>
      </c>
      <c r="F18" s="228"/>
      <c r="G18" s="72">
        <v>39</v>
      </c>
      <c r="H18" s="72">
        <v>29</v>
      </c>
      <c r="I18" s="72">
        <v>23</v>
      </c>
      <c r="J18" s="72">
        <v>23</v>
      </c>
      <c r="K18" s="72">
        <v>6</v>
      </c>
      <c r="L18" s="74">
        <v>120</v>
      </c>
      <c r="M18" s="75">
        <v>170</v>
      </c>
      <c r="N18" s="60">
        <v>1</v>
      </c>
      <c r="O18" s="61">
        <v>1</v>
      </c>
      <c r="P18" s="62">
        <v>2</v>
      </c>
      <c r="Q18" s="231"/>
      <c r="R18" s="61">
        <v>0</v>
      </c>
      <c r="S18" s="61">
        <v>1</v>
      </c>
      <c r="T18" s="61">
        <v>0</v>
      </c>
      <c r="U18" s="61">
        <v>2</v>
      </c>
      <c r="V18" s="61">
        <v>0</v>
      </c>
      <c r="W18" s="62">
        <v>3</v>
      </c>
      <c r="X18" s="63">
        <v>5</v>
      </c>
      <c r="Y18" s="60">
        <v>1</v>
      </c>
      <c r="Z18" s="61">
        <v>2</v>
      </c>
      <c r="AA18" s="62">
        <v>3</v>
      </c>
      <c r="AB18" s="231"/>
      <c r="AC18" s="61">
        <v>3</v>
      </c>
      <c r="AD18" s="61">
        <v>1</v>
      </c>
      <c r="AE18" s="61">
        <v>2</v>
      </c>
      <c r="AF18" s="61">
        <v>2</v>
      </c>
      <c r="AG18" s="61">
        <v>1</v>
      </c>
      <c r="AH18" s="62">
        <v>9</v>
      </c>
      <c r="AI18" s="63">
        <v>12</v>
      </c>
      <c r="AJ18" s="60">
        <v>2</v>
      </c>
      <c r="AK18" s="61">
        <v>1</v>
      </c>
      <c r="AL18" s="62">
        <v>3</v>
      </c>
      <c r="AM18" s="231"/>
      <c r="AN18" s="61">
        <v>6</v>
      </c>
      <c r="AO18" s="61">
        <v>5</v>
      </c>
      <c r="AP18" s="61">
        <v>2</v>
      </c>
      <c r="AQ18" s="61">
        <v>1</v>
      </c>
      <c r="AR18" s="61">
        <v>2</v>
      </c>
      <c r="AS18" s="62">
        <v>16</v>
      </c>
      <c r="AT18" s="63">
        <v>19</v>
      </c>
      <c r="AU18" s="60">
        <v>9</v>
      </c>
      <c r="AV18" s="61">
        <v>4</v>
      </c>
      <c r="AW18" s="62">
        <v>13</v>
      </c>
      <c r="AX18" s="231"/>
      <c r="AY18" s="61">
        <v>8</v>
      </c>
      <c r="AZ18" s="61">
        <v>7</v>
      </c>
      <c r="BA18" s="61">
        <v>5</v>
      </c>
      <c r="BB18" s="61">
        <v>3</v>
      </c>
      <c r="BC18" s="61">
        <v>1</v>
      </c>
      <c r="BD18" s="62">
        <v>24</v>
      </c>
      <c r="BE18" s="63">
        <v>37</v>
      </c>
      <c r="BF18" s="60">
        <v>5</v>
      </c>
      <c r="BG18" s="61">
        <v>8</v>
      </c>
      <c r="BH18" s="62">
        <v>13</v>
      </c>
      <c r="BI18" s="231"/>
      <c r="BJ18" s="61">
        <v>8</v>
      </c>
      <c r="BK18" s="61">
        <v>4</v>
      </c>
      <c r="BL18" s="61">
        <v>5</v>
      </c>
      <c r="BM18" s="61">
        <v>6</v>
      </c>
      <c r="BN18" s="61">
        <v>1</v>
      </c>
      <c r="BO18" s="62">
        <v>24</v>
      </c>
      <c r="BP18" s="63">
        <v>37</v>
      </c>
      <c r="BQ18" s="60">
        <v>10</v>
      </c>
      <c r="BR18" s="61">
        <v>6</v>
      </c>
      <c r="BS18" s="62">
        <v>16</v>
      </c>
      <c r="BT18" s="231"/>
      <c r="BU18" s="61">
        <v>14</v>
      </c>
      <c r="BV18" s="61">
        <v>11</v>
      </c>
      <c r="BW18" s="61">
        <v>9</v>
      </c>
      <c r="BX18" s="61">
        <v>9</v>
      </c>
      <c r="BY18" s="61">
        <v>1</v>
      </c>
      <c r="BZ18" s="62">
        <v>44</v>
      </c>
      <c r="CA18" s="63">
        <v>60</v>
      </c>
      <c r="CB18" s="60">
        <v>0</v>
      </c>
      <c r="CC18" s="61">
        <v>0</v>
      </c>
      <c r="CD18" s="62">
        <v>0</v>
      </c>
      <c r="CE18" s="231"/>
      <c r="CF18" s="61">
        <v>0</v>
      </c>
      <c r="CG18" s="61">
        <v>0</v>
      </c>
      <c r="CH18" s="61">
        <v>0</v>
      </c>
      <c r="CI18" s="61">
        <v>0</v>
      </c>
      <c r="CJ18" s="61">
        <v>0</v>
      </c>
      <c r="CK18" s="62">
        <v>0</v>
      </c>
      <c r="CL18" s="63">
        <v>0</v>
      </c>
      <c r="CM18" s="60">
        <v>28</v>
      </c>
      <c r="CN18" s="61">
        <v>22</v>
      </c>
      <c r="CO18" s="62">
        <v>50</v>
      </c>
      <c r="CP18" s="231"/>
      <c r="CQ18" s="61">
        <v>39</v>
      </c>
      <c r="CR18" s="61">
        <v>29</v>
      </c>
      <c r="CS18" s="61">
        <v>23</v>
      </c>
      <c r="CT18" s="61">
        <v>23</v>
      </c>
      <c r="CU18" s="61">
        <v>6</v>
      </c>
      <c r="CV18" s="62">
        <v>120</v>
      </c>
      <c r="CW18" s="63">
        <v>170</v>
      </c>
      <c r="CX18" s="113">
        <v>6</v>
      </c>
      <c r="CY18" s="72">
        <v>6</v>
      </c>
      <c r="CZ18" s="73">
        <v>12</v>
      </c>
      <c r="DA18" s="228"/>
      <c r="DB18" s="72">
        <v>6</v>
      </c>
      <c r="DC18" s="72">
        <v>4</v>
      </c>
      <c r="DD18" s="72">
        <v>1</v>
      </c>
      <c r="DE18" s="72">
        <v>5</v>
      </c>
      <c r="DF18" s="72">
        <v>2</v>
      </c>
      <c r="DG18" s="74">
        <v>18</v>
      </c>
      <c r="DH18" s="75">
        <v>30</v>
      </c>
      <c r="DI18" s="60">
        <v>0</v>
      </c>
      <c r="DJ18" s="61">
        <v>0</v>
      </c>
      <c r="DK18" s="62">
        <v>0</v>
      </c>
      <c r="DL18" s="231"/>
      <c r="DM18" s="61">
        <v>1</v>
      </c>
      <c r="DN18" s="61">
        <v>0</v>
      </c>
      <c r="DO18" s="61">
        <v>0</v>
      </c>
      <c r="DP18" s="61">
        <v>0</v>
      </c>
      <c r="DQ18" s="61">
        <v>0</v>
      </c>
      <c r="DR18" s="62">
        <v>1</v>
      </c>
      <c r="DS18" s="63">
        <v>1</v>
      </c>
      <c r="DT18" s="60">
        <v>1</v>
      </c>
      <c r="DU18" s="61">
        <v>0</v>
      </c>
      <c r="DV18" s="62">
        <v>1</v>
      </c>
      <c r="DW18" s="231"/>
      <c r="DX18" s="61">
        <v>0</v>
      </c>
      <c r="DY18" s="61">
        <v>0</v>
      </c>
      <c r="DZ18" s="61">
        <v>0</v>
      </c>
      <c r="EA18" s="61">
        <v>0</v>
      </c>
      <c r="EB18" s="61">
        <v>0</v>
      </c>
      <c r="EC18" s="62">
        <v>0</v>
      </c>
      <c r="ED18" s="63">
        <v>1</v>
      </c>
      <c r="EE18" s="60">
        <v>2</v>
      </c>
      <c r="EF18" s="61">
        <v>2</v>
      </c>
      <c r="EG18" s="62">
        <v>4</v>
      </c>
      <c r="EH18" s="231"/>
      <c r="EI18" s="61">
        <v>0</v>
      </c>
      <c r="EJ18" s="61">
        <v>0</v>
      </c>
      <c r="EK18" s="61">
        <v>0</v>
      </c>
      <c r="EL18" s="61">
        <v>0</v>
      </c>
      <c r="EM18" s="61">
        <v>0</v>
      </c>
      <c r="EN18" s="62">
        <v>0</v>
      </c>
      <c r="EO18" s="63">
        <v>4</v>
      </c>
      <c r="EP18" s="60">
        <v>0</v>
      </c>
      <c r="EQ18" s="61">
        <v>1</v>
      </c>
      <c r="ER18" s="62">
        <v>1</v>
      </c>
      <c r="ES18" s="231"/>
      <c r="ET18" s="61">
        <v>2</v>
      </c>
      <c r="EU18" s="61">
        <v>0</v>
      </c>
      <c r="EV18" s="61">
        <v>0</v>
      </c>
      <c r="EW18" s="61">
        <v>1</v>
      </c>
      <c r="EX18" s="61">
        <v>0</v>
      </c>
      <c r="EY18" s="62">
        <v>3</v>
      </c>
      <c r="EZ18" s="63">
        <v>4</v>
      </c>
      <c r="FA18" s="60">
        <v>2</v>
      </c>
      <c r="FB18" s="61">
        <v>1</v>
      </c>
      <c r="FC18" s="62">
        <v>3</v>
      </c>
      <c r="FD18" s="231"/>
      <c r="FE18" s="61">
        <v>1</v>
      </c>
      <c r="FF18" s="61">
        <v>1</v>
      </c>
      <c r="FG18" s="61">
        <v>0</v>
      </c>
      <c r="FH18" s="61">
        <v>1</v>
      </c>
      <c r="FI18" s="61">
        <v>1</v>
      </c>
      <c r="FJ18" s="62">
        <v>4</v>
      </c>
      <c r="FK18" s="63">
        <v>7</v>
      </c>
      <c r="FL18" s="60">
        <v>1</v>
      </c>
      <c r="FM18" s="61">
        <v>2</v>
      </c>
      <c r="FN18" s="62">
        <v>3</v>
      </c>
      <c r="FO18" s="231"/>
      <c r="FP18" s="61">
        <v>2</v>
      </c>
      <c r="FQ18" s="61">
        <v>3</v>
      </c>
      <c r="FR18" s="61">
        <v>1</v>
      </c>
      <c r="FS18" s="61">
        <v>3</v>
      </c>
      <c r="FT18" s="61">
        <v>1</v>
      </c>
      <c r="FU18" s="62">
        <v>10</v>
      </c>
      <c r="FV18" s="63">
        <v>13</v>
      </c>
      <c r="FW18" s="60">
        <v>0</v>
      </c>
      <c r="FX18" s="61">
        <v>0</v>
      </c>
      <c r="FY18" s="62">
        <v>0</v>
      </c>
      <c r="FZ18" s="231"/>
      <c r="GA18" s="61">
        <v>0</v>
      </c>
      <c r="GB18" s="61">
        <v>0</v>
      </c>
      <c r="GC18" s="61">
        <v>0</v>
      </c>
      <c r="GD18" s="61">
        <v>0</v>
      </c>
      <c r="GE18" s="61">
        <v>0</v>
      </c>
      <c r="GF18" s="62">
        <v>0</v>
      </c>
      <c r="GG18" s="63">
        <v>0</v>
      </c>
      <c r="GH18" s="60">
        <v>6</v>
      </c>
      <c r="GI18" s="61">
        <v>6</v>
      </c>
      <c r="GJ18" s="62">
        <v>12</v>
      </c>
      <c r="GK18" s="231"/>
      <c r="GL18" s="61">
        <v>6</v>
      </c>
      <c r="GM18" s="61">
        <v>4</v>
      </c>
      <c r="GN18" s="61">
        <v>1</v>
      </c>
      <c r="GO18" s="61">
        <v>5</v>
      </c>
      <c r="GP18" s="61">
        <v>2</v>
      </c>
      <c r="GQ18" s="62">
        <v>18</v>
      </c>
      <c r="GR18" s="63">
        <v>30</v>
      </c>
      <c r="GS18" s="113">
        <v>34</v>
      </c>
      <c r="GT18" s="72">
        <v>28</v>
      </c>
      <c r="GU18" s="73">
        <v>62</v>
      </c>
      <c r="GV18" s="228"/>
      <c r="GW18" s="72">
        <v>45</v>
      </c>
      <c r="GX18" s="72">
        <v>33</v>
      </c>
      <c r="GY18" s="72">
        <v>24</v>
      </c>
      <c r="GZ18" s="72">
        <v>28</v>
      </c>
      <c r="HA18" s="72">
        <v>8</v>
      </c>
      <c r="HB18" s="74">
        <v>138</v>
      </c>
      <c r="HC18" s="75">
        <v>200</v>
      </c>
      <c r="HD18" s="60">
        <v>1</v>
      </c>
      <c r="HE18" s="61">
        <v>1</v>
      </c>
      <c r="HF18" s="62">
        <v>2</v>
      </c>
      <c r="HG18" s="231"/>
      <c r="HH18" s="61">
        <v>1</v>
      </c>
      <c r="HI18" s="61">
        <v>1</v>
      </c>
      <c r="HJ18" s="61">
        <v>0</v>
      </c>
      <c r="HK18" s="61">
        <v>2</v>
      </c>
      <c r="HL18" s="61">
        <v>0</v>
      </c>
      <c r="HM18" s="62">
        <v>4</v>
      </c>
      <c r="HN18" s="63">
        <v>6</v>
      </c>
      <c r="HO18" s="60">
        <v>2</v>
      </c>
      <c r="HP18" s="61">
        <v>2</v>
      </c>
      <c r="HQ18" s="62">
        <v>4</v>
      </c>
      <c r="HR18" s="231"/>
      <c r="HS18" s="61">
        <v>3</v>
      </c>
      <c r="HT18" s="61">
        <v>1</v>
      </c>
      <c r="HU18" s="61">
        <v>2</v>
      </c>
      <c r="HV18" s="61">
        <v>2</v>
      </c>
      <c r="HW18" s="61">
        <v>1</v>
      </c>
      <c r="HX18" s="62">
        <v>9</v>
      </c>
      <c r="HY18" s="63">
        <v>13</v>
      </c>
      <c r="HZ18" s="60">
        <v>4</v>
      </c>
      <c r="IA18" s="61">
        <v>3</v>
      </c>
      <c r="IB18" s="62">
        <v>7</v>
      </c>
      <c r="IC18" s="231"/>
      <c r="ID18" s="61">
        <v>6</v>
      </c>
      <c r="IE18" s="61">
        <v>5</v>
      </c>
      <c r="IF18" s="61">
        <v>2</v>
      </c>
      <c r="IG18" s="61">
        <v>1</v>
      </c>
      <c r="IH18" s="61">
        <v>2</v>
      </c>
      <c r="II18" s="62">
        <v>16</v>
      </c>
      <c r="IJ18" s="63">
        <v>23</v>
      </c>
      <c r="IK18" s="60">
        <v>9</v>
      </c>
      <c r="IL18" s="61">
        <v>5</v>
      </c>
      <c r="IM18" s="62">
        <v>14</v>
      </c>
      <c r="IN18" s="231"/>
      <c r="IO18" s="61">
        <v>10</v>
      </c>
      <c r="IP18" s="61">
        <v>7</v>
      </c>
      <c r="IQ18" s="61">
        <v>5</v>
      </c>
      <c r="IR18" s="61">
        <v>4</v>
      </c>
      <c r="IS18" s="61">
        <v>1</v>
      </c>
      <c r="IT18" s="62">
        <v>27</v>
      </c>
      <c r="IU18" s="63">
        <v>41</v>
      </c>
      <c r="IV18" s="60">
        <v>7</v>
      </c>
      <c r="IW18" s="61">
        <v>9</v>
      </c>
      <c r="IX18" s="62">
        <v>16</v>
      </c>
      <c r="IY18" s="231"/>
      <c r="IZ18" s="61">
        <v>9</v>
      </c>
      <c r="JA18" s="61">
        <v>5</v>
      </c>
      <c r="JB18" s="61">
        <v>5</v>
      </c>
      <c r="JC18" s="61">
        <v>7</v>
      </c>
      <c r="JD18" s="61">
        <v>2</v>
      </c>
      <c r="JE18" s="62">
        <v>28</v>
      </c>
      <c r="JF18" s="63">
        <v>44</v>
      </c>
      <c r="JG18" s="60">
        <v>11</v>
      </c>
      <c r="JH18" s="61">
        <v>8</v>
      </c>
      <c r="JI18" s="62">
        <v>19</v>
      </c>
      <c r="JJ18" s="231"/>
      <c r="JK18" s="61">
        <v>16</v>
      </c>
      <c r="JL18" s="61">
        <v>14</v>
      </c>
      <c r="JM18" s="61">
        <v>10</v>
      </c>
      <c r="JN18" s="61">
        <v>12</v>
      </c>
      <c r="JO18" s="61">
        <v>2</v>
      </c>
      <c r="JP18" s="62">
        <v>54</v>
      </c>
      <c r="JQ18" s="63">
        <v>73</v>
      </c>
      <c r="JR18" s="60">
        <v>0</v>
      </c>
      <c r="JS18" s="61">
        <v>0</v>
      </c>
      <c r="JT18" s="62">
        <v>0</v>
      </c>
      <c r="JU18" s="231"/>
      <c r="JV18" s="61">
        <v>0</v>
      </c>
      <c r="JW18" s="61">
        <v>0</v>
      </c>
      <c r="JX18" s="61">
        <v>0</v>
      </c>
      <c r="JY18" s="61">
        <v>0</v>
      </c>
      <c r="JZ18" s="61">
        <v>0</v>
      </c>
      <c r="KA18" s="62">
        <v>0</v>
      </c>
      <c r="KB18" s="63">
        <v>0</v>
      </c>
      <c r="KC18" s="60">
        <v>34</v>
      </c>
      <c r="KD18" s="61">
        <v>28</v>
      </c>
      <c r="KE18" s="62">
        <v>62</v>
      </c>
      <c r="KF18" s="231"/>
      <c r="KG18" s="61">
        <v>45</v>
      </c>
      <c r="KH18" s="61">
        <v>33</v>
      </c>
      <c r="KI18" s="61">
        <v>24</v>
      </c>
      <c r="KJ18" s="61">
        <v>28</v>
      </c>
      <c r="KK18" s="61">
        <v>8</v>
      </c>
      <c r="KL18" s="62">
        <v>138</v>
      </c>
      <c r="KM18" s="63">
        <v>200</v>
      </c>
    </row>
    <row r="19" spans="2:299" ht="21" customHeight="1" x14ac:dyDescent="0.2">
      <c r="B19" s="468" t="s">
        <v>16</v>
      </c>
      <c r="C19" s="291">
        <v>36</v>
      </c>
      <c r="D19" s="72">
        <v>45</v>
      </c>
      <c r="E19" s="73">
        <v>81</v>
      </c>
      <c r="F19" s="228"/>
      <c r="G19" s="72">
        <v>71</v>
      </c>
      <c r="H19" s="72">
        <v>97</v>
      </c>
      <c r="I19" s="72">
        <v>51</v>
      </c>
      <c r="J19" s="72">
        <v>37</v>
      </c>
      <c r="K19" s="72">
        <v>21</v>
      </c>
      <c r="L19" s="74">
        <v>277</v>
      </c>
      <c r="M19" s="75">
        <v>358</v>
      </c>
      <c r="N19" s="60">
        <v>2</v>
      </c>
      <c r="O19" s="61">
        <v>0</v>
      </c>
      <c r="P19" s="62">
        <v>2</v>
      </c>
      <c r="Q19" s="231"/>
      <c r="R19" s="61">
        <v>1</v>
      </c>
      <c r="S19" s="61">
        <v>2</v>
      </c>
      <c r="T19" s="61">
        <v>0</v>
      </c>
      <c r="U19" s="61">
        <v>0</v>
      </c>
      <c r="V19" s="61">
        <v>1</v>
      </c>
      <c r="W19" s="62">
        <v>4</v>
      </c>
      <c r="X19" s="63">
        <v>6</v>
      </c>
      <c r="Y19" s="60">
        <v>0</v>
      </c>
      <c r="Z19" s="61">
        <v>3</v>
      </c>
      <c r="AA19" s="62">
        <v>3</v>
      </c>
      <c r="AB19" s="231"/>
      <c r="AC19" s="61">
        <v>7</v>
      </c>
      <c r="AD19" s="61">
        <v>7</v>
      </c>
      <c r="AE19" s="61">
        <v>4</v>
      </c>
      <c r="AF19" s="61">
        <v>0</v>
      </c>
      <c r="AG19" s="61">
        <v>1</v>
      </c>
      <c r="AH19" s="62">
        <v>19</v>
      </c>
      <c r="AI19" s="63">
        <v>22</v>
      </c>
      <c r="AJ19" s="60">
        <v>5</v>
      </c>
      <c r="AK19" s="61">
        <v>4</v>
      </c>
      <c r="AL19" s="62">
        <v>9</v>
      </c>
      <c r="AM19" s="231"/>
      <c r="AN19" s="61">
        <v>4</v>
      </c>
      <c r="AO19" s="61">
        <v>7</v>
      </c>
      <c r="AP19" s="61">
        <v>11</v>
      </c>
      <c r="AQ19" s="61">
        <v>2</v>
      </c>
      <c r="AR19" s="61">
        <v>4</v>
      </c>
      <c r="AS19" s="62">
        <v>28</v>
      </c>
      <c r="AT19" s="63">
        <v>37</v>
      </c>
      <c r="AU19" s="60">
        <v>10</v>
      </c>
      <c r="AV19" s="61">
        <v>10</v>
      </c>
      <c r="AW19" s="62">
        <v>20</v>
      </c>
      <c r="AX19" s="231"/>
      <c r="AY19" s="61">
        <v>16</v>
      </c>
      <c r="AZ19" s="61">
        <v>25</v>
      </c>
      <c r="BA19" s="61">
        <v>9</v>
      </c>
      <c r="BB19" s="61">
        <v>6</v>
      </c>
      <c r="BC19" s="61">
        <v>7</v>
      </c>
      <c r="BD19" s="62">
        <v>63</v>
      </c>
      <c r="BE19" s="63">
        <v>83</v>
      </c>
      <c r="BF19" s="60">
        <v>10</v>
      </c>
      <c r="BG19" s="61">
        <v>15</v>
      </c>
      <c r="BH19" s="62">
        <v>25</v>
      </c>
      <c r="BI19" s="231"/>
      <c r="BJ19" s="61">
        <v>21</v>
      </c>
      <c r="BK19" s="61">
        <v>22</v>
      </c>
      <c r="BL19" s="61">
        <v>10</v>
      </c>
      <c r="BM19" s="61">
        <v>5</v>
      </c>
      <c r="BN19" s="61">
        <v>2</v>
      </c>
      <c r="BO19" s="62">
        <v>60</v>
      </c>
      <c r="BP19" s="63">
        <v>85</v>
      </c>
      <c r="BQ19" s="60">
        <v>9</v>
      </c>
      <c r="BR19" s="61">
        <v>13</v>
      </c>
      <c r="BS19" s="62">
        <v>22</v>
      </c>
      <c r="BT19" s="231"/>
      <c r="BU19" s="61">
        <v>22</v>
      </c>
      <c r="BV19" s="61">
        <v>34</v>
      </c>
      <c r="BW19" s="61">
        <v>17</v>
      </c>
      <c r="BX19" s="61">
        <v>24</v>
      </c>
      <c r="BY19" s="61">
        <v>6</v>
      </c>
      <c r="BZ19" s="62">
        <v>103</v>
      </c>
      <c r="CA19" s="63">
        <v>125</v>
      </c>
      <c r="CB19" s="60">
        <v>0</v>
      </c>
      <c r="CC19" s="61">
        <v>0</v>
      </c>
      <c r="CD19" s="62">
        <v>0</v>
      </c>
      <c r="CE19" s="231"/>
      <c r="CF19" s="61">
        <v>0</v>
      </c>
      <c r="CG19" s="61">
        <v>0</v>
      </c>
      <c r="CH19" s="61">
        <v>0</v>
      </c>
      <c r="CI19" s="61">
        <v>0</v>
      </c>
      <c r="CJ19" s="61">
        <v>0</v>
      </c>
      <c r="CK19" s="62">
        <v>0</v>
      </c>
      <c r="CL19" s="63">
        <v>0</v>
      </c>
      <c r="CM19" s="60">
        <v>36</v>
      </c>
      <c r="CN19" s="61">
        <v>45</v>
      </c>
      <c r="CO19" s="62">
        <v>81</v>
      </c>
      <c r="CP19" s="231"/>
      <c r="CQ19" s="61">
        <v>71</v>
      </c>
      <c r="CR19" s="61">
        <v>97</v>
      </c>
      <c r="CS19" s="61">
        <v>51</v>
      </c>
      <c r="CT19" s="61">
        <v>37</v>
      </c>
      <c r="CU19" s="61">
        <v>21</v>
      </c>
      <c r="CV19" s="62">
        <v>277</v>
      </c>
      <c r="CW19" s="63">
        <v>358</v>
      </c>
      <c r="CX19" s="113">
        <v>9</v>
      </c>
      <c r="CY19" s="72">
        <v>13</v>
      </c>
      <c r="CZ19" s="73">
        <v>22</v>
      </c>
      <c r="DA19" s="228"/>
      <c r="DB19" s="72">
        <v>4</v>
      </c>
      <c r="DC19" s="72">
        <v>9</v>
      </c>
      <c r="DD19" s="72">
        <v>7</v>
      </c>
      <c r="DE19" s="72">
        <v>13</v>
      </c>
      <c r="DF19" s="72">
        <v>9</v>
      </c>
      <c r="DG19" s="74">
        <v>42</v>
      </c>
      <c r="DH19" s="75">
        <v>64</v>
      </c>
      <c r="DI19" s="60">
        <v>0</v>
      </c>
      <c r="DJ19" s="61">
        <v>1</v>
      </c>
      <c r="DK19" s="62">
        <v>1</v>
      </c>
      <c r="DL19" s="231"/>
      <c r="DM19" s="61">
        <v>0</v>
      </c>
      <c r="DN19" s="61">
        <v>0</v>
      </c>
      <c r="DO19" s="61">
        <v>0</v>
      </c>
      <c r="DP19" s="61">
        <v>0</v>
      </c>
      <c r="DQ19" s="61">
        <v>0</v>
      </c>
      <c r="DR19" s="62">
        <v>0</v>
      </c>
      <c r="DS19" s="63">
        <v>1</v>
      </c>
      <c r="DT19" s="60">
        <v>0</v>
      </c>
      <c r="DU19" s="61">
        <v>2</v>
      </c>
      <c r="DV19" s="62">
        <v>2</v>
      </c>
      <c r="DW19" s="231"/>
      <c r="DX19" s="61">
        <v>0</v>
      </c>
      <c r="DY19" s="61">
        <v>0</v>
      </c>
      <c r="DZ19" s="61">
        <v>0</v>
      </c>
      <c r="EA19" s="61">
        <v>0</v>
      </c>
      <c r="EB19" s="61">
        <v>1</v>
      </c>
      <c r="EC19" s="62">
        <v>1</v>
      </c>
      <c r="ED19" s="63">
        <v>3</v>
      </c>
      <c r="EE19" s="60">
        <v>1</v>
      </c>
      <c r="EF19" s="61">
        <v>1</v>
      </c>
      <c r="EG19" s="62">
        <v>2</v>
      </c>
      <c r="EH19" s="231"/>
      <c r="EI19" s="61">
        <v>0</v>
      </c>
      <c r="EJ19" s="61">
        <v>0</v>
      </c>
      <c r="EK19" s="61">
        <v>1</v>
      </c>
      <c r="EL19" s="61">
        <v>1</v>
      </c>
      <c r="EM19" s="61">
        <v>1</v>
      </c>
      <c r="EN19" s="62">
        <v>3</v>
      </c>
      <c r="EO19" s="63">
        <v>5</v>
      </c>
      <c r="EP19" s="60">
        <v>2</v>
      </c>
      <c r="EQ19" s="61">
        <v>2</v>
      </c>
      <c r="ER19" s="62">
        <v>4</v>
      </c>
      <c r="ES19" s="231"/>
      <c r="ET19" s="61">
        <v>2</v>
      </c>
      <c r="EU19" s="61">
        <v>6</v>
      </c>
      <c r="EV19" s="61">
        <v>1</v>
      </c>
      <c r="EW19" s="61">
        <v>2</v>
      </c>
      <c r="EX19" s="61">
        <v>1</v>
      </c>
      <c r="EY19" s="62">
        <v>12</v>
      </c>
      <c r="EZ19" s="63">
        <v>16</v>
      </c>
      <c r="FA19" s="60">
        <v>4</v>
      </c>
      <c r="FB19" s="61">
        <v>5</v>
      </c>
      <c r="FC19" s="62">
        <v>9</v>
      </c>
      <c r="FD19" s="231"/>
      <c r="FE19" s="61">
        <v>0</v>
      </c>
      <c r="FF19" s="61">
        <v>2</v>
      </c>
      <c r="FG19" s="61">
        <v>2</v>
      </c>
      <c r="FH19" s="61">
        <v>4</v>
      </c>
      <c r="FI19" s="61">
        <v>2</v>
      </c>
      <c r="FJ19" s="62">
        <v>10</v>
      </c>
      <c r="FK19" s="63">
        <v>19</v>
      </c>
      <c r="FL19" s="60">
        <v>2</v>
      </c>
      <c r="FM19" s="61">
        <v>2</v>
      </c>
      <c r="FN19" s="62">
        <v>4</v>
      </c>
      <c r="FO19" s="231"/>
      <c r="FP19" s="61">
        <v>2</v>
      </c>
      <c r="FQ19" s="61">
        <v>1</v>
      </c>
      <c r="FR19" s="61">
        <v>3</v>
      </c>
      <c r="FS19" s="61">
        <v>6</v>
      </c>
      <c r="FT19" s="61">
        <v>4</v>
      </c>
      <c r="FU19" s="62">
        <v>16</v>
      </c>
      <c r="FV19" s="63">
        <v>20</v>
      </c>
      <c r="FW19" s="60">
        <v>0</v>
      </c>
      <c r="FX19" s="61">
        <v>0</v>
      </c>
      <c r="FY19" s="62">
        <v>0</v>
      </c>
      <c r="FZ19" s="231"/>
      <c r="GA19" s="61">
        <v>0</v>
      </c>
      <c r="GB19" s="61">
        <v>0</v>
      </c>
      <c r="GC19" s="61">
        <v>0</v>
      </c>
      <c r="GD19" s="61">
        <v>0</v>
      </c>
      <c r="GE19" s="61">
        <v>0</v>
      </c>
      <c r="GF19" s="62">
        <v>0</v>
      </c>
      <c r="GG19" s="63">
        <v>0</v>
      </c>
      <c r="GH19" s="60">
        <v>9</v>
      </c>
      <c r="GI19" s="61">
        <v>13</v>
      </c>
      <c r="GJ19" s="62">
        <v>22</v>
      </c>
      <c r="GK19" s="231"/>
      <c r="GL19" s="61">
        <v>4</v>
      </c>
      <c r="GM19" s="61">
        <v>9</v>
      </c>
      <c r="GN19" s="61">
        <v>7</v>
      </c>
      <c r="GO19" s="61">
        <v>13</v>
      </c>
      <c r="GP19" s="61">
        <v>9</v>
      </c>
      <c r="GQ19" s="62">
        <v>42</v>
      </c>
      <c r="GR19" s="63">
        <v>64</v>
      </c>
      <c r="GS19" s="113">
        <v>45</v>
      </c>
      <c r="GT19" s="72">
        <v>58</v>
      </c>
      <c r="GU19" s="73">
        <v>103</v>
      </c>
      <c r="GV19" s="228"/>
      <c r="GW19" s="72">
        <v>75</v>
      </c>
      <c r="GX19" s="72">
        <v>106</v>
      </c>
      <c r="GY19" s="72">
        <v>58</v>
      </c>
      <c r="GZ19" s="72">
        <v>50</v>
      </c>
      <c r="HA19" s="72">
        <v>30</v>
      </c>
      <c r="HB19" s="74">
        <v>319</v>
      </c>
      <c r="HC19" s="75">
        <v>422</v>
      </c>
      <c r="HD19" s="60">
        <v>2</v>
      </c>
      <c r="HE19" s="61">
        <v>1</v>
      </c>
      <c r="HF19" s="62">
        <v>3</v>
      </c>
      <c r="HG19" s="231"/>
      <c r="HH19" s="61">
        <v>1</v>
      </c>
      <c r="HI19" s="61">
        <v>2</v>
      </c>
      <c r="HJ19" s="61">
        <v>0</v>
      </c>
      <c r="HK19" s="61">
        <v>0</v>
      </c>
      <c r="HL19" s="61">
        <v>1</v>
      </c>
      <c r="HM19" s="62">
        <v>4</v>
      </c>
      <c r="HN19" s="63">
        <v>7</v>
      </c>
      <c r="HO19" s="60">
        <v>0</v>
      </c>
      <c r="HP19" s="61">
        <v>5</v>
      </c>
      <c r="HQ19" s="62">
        <v>5</v>
      </c>
      <c r="HR19" s="231"/>
      <c r="HS19" s="61">
        <v>7</v>
      </c>
      <c r="HT19" s="61">
        <v>7</v>
      </c>
      <c r="HU19" s="61">
        <v>4</v>
      </c>
      <c r="HV19" s="61">
        <v>0</v>
      </c>
      <c r="HW19" s="61">
        <v>2</v>
      </c>
      <c r="HX19" s="62">
        <v>20</v>
      </c>
      <c r="HY19" s="63">
        <v>25</v>
      </c>
      <c r="HZ19" s="60">
        <v>6</v>
      </c>
      <c r="IA19" s="61">
        <v>5</v>
      </c>
      <c r="IB19" s="62">
        <v>11</v>
      </c>
      <c r="IC19" s="231"/>
      <c r="ID19" s="61">
        <v>4</v>
      </c>
      <c r="IE19" s="61">
        <v>7</v>
      </c>
      <c r="IF19" s="61">
        <v>12</v>
      </c>
      <c r="IG19" s="61">
        <v>3</v>
      </c>
      <c r="IH19" s="61">
        <v>5</v>
      </c>
      <c r="II19" s="62">
        <v>31</v>
      </c>
      <c r="IJ19" s="63">
        <v>42</v>
      </c>
      <c r="IK19" s="60">
        <v>12</v>
      </c>
      <c r="IL19" s="61">
        <v>12</v>
      </c>
      <c r="IM19" s="62">
        <v>24</v>
      </c>
      <c r="IN19" s="231"/>
      <c r="IO19" s="61">
        <v>18</v>
      </c>
      <c r="IP19" s="61">
        <v>31</v>
      </c>
      <c r="IQ19" s="61">
        <v>10</v>
      </c>
      <c r="IR19" s="61">
        <v>8</v>
      </c>
      <c r="IS19" s="61">
        <v>8</v>
      </c>
      <c r="IT19" s="62">
        <v>75</v>
      </c>
      <c r="IU19" s="63">
        <v>99</v>
      </c>
      <c r="IV19" s="60">
        <v>14</v>
      </c>
      <c r="IW19" s="61">
        <v>20</v>
      </c>
      <c r="IX19" s="62">
        <v>34</v>
      </c>
      <c r="IY19" s="231"/>
      <c r="IZ19" s="61">
        <v>21</v>
      </c>
      <c r="JA19" s="61">
        <v>24</v>
      </c>
      <c r="JB19" s="61">
        <v>12</v>
      </c>
      <c r="JC19" s="61">
        <v>9</v>
      </c>
      <c r="JD19" s="61">
        <v>4</v>
      </c>
      <c r="JE19" s="62">
        <v>70</v>
      </c>
      <c r="JF19" s="63">
        <v>104</v>
      </c>
      <c r="JG19" s="60">
        <v>11</v>
      </c>
      <c r="JH19" s="61">
        <v>15</v>
      </c>
      <c r="JI19" s="62">
        <v>26</v>
      </c>
      <c r="JJ19" s="231"/>
      <c r="JK19" s="61">
        <v>24</v>
      </c>
      <c r="JL19" s="61">
        <v>35</v>
      </c>
      <c r="JM19" s="61">
        <v>20</v>
      </c>
      <c r="JN19" s="61">
        <v>30</v>
      </c>
      <c r="JO19" s="61">
        <v>10</v>
      </c>
      <c r="JP19" s="62">
        <v>119</v>
      </c>
      <c r="JQ19" s="63">
        <v>145</v>
      </c>
      <c r="JR19" s="60">
        <v>0</v>
      </c>
      <c r="JS19" s="61">
        <v>0</v>
      </c>
      <c r="JT19" s="62">
        <v>0</v>
      </c>
      <c r="JU19" s="231"/>
      <c r="JV19" s="61">
        <v>0</v>
      </c>
      <c r="JW19" s="61">
        <v>0</v>
      </c>
      <c r="JX19" s="61">
        <v>0</v>
      </c>
      <c r="JY19" s="61">
        <v>0</v>
      </c>
      <c r="JZ19" s="61">
        <v>0</v>
      </c>
      <c r="KA19" s="62">
        <v>0</v>
      </c>
      <c r="KB19" s="63">
        <v>0</v>
      </c>
      <c r="KC19" s="60">
        <v>45</v>
      </c>
      <c r="KD19" s="61">
        <v>58</v>
      </c>
      <c r="KE19" s="62">
        <v>103</v>
      </c>
      <c r="KF19" s="231"/>
      <c r="KG19" s="61">
        <v>75</v>
      </c>
      <c r="KH19" s="61">
        <v>106</v>
      </c>
      <c r="KI19" s="61">
        <v>58</v>
      </c>
      <c r="KJ19" s="61">
        <v>50</v>
      </c>
      <c r="KK19" s="61">
        <v>30</v>
      </c>
      <c r="KL19" s="62">
        <v>319</v>
      </c>
      <c r="KM19" s="63">
        <v>422</v>
      </c>
    </row>
    <row r="20" spans="2:299" ht="21" customHeight="1" x14ac:dyDescent="0.2">
      <c r="B20" s="468" t="s">
        <v>17</v>
      </c>
      <c r="C20" s="291">
        <v>67</v>
      </c>
      <c r="D20" s="72">
        <v>53</v>
      </c>
      <c r="E20" s="73">
        <v>120</v>
      </c>
      <c r="F20" s="228"/>
      <c r="G20" s="72">
        <v>108</v>
      </c>
      <c r="H20" s="72">
        <v>108</v>
      </c>
      <c r="I20" s="72">
        <v>68</v>
      </c>
      <c r="J20" s="72">
        <v>35</v>
      </c>
      <c r="K20" s="72">
        <v>30</v>
      </c>
      <c r="L20" s="74">
        <v>349</v>
      </c>
      <c r="M20" s="75">
        <v>469</v>
      </c>
      <c r="N20" s="60">
        <v>0</v>
      </c>
      <c r="O20" s="61">
        <v>3</v>
      </c>
      <c r="P20" s="62">
        <v>3</v>
      </c>
      <c r="Q20" s="231"/>
      <c r="R20" s="61">
        <v>3</v>
      </c>
      <c r="S20" s="61">
        <v>1</v>
      </c>
      <c r="T20" s="61">
        <v>3</v>
      </c>
      <c r="U20" s="61">
        <v>0</v>
      </c>
      <c r="V20" s="61">
        <v>2</v>
      </c>
      <c r="W20" s="62">
        <v>9</v>
      </c>
      <c r="X20" s="63">
        <v>12</v>
      </c>
      <c r="Y20" s="60">
        <v>2</v>
      </c>
      <c r="Z20" s="61">
        <v>1</v>
      </c>
      <c r="AA20" s="62">
        <v>3</v>
      </c>
      <c r="AB20" s="231"/>
      <c r="AC20" s="61">
        <v>7</v>
      </c>
      <c r="AD20" s="61">
        <v>2</v>
      </c>
      <c r="AE20" s="61">
        <v>4</v>
      </c>
      <c r="AF20" s="61">
        <v>2</v>
      </c>
      <c r="AG20" s="61">
        <v>1</v>
      </c>
      <c r="AH20" s="62">
        <v>16</v>
      </c>
      <c r="AI20" s="63">
        <v>19</v>
      </c>
      <c r="AJ20" s="60">
        <v>8</v>
      </c>
      <c r="AK20" s="61">
        <v>4</v>
      </c>
      <c r="AL20" s="62">
        <v>12</v>
      </c>
      <c r="AM20" s="231"/>
      <c r="AN20" s="61">
        <v>12</v>
      </c>
      <c r="AO20" s="61">
        <v>15</v>
      </c>
      <c r="AP20" s="61">
        <v>5</v>
      </c>
      <c r="AQ20" s="61">
        <v>3</v>
      </c>
      <c r="AR20" s="61">
        <v>2</v>
      </c>
      <c r="AS20" s="62">
        <v>37</v>
      </c>
      <c r="AT20" s="63">
        <v>49</v>
      </c>
      <c r="AU20" s="60">
        <v>20</v>
      </c>
      <c r="AV20" s="61">
        <v>14</v>
      </c>
      <c r="AW20" s="62">
        <v>34</v>
      </c>
      <c r="AX20" s="231"/>
      <c r="AY20" s="61">
        <v>25</v>
      </c>
      <c r="AZ20" s="61">
        <v>29</v>
      </c>
      <c r="BA20" s="61">
        <v>12</v>
      </c>
      <c r="BB20" s="61">
        <v>6</v>
      </c>
      <c r="BC20" s="61">
        <v>4</v>
      </c>
      <c r="BD20" s="62">
        <v>76</v>
      </c>
      <c r="BE20" s="63">
        <v>110</v>
      </c>
      <c r="BF20" s="60">
        <v>16</v>
      </c>
      <c r="BG20" s="61">
        <v>13</v>
      </c>
      <c r="BH20" s="62">
        <v>29</v>
      </c>
      <c r="BI20" s="231"/>
      <c r="BJ20" s="61">
        <v>32</v>
      </c>
      <c r="BK20" s="61">
        <v>34</v>
      </c>
      <c r="BL20" s="61">
        <v>26</v>
      </c>
      <c r="BM20" s="61">
        <v>12</v>
      </c>
      <c r="BN20" s="61">
        <v>8</v>
      </c>
      <c r="BO20" s="62">
        <v>112</v>
      </c>
      <c r="BP20" s="63">
        <v>141</v>
      </c>
      <c r="BQ20" s="60">
        <v>21</v>
      </c>
      <c r="BR20" s="61">
        <v>18</v>
      </c>
      <c r="BS20" s="62">
        <v>39</v>
      </c>
      <c r="BT20" s="231"/>
      <c r="BU20" s="61">
        <v>29</v>
      </c>
      <c r="BV20" s="61">
        <v>27</v>
      </c>
      <c r="BW20" s="61">
        <v>18</v>
      </c>
      <c r="BX20" s="61">
        <v>12</v>
      </c>
      <c r="BY20" s="61">
        <v>13</v>
      </c>
      <c r="BZ20" s="62">
        <v>99</v>
      </c>
      <c r="CA20" s="63">
        <v>138</v>
      </c>
      <c r="CB20" s="60">
        <v>0</v>
      </c>
      <c r="CC20" s="61">
        <v>0</v>
      </c>
      <c r="CD20" s="62">
        <v>0</v>
      </c>
      <c r="CE20" s="231"/>
      <c r="CF20" s="61">
        <v>0</v>
      </c>
      <c r="CG20" s="61">
        <v>0</v>
      </c>
      <c r="CH20" s="61">
        <v>0</v>
      </c>
      <c r="CI20" s="61">
        <v>0</v>
      </c>
      <c r="CJ20" s="61">
        <v>0</v>
      </c>
      <c r="CK20" s="62">
        <v>0</v>
      </c>
      <c r="CL20" s="63">
        <v>0</v>
      </c>
      <c r="CM20" s="60">
        <v>67</v>
      </c>
      <c r="CN20" s="61">
        <v>53</v>
      </c>
      <c r="CO20" s="62">
        <v>120</v>
      </c>
      <c r="CP20" s="231"/>
      <c r="CQ20" s="61">
        <v>108</v>
      </c>
      <c r="CR20" s="61">
        <v>108</v>
      </c>
      <c r="CS20" s="61">
        <v>68</v>
      </c>
      <c r="CT20" s="61">
        <v>35</v>
      </c>
      <c r="CU20" s="61">
        <v>30</v>
      </c>
      <c r="CV20" s="62">
        <v>349</v>
      </c>
      <c r="CW20" s="63">
        <v>469</v>
      </c>
      <c r="CX20" s="113">
        <v>10</v>
      </c>
      <c r="CY20" s="72">
        <v>9</v>
      </c>
      <c r="CZ20" s="73">
        <v>19</v>
      </c>
      <c r="DA20" s="228"/>
      <c r="DB20" s="72">
        <v>9</v>
      </c>
      <c r="DC20" s="72">
        <v>19</v>
      </c>
      <c r="DD20" s="72">
        <v>7</v>
      </c>
      <c r="DE20" s="72">
        <v>14</v>
      </c>
      <c r="DF20" s="72">
        <v>4</v>
      </c>
      <c r="DG20" s="74">
        <v>53</v>
      </c>
      <c r="DH20" s="75">
        <v>72</v>
      </c>
      <c r="DI20" s="60">
        <v>0</v>
      </c>
      <c r="DJ20" s="61">
        <v>0</v>
      </c>
      <c r="DK20" s="62">
        <v>0</v>
      </c>
      <c r="DL20" s="231"/>
      <c r="DM20" s="61">
        <v>0</v>
      </c>
      <c r="DN20" s="61">
        <v>2</v>
      </c>
      <c r="DO20" s="61">
        <v>0</v>
      </c>
      <c r="DP20" s="61">
        <v>1</v>
      </c>
      <c r="DQ20" s="61">
        <v>0</v>
      </c>
      <c r="DR20" s="62">
        <v>3</v>
      </c>
      <c r="DS20" s="63">
        <v>3</v>
      </c>
      <c r="DT20" s="60">
        <v>0</v>
      </c>
      <c r="DU20" s="61">
        <v>2</v>
      </c>
      <c r="DV20" s="62">
        <v>2</v>
      </c>
      <c r="DW20" s="231"/>
      <c r="DX20" s="61">
        <v>0</v>
      </c>
      <c r="DY20" s="61">
        <v>1</v>
      </c>
      <c r="DZ20" s="61">
        <v>1</v>
      </c>
      <c r="EA20" s="61">
        <v>0</v>
      </c>
      <c r="EB20" s="61">
        <v>0</v>
      </c>
      <c r="EC20" s="62">
        <v>2</v>
      </c>
      <c r="ED20" s="63">
        <v>4</v>
      </c>
      <c r="EE20" s="60">
        <v>4</v>
      </c>
      <c r="EF20" s="61">
        <v>3</v>
      </c>
      <c r="EG20" s="62">
        <v>7</v>
      </c>
      <c r="EH20" s="231"/>
      <c r="EI20" s="61">
        <v>0</v>
      </c>
      <c r="EJ20" s="61">
        <v>0</v>
      </c>
      <c r="EK20" s="61">
        <v>0</v>
      </c>
      <c r="EL20" s="61">
        <v>0</v>
      </c>
      <c r="EM20" s="61">
        <v>0</v>
      </c>
      <c r="EN20" s="62">
        <v>0</v>
      </c>
      <c r="EO20" s="63">
        <v>7</v>
      </c>
      <c r="EP20" s="60">
        <v>3</v>
      </c>
      <c r="EQ20" s="61">
        <v>1</v>
      </c>
      <c r="ER20" s="62">
        <v>4</v>
      </c>
      <c r="ES20" s="231"/>
      <c r="ET20" s="61">
        <v>4</v>
      </c>
      <c r="EU20" s="61">
        <v>2</v>
      </c>
      <c r="EV20" s="61">
        <v>2</v>
      </c>
      <c r="EW20" s="61">
        <v>1</v>
      </c>
      <c r="EX20" s="61">
        <v>0</v>
      </c>
      <c r="EY20" s="62">
        <v>9</v>
      </c>
      <c r="EZ20" s="63">
        <v>13</v>
      </c>
      <c r="FA20" s="60">
        <v>3</v>
      </c>
      <c r="FB20" s="61">
        <v>1</v>
      </c>
      <c r="FC20" s="62">
        <v>4</v>
      </c>
      <c r="FD20" s="231"/>
      <c r="FE20" s="61">
        <v>2</v>
      </c>
      <c r="FF20" s="61">
        <v>6</v>
      </c>
      <c r="FG20" s="61">
        <v>0</v>
      </c>
      <c r="FH20" s="61">
        <v>3</v>
      </c>
      <c r="FI20" s="61">
        <v>0</v>
      </c>
      <c r="FJ20" s="62">
        <v>11</v>
      </c>
      <c r="FK20" s="63">
        <v>15</v>
      </c>
      <c r="FL20" s="60">
        <v>0</v>
      </c>
      <c r="FM20" s="61">
        <v>2</v>
      </c>
      <c r="FN20" s="62">
        <v>2</v>
      </c>
      <c r="FO20" s="231"/>
      <c r="FP20" s="61">
        <v>3</v>
      </c>
      <c r="FQ20" s="61">
        <v>8</v>
      </c>
      <c r="FR20" s="61">
        <v>4</v>
      </c>
      <c r="FS20" s="61">
        <v>9</v>
      </c>
      <c r="FT20" s="61">
        <v>4</v>
      </c>
      <c r="FU20" s="62">
        <v>28</v>
      </c>
      <c r="FV20" s="63">
        <v>30</v>
      </c>
      <c r="FW20" s="60">
        <v>0</v>
      </c>
      <c r="FX20" s="61">
        <v>0</v>
      </c>
      <c r="FY20" s="62">
        <v>0</v>
      </c>
      <c r="FZ20" s="231"/>
      <c r="GA20" s="61">
        <v>0</v>
      </c>
      <c r="GB20" s="61">
        <v>0</v>
      </c>
      <c r="GC20" s="61">
        <v>0</v>
      </c>
      <c r="GD20" s="61">
        <v>0</v>
      </c>
      <c r="GE20" s="61">
        <v>0</v>
      </c>
      <c r="GF20" s="62">
        <v>0</v>
      </c>
      <c r="GG20" s="63">
        <v>0</v>
      </c>
      <c r="GH20" s="60">
        <v>10</v>
      </c>
      <c r="GI20" s="61">
        <v>9</v>
      </c>
      <c r="GJ20" s="62">
        <v>19</v>
      </c>
      <c r="GK20" s="231"/>
      <c r="GL20" s="61">
        <v>9</v>
      </c>
      <c r="GM20" s="61">
        <v>19</v>
      </c>
      <c r="GN20" s="61">
        <v>7</v>
      </c>
      <c r="GO20" s="61">
        <v>14</v>
      </c>
      <c r="GP20" s="61">
        <v>4</v>
      </c>
      <c r="GQ20" s="62">
        <v>53</v>
      </c>
      <c r="GR20" s="63">
        <v>72</v>
      </c>
      <c r="GS20" s="113">
        <v>77</v>
      </c>
      <c r="GT20" s="72">
        <v>62</v>
      </c>
      <c r="GU20" s="73">
        <v>139</v>
      </c>
      <c r="GV20" s="228"/>
      <c r="GW20" s="72">
        <v>117</v>
      </c>
      <c r="GX20" s="72">
        <v>127</v>
      </c>
      <c r="GY20" s="72">
        <v>75</v>
      </c>
      <c r="GZ20" s="72">
        <v>49</v>
      </c>
      <c r="HA20" s="72">
        <v>34</v>
      </c>
      <c r="HB20" s="74">
        <v>402</v>
      </c>
      <c r="HC20" s="75">
        <v>541</v>
      </c>
      <c r="HD20" s="60">
        <v>0</v>
      </c>
      <c r="HE20" s="61">
        <v>3</v>
      </c>
      <c r="HF20" s="62">
        <v>3</v>
      </c>
      <c r="HG20" s="231"/>
      <c r="HH20" s="61">
        <v>3</v>
      </c>
      <c r="HI20" s="61">
        <v>3</v>
      </c>
      <c r="HJ20" s="61">
        <v>3</v>
      </c>
      <c r="HK20" s="61">
        <v>1</v>
      </c>
      <c r="HL20" s="61">
        <v>2</v>
      </c>
      <c r="HM20" s="62">
        <v>12</v>
      </c>
      <c r="HN20" s="63">
        <v>15</v>
      </c>
      <c r="HO20" s="60">
        <v>2</v>
      </c>
      <c r="HP20" s="61">
        <v>3</v>
      </c>
      <c r="HQ20" s="62">
        <v>5</v>
      </c>
      <c r="HR20" s="231"/>
      <c r="HS20" s="61">
        <v>7</v>
      </c>
      <c r="HT20" s="61">
        <v>3</v>
      </c>
      <c r="HU20" s="61">
        <v>5</v>
      </c>
      <c r="HV20" s="61">
        <v>2</v>
      </c>
      <c r="HW20" s="61">
        <v>1</v>
      </c>
      <c r="HX20" s="62">
        <v>18</v>
      </c>
      <c r="HY20" s="63">
        <v>23</v>
      </c>
      <c r="HZ20" s="60">
        <v>12</v>
      </c>
      <c r="IA20" s="61">
        <v>7</v>
      </c>
      <c r="IB20" s="62">
        <v>19</v>
      </c>
      <c r="IC20" s="231"/>
      <c r="ID20" s="61">
        <v>12</v>
      </c>
      <c r="IE20" s="61">
        <v>15</v>
      </c>
      <c r="IF20" s="61">
        <v>5</v>
      </c>
      <c r="IG20" s="61">
        <v>3</v>
      </c>
      <c r="IH20" s="61">
        <v>2</v>
      </c>
      <c r="II20" s="62">
        <v>37</v>
      </c>
      <c r="IJ20" s="63">
        <v>56</v>
      </c>
      <c r="IK20" s="60">
        <v>23</v>
      </c>
      <c r="IL20" s="61">
        <v>15</v>
      </c>
      <c r="IM20" s="62">
        <v>38</v>
      </c>
      <c r="IN20" s="231"/>
      <c r="IO20" s="61">
        <v>29</v>
      </c>
      <c r="IP20" s="61">
        <v>31</v>
      </c>
      <c r="IQ20" s="61">
        <v>14</v>
      </c>
      <c r="IR20" s="61">
        <v>7</v>
      </c>
      <c r="IS20" s="61">
        <v>4</v>
      </c>
      <c r="IT20" s="62">
        <v>85</v>
      </c>
      <c r="IU20" s="63">
        <v>123</v>
      </c>
      <c r="IV20" s="60">
        <v>19</v>
      </c>
      <c r="IW20" s="61">
        <v>14</v>
      </c>
      <c r="IX20" s="62">
        <v>33</v>
      </c>
      <c r="IY20" s="231"/>
      <c r="IZ20" s="61">
        <v>34</v>
      </c>
      <c r="JA20" s="61">
        <v>40</v>
      </c>
      <c r="JB20" s="61">
        <v>26</v>
      </c>
      <c r="JC20" s="61">
        <v>15</v>
      </c>
      <c r="JD20" s="61">
        <v>8</v>
      </c>
      <c r="JE20" s="62">
        <v>123</v>
      </c>
      <c r="JF20" s="63">
        <v>156</v>
      </c>
      <c r="JG20" s="60">
        <v>21</v>
      </c>
      <c r="JH20" s="61">
        <v>20</v>
      </c>
      <c r="JI20" s="62">
        <v>41</v>
      </c>
      <c r="JJ20" s="231"/>
      <c r="JK20" s="61">
        <v>32</v>
      </c>
      <c r="JL20" s="61">
        <v>35</v>
      </c>
      <c r="JM20" s="61">
        <v>22</v>
      </c>
      <c r="JN20" s="61">
        <v>21</v>
      </c>
      <c r="JO20" s="61">
        <v>17</v>
      </c>
      <c r="JP20" s="62">
        <v>127</v>
      </c>
      <c r="JQ20" s="63">
        <v>168</v>
      </c>
      <c r="JR20" s="60">
        <v>0</v>
      </c>
      <c r="JS20" s="61">
        <v>0</v>
      </c>
      <c r="JT20" s="62">
        <v>0</v>
      </c>
      <c r="JU20" s="231"/>
      <c r="JV20" s="61">
        <v>0</v>
      </c>
      <c r="JW20" s="61">
        <v>0</v>
      </c>
      <c r="JX20" s="61">
        <v>0</v>
      </c>
      <c r="JY20" s="61">
        <v>0</v>
      </c>
      <c r="JZ20" s="61">
        <v>0</v>
      </c>
      <c r="KA20" s="62">
        <v>0</v>
      </c>
      <c r="KB20" s="63">
        <v>0</v>
      </c>
      <c r="KC20" s="60">
        <v>77</v>
      </c>
      <c r="KD20" s="61">
        <v>62</v>
      </c>
      <c r="KE20" s="62">
        <v>139</v>
      </c>
      <c r="KF20" s="231"/>
      <c r="KG20" s="61">
        <v>117</v>
      </c>
      <c r="KH20" s="61">
        <v>127</v>
      </c>
      <c r="KI20" s="61">
        <v>75</v>
      </c>
      <c r="KJ20" s="61">
        <v>49</v>
      </c>
      <c r="KK20" s="61">
        <v>34</v>
      </c>
      <c r="KL20" s="62">
        <v>402</v>
      </c>
      <c r="KM20" s="63">
        <v>541</v>
      </c>
    </row>
    <row r="21" spans="2:299" ht="21" customHeight="1" x14ac:dyDescent="0.2">
      <c r="B21" s="468" t="s">
        <v>18</v>
      </c>
      <c r="C21" s="291">
        <v>65</v>
      </c>
      <c r="D21" s="72">
        <v>83</v>
      </c>
      <c r="E21" s="73">
        <v>148</v>
      </c>
      <c r="F21" s="228"/>
      <c r="G21" s="72">
        <v>165</v>
      </c>
      <c r="H21" s="72">
        <v>116</v>
      </c>
      <c r="I21" s="72">
        <v>77</v>
      </c>
      <c r="J21" s="72">
        <v>63</v>
      </c>
      <c r="K21" s="72">
        <v>35</v>
      </c>
      <c r="L21" s="74">
        <v>456</v>
      </c>
      <c r="M21" s="75">
        <v>604</v>
      </c>
      <c r="N21" s="60">
        <v>1</v>
      </c>
      <c r="O21" s="61">
        <v>1</v>
      </c>
      <c r="P21" s="62">
        <v>2</v>
      </c>
      <c r="Q21" s="231"/>
      <c r="R21" s="61">
        <v>5</v>
      </c>
      <c r="S21" s="61">
        <v>1</v>
      </c>
      <c r="T21" s="61">
        <v>2</v>
      </c>
      <c r="U21" s="61">
        <v>3</v>
      </c>
      <c r="V21" s="61">
        <v>2</v>
      </c>
      <c r="W21" s="62">
        <v>13</v>
      </c>
      <c r="X21" s="63">
        <v>15</v>
      </c>
      <c r="Y21" s="60">
        <v>2</v>
      </c>
      <c r="Z21" s="61">
        <v>2</v>
      </c>
      <c r="AA21" s="62">
        <v>4</v>
      </c>
      <c r="AB21" s="231"/>
      <c r="AC21" s="61">
        <v>9</v>
      </c>
      <c r="AD21" s="61">
        <v>7</v>
      </c>
      <c r="AE21" s="61">
        <v>4</v>
      </c>
      <c r="AF21" s="61">
        <v>6</v>
      </c>
      <c r="AG21" s="61">
        <v>3</v>
      </c>
      <c r="AH21" s="62">
        <v>29</v>
      </c>
      <c r="AI21" s="63">
        <v>33</v>
      </c>
      <c r="AJ21" s="60">
        <v>8</v>
      </c>
      <c r="AK21" s="61">
        <v>9</v>
      </c>
      <c r="AL21" s="62">
        <v>17</v>
      </c>
      <c r="AM21" s="231"/>
      <c r="AN21" s="61">
        <v>11</v>
      </c>
      <c r="AO21" s="61">
        <v>5</v>
      </c>
      <c r="AP21" s="61">
        <v>4</v>
      </c>
      <c r="AQ21" s="61">
        <v>3</v>
      </c>
      <c r="AR21" s="61">
        <v>2</v>
      </c>
      <c r="AS21" s="62">
        <v>25</v>
      </c>
      <c r="AT21" s="63">
        <v>42</v>
      </c>
      <c r="AU21" s="60">
        <v>16</v>
      </c>
      <c r="AV21" s="61">
        <v>10</v>
      </c>
      <c r="AW21" s="62">
        <v>26</v>
      </c>
      <c r="AX21" s="231"/>
      <c r="AY21" s="61">
        <v>24</v>
      </c>
      <c r="AZ21" s="61">
        <v>27</v>
      </c>
      <c r="BA21" s="61">
        <v>10</v>
      </c>
      <c r="BB21" s="61">
        <v>11</v>
      </c>
      <c r="BC21" s="61">
        <v>9</v>
      </c>
      <c r="BD21" s="62">
        <v>81</v>
      </c>
      <c r="BE21" s="63">
        <v>107</v>
      </c>
      <c r="BF21" s="60">
        <v>20</v>
      </c>
      <c r="BG21" s="61">
        <v>33</v>
      </c>
      <c r="BH21" s="62">
        <v>53</v>
      </c>
      <c r="BI21" s="231"/>
      <c r="BJ21" s="61">
        <v>59</v>
      </c>
      <c r="BK21" s="61">
        <v>36</v>
      </c>
      <c r="BL21" s="61">
        <v>27</v>
      </c>
      <c r="BM21" s="61">
        <v>20</v>
      </c>
      <c r="BN21" s="61">
        <v>10</v>
      </c>
      <c r="BO21" s="62">
        <v>152</v>
      </c>
      <c r="BP21" s="63">
        <v>205</v>
      </c>
      <c r="BQ21" s="60">
        <v>18</v>
      </c>
      <c r="BR21" s="61">
        <v>28</v>
      </c>
      <c r="BS21" s="62">
        <v>46</v>
      </c>
      <c r="BT21" s="231"/>
      <c r="BU21" s="61">
        <v>57</v>
      </c>
      <c r="BV21" s="61">
        <v>40</v>
      </c>
      <c r="BW21" s="61">
        <v>30</v>
      </c>
      <c r="BX21" s="61">
        <v>20</v>
      </c>
      <c r="BY21" s="61">
        <v>9</v>
      </c>
      <c r="BZ21" s="62">
        <v>156</v>
      </c>
      <c r="CA21" s="63">
        <v>202</v>
      </c>
      <c r="CB21" s="60">
        <v>0</v>
      </c>
      <c r="CC21" s="61">
        <v>0</v>
      </c>
      <c r="CD21" s="62">
        <v>0</v>
      </c>
      <c r="CE21" s="231"/>
      <c r="CF21" s="61">
        <v>0</v>
      </c>
      <c r="CG21" s="61">
        <v>0</v>
      </c>
      <c r="CH21" s="61">
        <v>0</v>
      </c>
      <c r="CI21" s="61">
        <v>0</v>
      </c>
      <c r="CJ21" s="61">
        <v>0</v>
      </c>
      <c r="CK21" s="62">
        <v>0</v>
      </c>
      <c r="CL21" s="63">
        <v>0</v>
      </c>
      <c r="CM21" s="60">
        <v>65</v>
      </c>
      <c r="CN21" s="61">
        <v>83</v>
      </c>
      <c r="CO21" s="62">
        <v>148</v>
      </c>
      <c r="CP21" s="231"/>
      <c r="CQ21" s="61">
        <v>165</v>
      </c>
      <c r="CR21" s="61">
        <v>116</v>
      </c>
      <c r="CS21" s="61">
        <v>77</v>
      </c>
      <c r="CT21" s="61">
        <v>63</v>
      </c>
      <c r="CU21" s="61">
        <v>35</v>
      </c>
      <c r="CV21" s="62">
        <v>456</v>
      </c>
      <c r="CW21" s="63">
        <v>604</v>
      </c>
      <c r="CX21" s="113">
        <v>11</v>
      </c>
      <c r="CY21" s="72">
        <v>18</v>
      </c>
      <c r="CZ21" s="73">
        <v>29</v>
      </c>
      <c r="DA21" s="228"/>
      <c r="DB21" s="72">
        <v>19</v>
      </c>
      <c r="DC21" s="72">
        <v>13</v>
      </c>
      <c r="DD21" s="72">
        <v>8</v>
      </c>
      <c r="DE21" s="72">
        <v>5</v>
      </c>
      <c r="DF21" s="72">
        <v>4</v>
      </c>
      <c r="DG21" s="74">
        <v>49</v>
      </c>
      <c r="DH21" s="75">
        <v>78</v>
      </c>
      <c r="DI21" s="60">
        <v>0</v>
      </c>
      <c r="DJ21" s="61">
        <v>0</v>
      </c>
      <c r="DK21" s="62">
        <v>0</v>
      </c>
      <c r="DL21" s="231"/>
      <c r="DM21" s="61">
        <v>0</v>
      </c>
      <c r="DN21" s="61">
        <v>0</v>
      </c>
      <c r="DO21" s="61">
        <v>0</v>
      </c>
      <c r="DP21" s="61">
        <v>0</v>
      </c>
      <c r="DQ21" s="61">
        <v>1</v>
      </c>
      <c r="DR21" s="62">
        <v>1</v>
      </c>
      <c r="DS21" s="63">
        <v>1</v>
      </c>
      <c r="DT21" s="60">
        <v>0</v>
      </c>
      <c r="DU21" s="61">
        <v>4</v>
      </c>
      <c r="DV21" s="62">
        <v>4</v>
      </c>
      <c r="DW21" s="231"/>
      <c r="DX21" s="61">
        <v>0</v>
      </c>
      <c r="DY21" s="61">
        <v>2</v>
      </c>
      <c r="DZ21" s="61">
        <v>1</v>
      </c>
      <c r="EA21" s="61">
        <v>0</v>
      </c>
      <c r="EB21" s="61">
        <v>0</v>
      </c>
      <c r="EC21" s="62">
        <v>3</v>
      </c>
      <c r="ED21" s="63">
        <v>7</v>
      </c>
      <c r="EE21" s="60">
        <v>2</v>
      </c>
      <c r="EF21" s="61">
        <v>4</v>
      </c>
      <c r="EG21" s="62">
        <v>6</v>
      </c>
      <c r="EH21" s="231"/>
      <c r="EI21" s="61">
        <v>2</v>
      </c>
      <c r="EJ21" s="61">
        <v>0</v>
      </c>
      <c r="EK21" s="61">
        <v>0</v>
      </c>
      <c r="EL21" s="61">
        <v>0</v>
      </c>
      <c r="EM21" s="61">
        <v>0</v>
      </c>
      <c r="EN21" s="62">
        <v>2</v>
      </c>
      <c r="EO21" s="63">
        <v>8</v>
      </c>
      <c r="EP21" s="60">
        <v>4</v>
      </c>
      <c r="EQ21" s="61">
        <v>7</v>
      </c>
      <c r="ER21" s="62">
        <v>11</v>
      </c>
      <c r="ES21" s="231"/>
      <c r="ET21" s="61">
        <v>4</v>
      </c>
      <c r="EU21" s="61">
        <v>1</v>
      </c>
      <c r="EV21" s="61">
        <v>2</v>
      </c>
      <c r="EW21" s="61">
        <v>0</v>
      </c>
      <c r="EX21" s="61">
        <v>0</v>
      </c>
      <c r="EY21" s="62">
        <v>7</v>
      </c>
      <c r="EZ21" s="63">
        <v>18</v>
      </c>
      <c r="FA21" s="60">
        <v>2</v>
      </c>
      <c r="FB21" s="61">
        <v>1</v>
      </c>
      <c r="FC21" s="62">
        <v>3</v>
      </c>
      <c r="FD21" s="231"/>
      <c r="FE21" s="61">
        <v>7</v>
      </c>
      <c r="FF21" s="61">
        <v>6</v>
      </c>
      <c r="FG21" s="61">
        <v>2</v>
      </c>
      <c r="FH21" s="61">
        <v>2</v>
      </c>
      <c r="FI21" s="61">
        <v>1</v>
      </c>
      <c r="FJ21" s="62">
        <v>18</v>
      </c>
      <c r="FK21" s="63">
        <v>21</v>
      </c>
      <c r="FL21" s="60">
        <v>3</v>
      </c>
      <c r="FM21" s="61">
        <v>2</v>
      </c>
      <c r="FN21" s="62">
        <v>5</v>
      </c>
      <c r="FO21" s="231"/>
      <c r="FP21" s="61">
        <v>6</v>
      </c>
      <c r="FQ21" s="61">
        <v>4</v>
      </c>
      <c r="FR21" s="61">
        <v>3</v>
      </c>
      <c r="FS21" s="61">
        <v>3</v>
      </c>
      <c r="FT21" s="61">
        <v>2</v>
      </c>
      <c r="FU21" s="62">
        <v>18</v>
      </c>
      <c r="FV21" s="63">
        <v>23</v>
      </c>
      <c r="FW21" s="60">
        <v>0</v>
      </c>
      <c r="FX21" s="61">
        <v>0</v>
      </c>
      <c r="FY21" s="62">
        <v>0</v>
      </c>
      <c r="FZ21" s="231"/>
      <c r="GA21" s="61">
        <v>0</v>
      </c>
      <c r="GB21" s="61">
        <v>0</v>
      </c>
      <c r="GC21" s="61">
        <v>0</v>
      </c>
      <c r="GD21" s="61">
        <v>0</v>
      </c>
      <c r="GE21" s="61">
        <v>0</v>
      </c>
      <c r="GF21" s="62">
        <v>0</v>
      </c>
      <c r="GG21" s="63">
        <v>0</v>
      </c>
      <c r="GH21" s="60">
        <v>11</v>
      </c>
      <c r="GI21" s="61">
        <v>18</v>
      </c>
      <c r="GJ21" s="62">
        <v>29</v>
      </c>
      <c r="GK21" s="231"/>
      <c r="GL21" s="61">
        <v>19</v>
      </c>
      <c r="GM21" s="61">
        <v>13</v>
      </c>
      <c r="GN21" s="61">
        <v>8</v>
      </c>
      <c r="GO21" s="61">
        <v>5</v>
      </c>
      <c r="GP21" s="61">
        <v>4</v>
      </c>
      <c r="GQ21" s="62">
        <v>49</v>
      </c>
      <c r="GR21" s="63">
        <v>78</v>
      </c>
      <c r="GS21" s="113">
        <v>76</v>
      </c>
      <c r="GT21" s="72">
        <v>101</v>
      </c>
      <c r="GU21" s="73">
        <v>177</v>
      </c>
      <c r="GV21" s="228"/>
      <c r="GW21" s="72">
        <v>184</v>
      </c>
      <c r="GX21" s="72">
        <v>129</v>
      </c>
      <c r="GY21" s="72">
        <v>85</v>
      </c>
      <c r="GZ21" s="72">
        <v>68</v>
      </c>
      <c r="HA21" s="72">
        <v>39</v>
      </c>
      <c r="HB21" s="74">
        <v>505</v>
      </c>
      <c r="HC21" s="75">
        <v>682</v>
      </c>
      <c r="HD21" s="60">
        <v>1</v>
      </c>
      <c r="HE21" s="61">
        <v>1</v>
      </c>
      <c r="HF21" s="62">
        <v>2</v>
      </c>
      <c r="HG21" s="231"/>
      <c r="HH21" s="61">
        <v>5</v>
      </c>
      <c r="HI21" s="61">
        <v>1</v>
      </c>
      <c r="HJ21" s="61">
        <v>2</v>
      </c>
      <c r="HK21" s="61">
        <v>3</v>
      </c>
      <c r="HL21" s="61">
        <v>3</v>
      </c>
      <c r="HM21" s="62">
        <v>14</v>
      </c>
      <c r="HN21" s="63">
        <v>16</v>
      </c>
      <c r="HO21" s="60">
        <v>2</v>
      </c>
      <c r="HP21" s="61">
        <v>6</v>
      </c>
      <c r="HQ21" s="62">
        <v>8</v>
      </c>
      <c r="HR21" s="231"/>
      <c r="HS21" s="61">
        <v>9</v>
      </c>
      <c r="HT21" s="61">
        <v>9</v>
      </c>
      <c r="HU21" s="61">
        <v>5</v>
      </c>
      <c r="HV21" s="61">
        <v>6</v>
      </c>
      <c r="HW21" s="61">
        <v>3</v>
      </c>
      <c r="HX21" s="62">
        <v>32</v>
      </c>
      <c r="HY21" s="63">
        <v>40</v>
      </c>
      <c r="HZ21" s="60">
        <v>10</v>
      </c>
      <c r="IA21" s="61">
        <v>13</v>
      </c>
      <c r="IB21" s="62">
        <v>23</v>
      </c>
      <c r="IC21" s="231"/>
      <c r="ID21" s="61">
        <v>13</v>
      </c>
      <c r="IE21" s="61">
        <v>5</v>
      </c>
      <c r="IF21" s="61">
        <v>4</v>
      </c>
      <c r="IG21" s="61">
        <v>3</v>
      </c>
      <c r="IH21" s="61">
        <v>2</v>
      </c>
      <c r="II21" s="62">
        <v>27</v>
      </c>
      <c r="IJ21" s="63">
        <v>50</v>
      </c>
      <c r="IK21" s="60">
        <v>20</v>
      </c>
      <c r="IL21" s="61">
        <v>17</v>
      </c>
      <c r="IM21" s="62">
        <v>37</v>
      </c>
      <c r="IN21" s="231"/>
      <c r="IO21" s="61">
        <v>28</v>
      </c>
      <c r="IP21" s="61">
        <v>28</v>
      </c>
      <c r="IQ21" s="61">
        <v>12</v>
      </c>
      <c r="IR21" s="61">
        <v>11</v>
      </c>
      <c r="IS21" s="61">
        <v>9</v>
      </c>
      <c r="IT21" s="62">
        <v>88</v>
      </c>
      <c r="IU21" s="63">
        <v>125</v>
      </c>
      <c r="IV21" s="60">
        <v>22</v>
      </c>
      <c r="IW21" s="61">
        <v>34</v>
      </c>
      <c r="IX21" s="62">
        <v>56</v>
      </c>
      <c r="IY21" s="231"/>
      <c r="IZ21" s="61">
        <v>66</v>
      </c>
      <c r="JA21" s="61">
        <v>42</v>
      </c>
      <c r="JB21" s="61">
        <v>29</v>
      </c>
      <c r="JC21" s="61">
        <v>22</v>
      </c>
      <c r="JD21" s="61">
        <v>11</v>
      </c>
      <c r="JE21" s="62">
        <v>170</v>
      </c>
      <c r="JF21" s="63">
        <v>226</v>
      </c>
      <c r="JG21" s="60">
        <v>21</v>
      </c>
      <c r="JH21" s="61">
        <v>30</v>
      </c>
      <c r="JI21" s="62">
        <v>51</v>
      </c>
      <c r="JJ21" s="231"/>
      <c r="JK21" s="61">
        <v>63</v>
      </c>
      <c r="JL21" s="61">
        <v>44</v>
      </c>
      <c r="JM21" s="61">
        <v>33</v>
      </c>
      <c r="JN21" s="61">
        <v>23</v>
      </c>
      <c r="JO21" s="61">
        <v>11</v>
      </c>
      <c r="JP21" s="62">
        <v>174</v>
      </c>
      <c r="JQ21" s="63">
        <v>225</v>
      </c>
      <c r="JR21" s="60">
        <v>0</v>
      </c>
      <c r="JS21" s="61">
        <v>0</v>
      </c>
      <c r="JT21" s="62">
        <v>0</v>
      </c>
      <c r="JU21" s="231"/>
      <c r="JV21" s="61">
        <v>0</v>
      </c>
      <c r="JW21" s="61">
        <v>0</v>
      </c>
      <c r="JX21" s="61">
        <v>0</v>
      </c>
      <c r="JY21" s="61">
        <v>0</v>
      </c>
      <c r="JZ21" s="61">
        <v>0</v>
      </c>
      <c r="KA21" s="62">
        <v>0</v>
      </c>
      <c r="KB21" s="63">
        <v>0</v>
      </c>
      <c r="KC21" s="60">
        <v>76</v>
      </c>
      <c r="KD21" s="61">
        <v>101</v>
      </c>
      <c r="KE21" s="62">
        <v>177</v>
      </c>
      <c r="KF21" s="231"/>
      <c r="KG21" s="61">
        <v>184</v>
      </c>
      <c r="KH21" s="61">
        <v>129</v>
      </c>
      <c r="KI21" s="61">
        <v>85</v>
      </c>
      <c r="KJ21" s="61">
        <v>68</v>
      </c>
      <c r="KK21" s="61">
        <v>39</v>
      </c>
      <c r="KL21" s="62">
        <v>505</v>
      </c>
      <c r="KM21" s="63">
        <v>682</v>
      </c>
    </row>
    <row r="22" spans="2:299" ht="21" customHeight="1" x14ac:dyDescent="0.2">
      <c r="B22" s="468" t="s">
        <v>19</v>
      </c>
      <c r="C22" s="291">
        <v>42</v>
      </c>
      <c r="D22" s="72">
        <v>32</v>
      </c>
      <c r="E22" s="73">
        <v>74</v>
      </c>
      <c r="F22" s="228"/>
      <c r="G22" s="72">
        <v>72</v>
      </c>
      <c r="H22" s="72">
        <v>43</v>
      </c>
      <c r="I22" s="72">
        <v>28</v>
      </c>
      <c r="J22" s="72">
        <v>18</v>
      </c>
      <c r="K22" s="72">
        <v>23</v>
      </c>
      <c r="L22" s="74">
        <v>184</v>
      </c>
      <c r="M22" s="75">
        <v>258</v>
      </c>
      <c r="N22" s="76">
        <v>0</v>
      </c>
      <c r="O22" s="61">
        <v>2</v>
      </c>
      <c r="P22" s="62">
        <v>2</v>
      </c>
      <c r="Q22" s="231"/>
      <c r="R22" s="61">
        <v>1</v>
      </c>
      <c r="S22" s="61">
        <v>1</v>
      </c>
      <c r="T22" s="61">
        <v>1</v>
      </c>
      <c r="U22" s="61">
        <v>0</v>
      </c>
      <c r="V22" s="61">
        <v>0</v>
      </c>
      <c r="W22" s="62">
        <v>3</v>
      </c>
      <c r="X22" s="63">
        <v>5</v>
      </c>
      <c r="Y22" s="60">
        <v>0</v>
      </c>
      <c r="Z22" s="61">
        <v>0</v>
      </c>
      <c r="AA22" s="62">
        <v>0</v>
      </c>
      <c r="AB22" s="231"/>
      <c r="AC22" s="61">
        <v>3</v>
      </c>
      <c r="AD22" s="61">
        <v>3</v>
      </c>
      <c r="AE22" s="61">
        <v>0</v>
      </c>
      <c r="AF22" s="61">
        <v>1</v>
      </c>
      <c r="AG22" s="61">
        <v>0</v>
      </c>
      <c r="AH22" s="62">
        <v>7</v>
      </c>
      <c r="AI22" s="63">
        <v>7</v>
      </c>
      <c r="AJ22" s="76">
        <v>2</v>
      </c>
      <c r="AK22" s="61">
        <v>2</v>
      </c>
      <c r="AL22" s="62">
        <v>4</v>
      </c>
      <c r="AM22" s="231"/>
      <c r="AN22" s="61">
        <v>7</v>
      </c>
      <c r="AO22" s="61">
        <v>2</v>
      </c>
      <c r="AP22" s="61">
        <v>1</v>
      </c>
      <c r="AQ22" s="61">
        <v>0</v>
      </c>
      <c r="AR22" s="61">
        <v>1</v>
      </c>
      <c r="AS22" s="62">
        <v>11</v>
      </c>
      <c r="AT22" s="63">
        <v>15</v>
      </c>
      <c r="AU22" s="60">
        <v>10</v>
      </c>
      <c r="AV22" s="61">
        <v>6</v>
      </c>
      <c r="AW22" s="62">
        <v>16</v>
      </c>
      <c r="AX22" s="231"/>
      <c r="AY22" s="61">
        <v>10</v>
      </c>
      <c r="AZ22" s="61">
        <v>4</v>
      </c>
      <c r="BA22" s="61">
        <v>7</v>
      </c>
      <c r="BB22" s="61">
        <v>4</v>
      </c>
      <c r="BC22" s="61">
        <v>6</v>
      </c>
      <c r="BD22" s="62">
        <v>31</v>
      </c>
      <c r="BE22" s="63">
        <v>47</v>
      </c>
      <c r="BF22" s="76">
        <v>14</v>
      </c>
      <c r="BG22" s="61">
        <v>12</v>
      </c>
      <c r="BH22" s="62">
        <v>26</v>
      </c>
      <c r="BI22" s="231"/>
      <c r="BJ22" s="61">
        <v>32</v>
      </c>
      <c r="BK22" s="61">
        <v>9</v>
      </c>
      <c r="BL22" s="61">
        <v>9</v>
      </c>
      <c r="BM22" s="61">
        <v>10</v>
      </c>
      <c r="BN22" s="61">
        <v>13</v>
      </c>
      <c r="BO22" s="62">
        <v>73</v>
      </c>
      <c r="BP22" s="63">
        <v>99</v>
      </c>
      <c r="BQ22" s="60">
        <v>16</v>
      </c>
      <c r="BR22" s="61">
        <v>10</v>
      </c>
      <c r="BS22" s="62">
        <v>26</v>
      </c>
      <c r="BT22" s="231"/>
      <c r="BU22" s="61">
        <v>19</v>
      </c>
      <c r="BV22" s="61">
        <v>24</v>
      </c>
      <c r="BW22" s="61">
        <v>10</v>
      </c>
      <c r="BX22" s="61">
        <v>3</v>
      </c>
      <c r="BY22" s="61">
        <v>3</v>
      </c>
      <c r="BZ22" s="62">
        <v>59</v>
      </c>
      <c r="CA22" s="63">
        <v>85</v>
      </c>
      <c r="CB22" s="60">
        <v>0</v>
      </c>
      <c r="CC22" s="61">
        <v>0</v>
      </c>
      <c r="CD22" s="62">
        <v>0</v>
      </c>
      <c r="CE22" s="231"/>
      <c r="CF22" s="61">
        <v>0</v>
      </c>
      <c r="CG22" s="61">
        <v>0</v>
      </c>
      <c r="CH22" s="61">
        <v>0</v>
      </c>
      <c r="CI22" s="61">
        <v>0</v>
      </c>
      <c r="CJ22" s="61">
        <v>0</v>
      </c>
      <c r="CK22" s="62">
        <v>0</v>
      </c>
      <c r="CL22" s="63">
        <v>0</v>
      </c>
      <c r="CM22" s="60">
        <v>42</v>
      </c>
      <c r="CN22" s="61">
        <v>32</v>
      </c>
      <c r="CO22" s="62">
        <v>74</v>
      </c>
      <c r="CP22" s="231"/>
      <c r="CQ22" s="61">
        <v>72</v>
      </c>
      <c r="CR22" s="61">
        <v>43</v>
      </c>
      <c r="CS22" s="61">
        <v>28</v>
      </c>
      <c r="CT22" s="61">
        <v>18</v>
      </c>
      <c r="CU22" s="61">
        <v>23</v>
      </c>
      <c r="CV22" s="62">
        <v>184</v>
      </c>
      <c r="CW22" s="63">
        <v>258</v>
      </c>
      <c r="CX22" s="113">
        <v>3</v>
      </c>
      <c r="CY22" s="72">
        <v>6</v>
      </c>
      <c r="CZ22" s="73">
        <v>9</v>
      </c>
      <c r="DA22" s="228"/>
      <c r="DB22" s="72">
        <v>12</v>
      </c>
      <c r="DC22" s="72">
        <v>6</v>
      </c>
      <c r="DD22" s="72">
        <v>5</v>
      </c>
      <c r="DE22" s="72">
        <v>4</v>
      </c>
      <c r="DF22" s="72">
        <v>5</v>
      </c>
      <c r="DG22" s="74">
        <v>32</v>
      </c>
      <c r="DH22" s="75">
        <v>41</v>
      </c>
      <c r="DI22" s="76">
        <v>1</v>
      </c>
      <c r="DJ22" s="61">
        <v>0</v>
      </c>
      <c r="DK22" s="62">
        <v>1</v>
      </c>
      <c r="DL22" s="231"/>
      <c r="DM22" s="61">
        <v>0</v>
      </c>
      <c r="DN22" s="61">
        <v>1</v>
      </c>
      <c r="DO22" s="61">
        <v>0</v>
      </c>
      <c r="DP22" s="61">
        <v>0</v>
      </c>
      <c r="DQ22" s="61">
        <v>0</v>
      </c>
      <c r="DR22" s="62">
        <v>1</v>
      </c>
      <c r="DS22" s="63">
        <v>2</v>
      </c>
      <c r="DT22" s="60">
        <v>0</v>
      </c>
      <c r="DU22" s="61">
        <v>0</v>
      </c>
      <c r="DV22" s="62">
        <v>0</v>
      </c>
      <c r="DW22" s="231"/>
      <c r="DX22" s="61">
        <v>0</v>
      </c>
      <c r="DY22" s="61">
        <v>0</v>
      </c>
      <c r="DZ22" s="61">
        <v>0</v>
      </c>
      <c r="EA22" s="61">
        <v>0</v>
      </c>
      <c r="EB22" s="61">
        <v>0</v>
      </c>
      <c r="EC22" s="62">
        <v>0</v>
      </c>
      <c r="ED22" s="63">
        <v>0</v>
      </c>
      <c r="EE22" s="76">
        <v>0</v>
      </c>
      <c r="EF22" s="61">
        <v>1</v>
      </c>
      <c r="EG22" s="62">
        <v>1</v>
      </c>
      <c r="EH22" s="231"/>
      <c r="EI22" s="61">
        <v>0</v>
      </c>
      <c r="EJ22" s="61">
        <v>0</v>
      </c>
      <c r="EK22" s="61">
        <v>0</v>
      </c>
      <c r="EL22" s="61">
        <v>1</v>
      </c>
      <c r="EM22" s="61">
        <v>0</v>
      </c>
      <c r="EN22" s="62">
        <v>1</v>
      </c>
      <c r="EO22" s="63">
        <v>2</v>
      </c>
      <c r="EP22" s="60">
        <v>2</v>
      </c>
      <c r="EQ22" s="61">
        <v>3</v>
      </c>
      <c r="ER22" s="62">
        <v>5</v>
      </c>
      <c r="ES22" s="231"/>
      <c r="ET22" s="61">
        <v>4</v>
      </c>
      <c r="EU22" s="61">
        <v>1</v>
      </c>
      <c r="EV22" s="61">
        <v>1</v>
      </c>
      <c r="EW22" s="61">
        <v>0</v>
      </c>
      <c r="EX22" s="61">
        <v>0</v>
      </c>
      <c r="EY22" s="62">
        <v>6</v>
      </c>
      <c r="EZ22" s="63">
        <v>11</v>
      </c>
      <c r="FA22" s="76">
        <v>0</v>
      </c>
      <c r="FB22" s="61">
        <v>1</v>
      </c>
      <c r="FC22" s="62">
        <v>1</v>
      </c>
      <c r="FD22" s="231"/>
      <c r="FE22" s="61">
        <v>4</v>
      </c>
      <c r="FF22" s="61">
        <v>2</v>
      </c>
      <c r="FG22" s="61">
        <v>1</v>
      </c>
      <c r="FH22" s="61">
        <v>2</v>
      </c>
      <c r="FI22" s="61">
        <v>1</v>
      </c>
      <c r="FJ22" s="62">
        <v>10</v>
      </c>
      <c r="FK22" s="63">
        <v>11</v>
      </c>
      <c r="FL22" s="60">
        <v>0</v>
      </c>
      <c r="FM22" s="61">
        <v>1</v>
      </c>
      <c r="FN22" s="62">
        <v>1</v>
      </c>
      <c r="FO22" s="231"/>
      <c r="FP22" s="61">
        <v>4</v>
      </c>
      <c r="FQ22" s="61">
        <v>2</v>
      </c>
      <c r="FR22" s="61">
        <v>3</v>
      </c>
      <c r="FS22" s="61">
        <v>1</v>
      </c>
      <c r="FT22" s="61">
        <v>4</v>
      </c>
      <c r="FU22" s="62">
        <v>14</v>
      </c>
      <c r="FV22" s="63">
        <v>15</v>
      </c>
      <c r="FW22" s="60">
        <v>0</v>
      </c>
      <c r="FX22" s="61">
        <v>0</v>
      </c>
      <c r="FY22" s="62">
        <v>0</v>
      </c>
      <c r="FZ22" s="231"/>
      <c r="GA22" s="61">
        <v>0</v>
      </c>
      <c r="GB22" s="61">
        <v>0</v>
      </c>
      <c r="GC22" s="61">
        <v>0</v>
      </c>
      <c r="GD22" s="61">
        <v>0</v>
      </c>
      <c r="GE22" s="61">
        <v>0</v>
      </c>
      <c r="GF22" s="62">
        <v>0</v>
      </c>
      <c r="GG22" s="63">
        <v>0</v>
      </c>
      <c r="GH22" s="60">
        <v>3</v>
      </c>
      <c r="GI22" s="61">
        <v>6</v>
      </c>
      <c r="GJ22" s="62">
        <v>9</v>
      </c>
      <c r="GK22" s="231"/>
      <c r="GL22" s="61">
        <v>12</v>
      </c>
      <c r="GM22" s="61">
        <v>6</v>
      </c>
      <c r="GN22" s="61">
        <v>5</v>
      </c>
      <c r="GO22" s="61">
        <v>4</v>
      </c>
      <c r="GP22" s="61">
        <v>5</v>
      </c>
      <c r="GQ22" s="62">
        <v>32</v>
      </c>
      <c r="GR22" s="63">
        <v>41</v>
      </c>
      <c r="GS22" s="113">
        <v>45</v>
      </c>
      <c r="GT22" s="72">
        <v>38</v>
      </c>
      <c r="GU22" s="73">
        <v>83</v>
      </c>
      <c r="GV22" s="228"/>
      <c r="GW22" s="72">
        <v>84</v>
      </c>
      <c r="GX22" s="72">
        <v>49</v>
      </c>
      <c r="GY22" s="72">
        <v>33</v>
      </c>
      <c r="GZ22" s="72">
        <v>22</v>
      </c>
      <c r="HA22" s="72">
        <v>28</v>
      </c>
      <c r="HB22" s="74">
        <v>216</v>
      </c>
      <c r="HC22" s="75">
        <v>299</v>
      </c>
      <c r="HD22" s="76">
        <v>1</v>
      </c>
      <c r="HE22" s="61">
        <v>2</v>
      </c>
      <c r="HF22" s="62">
        <v>3</v>
      </c>
      <c r="HG22" s="231"/>
      <c r="HH22" s="61">
        <v>1</v>
      </c>
      <c r="HI22" s="61">
        <v>2</v>
      </c>
      <c r="HJ22" s="61">
        <v>1</v>
      </c>
      <c r="HK22" s="61">
        <v>0</v>
      </c>
      <c r="HL22" s="61">
        <v>0</v>
      </c>
      <c r="HM22" s="62">
        <v>4</v>
      </c>
      <c r="HN22" s="63">
        <v>7</v>
      </c>
      <c r="HO22" s="60">
        <v>0</v>
      </c>
      <c r="HP22" s="61">
        <v>0</v>
      </c>
      <c r="HQ22" s="62">
        <v>0</v>
      </c>
      <c r="HR22" s="231"/>
      <c r="HS22" s="61">
        <v>3</v>
      </c>
      <c r="HT22" s="61">
        <v>3</v>
      </c>
      <c r="HU22" s="61">
        <v>0</v>
      </c>
      <c r="HV22" s="61">
        <v>1</v>
      </c>
      <c r="HW22" s="61">
        <v>0</v>
      </c>
      <c r="HX22" s="62">
        <v>7</v>
      </c>
      <c r="HY22" s="63">
        <v>7</v>
      </c>
      <c r="HZ22" s="76">
        <v>2</v>
      </c>
      <c r="IA22" s="61">
        <v>3</v>
      </c>
      <c r="IB22" s="62">
        <v>5</v>
      </c>
      <c r="IC22" s="231"/>
      <c r="ID22" s="61">
        <v>7</v>
      </c>
      <c r="IE22" s="61">
        <v>2</v>
      </c>
      <c r="IF22" s="61">
        <v>1</v>
      </c>
      <c r="IG22" s="61">
        <v>1</v>
      </c>
      <c r="IH22" s="61">
        <v>1</v>
      </c>
      <c r="II22" s="62">
        <v>12</v>
      </c>
      <c r="IJ22" s="63">
        <v>17</v>
      </c>
      <c r="IK22" s="60">
        <v>12</v>
      </c>
      <c r="IL22" s="61">
        <v>9</v>
      </c>
      <c r="IM22" s="62">
        <v>21</v>
      </c>
      <c r="IN22" s="231"/>
      <c r="IO22" s="61">
        <v>14</v>
      </c>
      <c r="IP22" s="61">
        <v>5</v>
      </c>
      <c r="IQ22" s="61">
        <v>8</v>
      </c>
      <c r="IR22" s="61">
        <v>4</v>
      </c>
      <c r="IS22" s="61">
        <v>6</v>
      </c>
      <c r="IT22" s="62">
        <v>37</v>
      </c>
      <c r="IU22" s="63">
        <v>58</v>
      </c>
      <c r="IV22" s="76">
        <v>14</v>
      </c>
      <c r="IW22" s="61">
        <v>13</v>
      </c>
      <c r="IX22" s="62">
        <v>27</v>
      </c>
      <c r="IY22" s="231"/>
      <c r="IZ22" s="61">
        <v>36</v>
      </c>
      <c r="JA22" s="61">
        <v>11</v>
      </c>
      <c r="JB22" s="61">
        <v>10</v>
      </c>
      <c r="JC22" s="61">
        <v>12</v>
      </c>
      <c r="JD22" s="61">
        <v>14</v>
      </c>
      <c r="JE22" s="62">
        <v>83</v>
      </c>
      <c r="JF22" s="63">
        <v>110</v>
      </c>
      <c r="JG22" s="60">
        <v>16</v>
      </c>
      <c r="JH22" s="61">
        <v>11</v>
      </c>
      <c r="JI22" s="62">
        <v>27</v>
      </c>
      <c r="JJ22" s="231"/>
      <c r="JK22" s="61">
        <v>23</v>
      </c>
      <c r="JL22" s="61">
        <v>26</v>
      </c>
      <c r="JM22" s="61">
        <v>13</v>
      </c>
      <c r="JN22" s="61">
        <v>4</v>
      </c>
      <c r="JO22" s="61">
        <v>7</v>
      </c>
      <c r="JP22" s="62">
        <v>73</v>
      </c>
      <c r="JQ22" s="63">
        <v>100</v>
      </c>
      <c r="JR22" s="60">
        <v>0</v>
      </c>
      <c r="JS22" s="61">
        <v>0</v>
      </c>
      <c r="JT22" s="62">
        <v>0</v>
      </c>
      <c r="JU22" s="231"/>
      <c r="JV22" s="61">
        <v>0</v>
      </c>
      <c r="JW22" s="61">
        <v>0</v>
      </c>
      <c r="JX22" s="61">
        <v>0</v>
      </c>
      <c r="JY22" s="61">
        <v>0</v>
      </c>
      <c r="JZ22" s="61">
        <v>0</v>
      </c>
      <c r="KA22" s="62">
        <v>0</v>
      </c>
      <c r="KB22" s="63">
        <v>0</v>
      </c>
      <c r="KC22" s="60">
        <v>45</v>
      </c>
      <c r="KD22" s="61">
        <v>38</v>
      </c>
      <c r="KE22" s="62">
        <v>83</v>
      </c>
      <c r="KF22" s="231"/>
      <c r="KG22" s="61">
        <v>84</v>
      </c>
      <c r="KH22" s="61">
        <v>49</v>
      </c>
      <c r="KI22" s="61">
        <v>33</v>
      </c>
      <c r="KJ22" s="61">
        <v>22</v>
      </c>
      <c r="KK22" s="61">
        <v>28</v>
      </c>
      <c r="KL22" s="62">
        <v>216</v>
      </c>
      <c r="KM22" s="63">
        <v>299</v>
      </c>
    </row>
    <row r="23" spans="2:299" ht="21" customHeight="1" x14ac:dyDescent="0.2">
      <c r="B23" s="468" t="s">
        <v>20</v>
      </c>
      <c r="C23" s="291">
        <v>60</v>
      </c>
      <c r="D23" s="72">
        <v>70</v>
      </c>
      <c r="E23" s="73">
        <v>130</v>
      </c>
      <c r="F23" s="228"/>
      <c r="G23" s="72">
        <v>121</v>
      </c>
      <c r="H23" s="72">
        <v>71</v>
      </c>
      <c r="I23" s="72">
        <v>44</v>
      </c>
      <c r="J23" s="72">
        <v>38</v>
      </c>
      <c r="K23" s="72">
        <v>20</v>
      </c>
      <c r="L23" s="74">
        <v>294</v>
      </c>
      <c r="M23" s="75">
        <v>424</v>
      </c>
      <c r="N23" s="60">
        <v>0</v>
      </c>
      <c r="O23" s="61">
        <v>2</v>
      </c>
      <c r="P23" s="62">
        <v>2</v>
      </c>
      <c r="Q23" s="231"/>
      <c r="R23" s="61">
        <v>0</v>
      </c>
      <c r="S23" s="61">
        <v>1</v>
      </c>
      <c r="T23" s="61">
        <v>3</v>
      </c>
      <c r="U23" s="61">
        <v>0</v>
      </c>
      <c r="V23" s="61">
        <v>0</v>
      </c>
      <c r="W23" s="62">
        <v>4</v>
      </c>
      <c r="X23" s="63">
        <v>6</v>
      </c>
      <c r="Y23" s="60">
        <v>2</v>
      </c>
      <c r="Z23" s="61">
        <v>1</v>
      </c>
      <c r="AA23" s="62">
        <v>3</v>
      </c>
      <c r="AB23" s="231"/>
      <c r="AC23" s="61">
        <v>5</v>
      </c>
      <c r="AD23" s="61">
        <v>3</v>
      </c>
      <c r="AE23" s="61">
        <v>2</v>
      </c>
      <c r="AF23" s="61">
        <v>2</v>
      </c>
      <c r="AG23" s="61">
        <v>0</v>
      </c>
      <c r="AH23" s="62">
        <v>12</v>
      </c>
      <c r="AI23" s="63">
        <v>15</v>
      </c>
      <c r="AJ23" s="60">
        <v>9</v>
      </c>
      <c r="AK23" s="61">
        <v>5</v>
      </c>
      <c r="AL23" s="62">
        <v>14</v>
      </c>
      <c r="AM23" s="231"/>
      <c r="AN23" s="61">
        <v>10</v>
      </c>
      <c r="AO23" s="61">
        <v>4</v>
      </c>
      <c r="AP23" s="61">
        <v>7</v>
      </c>
      <c r="AQ23" s="61">
        <v>5</v>
      </c>
      <c r="AR23" s="61">
        <v>3</v>
      </c>
      <c r="AS23" s="62">
        <v>29</v>
      </c>
      <c r="AT23" s="63">
        <v>43</v>
      </c>
      <c r="AU23" s="60">
        <v>11</v>
      </c>
      <c r="AV23" s="61">
        <v>13</v>
      </c>
      <c r="AW23" s="62">
        <v>24</v>
      </c>
      <c r="AX23" s="231"/>
      <c r="AY23" s="61">
        <v>36</v>
      </c>
      <c r="AZ23" s="61">
        <v>14</v>
      </c>
      <c r="BA23" s="61">
        <v>10</v>
      </c>
      <c r="BB23" s="61">
        <v>12</v>
      </c>
      <c r="BC23" s="61">
        <v>6</v>
      </c>
      <c r="BD23" s="62">
        <v>78</v>
      </c>
      <c r="BE23" s="63">
        <v>102</v>
      </c>
      <c r="BF23" s="60">
        <v>22</v>
      </c>
      <c r="BG23" s="61">
        <v>30</v>
      </c>
      <c r="BH23" s="62">
        <v>52</v>
      </c>
      <c r="BI23" s="231"/>
      <c r="BJ23" s="61">
        <v>38</v>
      </c>
      <c r="BK23" s="61">
        <v>25</v>
      </c>
      <c r="BL23" s="61">
        <v>15</v>
      </c>
      <c r="BM23" s="61">
        <v>9</v>
      </c>
      <c r="BN23" s="61">
        <v>6</v>
      </c>
      <c r="BO23" s="62">
        <v>93</v>
      </c>
      <c r="BP23" s="63">
        <v>145</v>
      </c>
      <c r="BQ23" s="60">
        <v>16</v>
      </c>
      <c r="BR23" s="61">
        <v>19</v>
      </c>
      <c r="BS23" s="62">
        <v>35</v>
      </c>
      <c r="BT23" s="231"/>
      <c r="BU23" s="61">
        <v>32</v>
      </c>
      <c r="BV23" s="61">
        <v>24</v>
      </c>
      <c r="BW23" s="61">
        <v>7</v>
      </c>
      <c r="BX23" s="61">
        <v>10</v>
      </c>
      <c r="BY23" s="61">
        <v>5</v>
      </c>
      <c r="BZ23" s="62">
        <v>78</v>
      </c>
      <c r="CA23" s="63">
        <v>113</v>
      </c>
      <c r="CB23" s="60">
        <v>0</v>
      </c>
      <c r="CC23" s="61">
        <v>0</v>
      </c>
      <c r="CD23" s="62">
        <v>0</v>
      </c>
      <c r="CE23" s="231"/>
      <c r="CF23" s="61">
        <v>0</v>
      </c>
      <c r="CG23" s="61">
        <v>0</v>
      </c>
      <c r="CH23" s="61">
        <v>0</v>
      </c>
      <c r="CI23" s="61">
        <v>0</v>
      </c>
      <c r="CJ23" s="61">
        <v>0</v>
      </c>
      <c r="CK23" s="62">
        <v>0</v>
      </c>
      <c r="CL23" s="63">
        <v>0</v>
      </c>
      <c r="CM23" s="60">
        <v>60</v>
      </c>
      <c r="CN23" s="61">
        <v>70</v>
      </c>
      <c r="CO23" s="62">
        <v>130</v>
      </c>
      <c r="CP23" s="231"/>
      <c r="CQ23" s="61">
        <v>121</v>
      </c>
      <c r="CR23" s="61">
        <v>71</v>
      </c>
      <c r="CS23" s="61">
        <v>44</v>
      </c>
      <c r="CT23" s="61">
        <v>38</v>
      </c>
      <c r="CU23" s="61">
        <v>20</v>
      </c>
      <c r="CV23" s="62">
        <v>294</v>
      </c>
      <c r="CW23" s="63">
        <v>424</v>
      </c>
      <c r="CX23" s="113">
        <v>8</v>
      </c>
      <c r="CY23" s="72">
        <v>11</v>
      </c>
      <c r="CZ23" s="73">
        <v>19</v>
      </c>
      <c r="DA23" s="228"/>
      <c r="DB23" s="72">
        <v>16</v>
      </c>
      <c r="DC23" s="72">
        <v>5</v>
      </c>
      <c r="DD23" s="72">
        <v>3</v>
      </c>
      <c r="DE23" s="72">
        <v>6</v>
      </c>
      <c r="DF23" s="72">
        <v>2</v>
      </c>
      <c r="DG23" s="74">
        <v>32</v>
      </c>
      <c r="DH23" s="75">
        <v>51</v>
      </c>
      <c r="DI23" s="60">
        <v>0</v>
      </c>
      <c r="DJ23" s="61">
        <v>0</v>
      </c>
      <c r="DK23" s="62">
        <v>0</v>
      </c>
      <c r="DL23" s="231"/>
      <c r="DM23" s="61">
        <v>1</v>
      </c>
      <c r="DN23" s="61">
        <v>0</v>
      </c>
      <c r="DO23" s="61">
        <v>0</v>
      </c>
      <c r="DP23" s="61">
        <v>0</v>
      </c>
      <c r="DQ23" s="61">
        <v>0</v>
      </c>
      <c r="DR23" s="62">
        <v>1</v>
      </c>
      <c r="DS23" s="63">
        <v>1</v>
      </c>
      <c r="DT23" s="60">
        <v>1</v>
      </c>
      <c r="DU23" s="61">
        <v>1</v>
      </c>
      <c r="DV23" s="62">
        <v>2</v>
      </c>
      <c r="DW23" s="231"/>
      <c r="DX23" s="61">
        <v>0</v>
      </c>
      <c r="DY23" s="61">
        <v>1</v>
      </c>
      <c r="DZ23" s="61">
        <v>0</v>
      </c>
      <c r="EA23" s="61">
        <v>0</v>
      </c>
      <c r="EB23" s="61">
        <v>0</v>
      </c>
      <c r="EC23" s="62">
        <v>1</v>
      </c>
      <c r="ED23" s="63">
        <v>3</v>
      </c>
      <c r="EE23" s="60">
        <v>3</v>
      </c>
      <c r="EF23" s="61">
        <v>1</v>
      </c>
      <c r="EG23" s="62">
        <v>4</v>
      </c>
      <c r="EH23" s="231"/>
      <c r="EI23" s="61">
        <v>2</v>
      </c>
      <c r="EJ23" s="61">
        <v>1</v>
      </c>
      <c r="EK23" s="61">
        <v>0</v>
      </c>
      <c r="EL23" s="61">
        <v>0</v>
      </c>
      <c r="EM23" s="61">
        <v>1</v>
      </c>
      <c r="EN23" s="62">
        <v>4</v>
      </c>
      <c r="EO23" s="63">
        <v>8</v>
      </c>
      <c r="EP23" s="60">
        <v>4</v>
      </c>
      <c r="EQ23" s="61">
        <v>2</v>
      </c>
      <c r="ER23" s="62">
        <v>6</v>
      </c>
      <c r="ES23" s="231"/>
      <c r="ET23" s="61">
        <v>4</v>
      </c>
      <c r="EU23" s="61">
        <v>0</v>
      </c>
      <c r="EV23" s="61">
        <v>1</v>
      </c>
      <c r="EW23" s="61">
        <v>1</v>
      </c>
      <c r="EX23" s="61">
        <v>1</v>
      </c>
      <c r="EY23" s="62">
        <v>7</v>
      </c>
      <c r="EZ23" s="63">
        <v>13</v>
      </c>
      <c r="FA23" s="60">
        <v>0</v>
      </c>
      <c r="FB23" s="61">
        <v>5</v>
      </c>
      <c r="FC23" s="62">
        <v>5</v>
      </c>
      <c r="FD23" s="231"/>
      <c r="FE23" s="61">
        <v>2</v>
      </c>
      <c r="FF23" s="61">
        <v>0</v>
      </c>
      <c r="FG23" s="61">
        <v>0</v>
      </c>
      <c r="FH23" s="61">
        <v>2</v>
      </c>
      <c r="FI23" s="61">
        <v>0</v>
      </c>
      <c r="FJ23" s="62">
        <v>4</v>
      </c>
      <c r="FK23" s="63">
        <v>9</v>
      </c>
      <c r="FL23" s="60">
        <v>0</v>
      </c>
      <c r="FM23" s="61">
        <v>2</v>
      </c>
      <c r="FN23" s="62">
        <v>2</v>
      </c>
      <c r="FO23" s="231"/>
      <c r="FP23" s="61">
        <v>7</v>
      </c>
      <c r="FQ23" s="61">
        <v>3</v>
      </c>
      <c r="FR23" s="61">
        <v>2</v>
      </c>
      <c r="FS23" s="61">
        <v>3</v>
      </c>
      <c r="FT23" s="61">
        <v>0</v>
      </c>
      <c r="FU23" s="62">
        <v>15</v>
      </c>
      <c r="FV23" s="63">
        <v>17</v>
      </c>
      <c r="FW23" s="60">
        <v>0</v>
      </c>
      <c r="FX23" s="61">
        <v>0</v>
      </c>
      <c r="FY23" s="62">
        <v>0</v>
      </c>
      <c r="FZ23" s="231"/>
      <c r="GA23" s="61">
        <v>0</v>
      </c>
      <c r="GB23" s="61">
        <v>0</v>
      </c>
      <c r="GC23" s="61">
        <v>0</v>
      </c>
      <c r="GD23" s="61">
        <v>0</v>
      </c>
      <c r="GE23" s="61">
        <v>0</v>
      </c>
      <c r="GF23" s="62">
        <v>0</v>
      </c>
      <c r="GG23" s="63">
        <v>0</v>
      </c>
      <c r="GH23" s="60">
        <v>8</v>
      </c>
      <c r="GI23" s="61">
        <v>11</v>
      </c>
      <c r="GJ23" s="62">
        <v>19</v>
      </c>
      <c r="GK23" s="231"/>
      <c r="GL23" s="61">
        <v>16</v>
      </c>
      <c r="GM23" s="61">
        <v>5</v>
      </c>
      <c r="GN23" s="61">
        <v>3</v>
      </c>
      <c r="GO23" s="61">
        <v>6</v>
      </c>
      <c r="GP23" s="61">
        <v>2</v>
      </c>
      <c r="GQ23" s="62">
        <v>32</v>
      </c>
      <c r="GR23" s="63">
        <v>51</v>
      </c>
      <c r="GS23" s="113">
        <v>68</v>
      </c>
      <c r="GT23" s="72">
        <v>81</v>
      </c>
      <c r="GU23" s="73">
        <v>149</v>
      </c>
      <c r="GV23" s="228"/>
      <c r="GW23" s="72">
        <v>137</v>
      </c>
      <c r="GX23" s="72">
        <v>76</v>
      </c>
      <c r="GY23" s="72">
        <v>47</v>
      </c>
      <c r="GZ23" s="72">
        <v>44</v>
      </c>
      <c r="HA23" s="72">
        <v>22</v>
      </c>
      <c r="HB23" s="74">
        <v>326</v>
      </c>
      <c r="HC23" s="75">
        <v>475</v>
      </c>
      <c r="HD23" s="60">
        <v>0</v>
      </c>
      <c r="HE23" s="61">
        <v>2</v>
      </c>
      <c r="HF23" s="62">
        <v>2</v>
      </c>
      <c r="HG23" s="231"/>
      <c r="HH23" s="61">
        <v>1</v>
      </c>
      <c r="HI23" s="61">
        <v>1</v>
      </c>
      <c r="HJ23" s="61">
        <v>3</v>
      </c>
      <c r="HK23" s="61">
        <v>0</v>
      </c>
      <c r="HL23" s="61">
        <v>0</v>
      </c>
      <c r="HM23" s="62">
        <v>5</v>
      </c>
      <c r="HN23" s="63">
        <v>7</v>
      </c>
      <c r="HO23" s="60">
        <v>3</v>
      </c>
      <c r="HP23" s="61">
        <v>2</v>
      </c>
      <c r="HQ23" s="62">
        <v>5</v>
      </c>
      <c r="HR23" s="231"/>
      <c r="HS23" s="61">
        <v>5</v>
      </c>
      <c r="HT23" s="61">
        <v>4</v>
      </c>
      <c r="HU23" s="61">
        <v>2</v>
      </c>
      <c r="HV23" s="61">
        <v>2</v>
      </c>
      <c r="HW23" s="61">
        <v>0</v>
      </c>
      <c r="HX23" s="62">
        <v>13</v>
      </c>
      <c r="HY23" s="63">
        <v>18</v>
      </c>
      <c r="HZ23" s="60">
        <v>12</v>
      </c>
      <c r="IA23" s="61">
        <v>6</v>
      </c>
      <c r="IB23" s="62">
        <v>18</v>
      </c>
      <c r="IC23" s="231"/>
      <c r="ID23" s="61">
        <v>12</v>
      </c>
      <c r="IE23" s="61">
        <v>5</v>
      </c>
      <c r="IF23" s="61">
        <v>7</v>
      </c>
      <c r="IG23" s="61">
        <v>5</v>
      </c>
      <c r="IH23" s="61">
        <v>4</v>
      </c>
      <c r="II23" s="62">
        <v>33</v>
      </c>
      <c r="IJ23" s="63">
        <v>51</v>
      </c>
      <c r="IK23" s="60">
        <v>15</v>
      </c>
      <c r="IL23" s="61">
        <v>15</v>
      </c>
      <c r="IM23" s="62">
        <v>30</v>
      </c>
      <c r="IN23" s="231"/>
      <c r="IO23" s="61">
        <v>40</v>
      </c>
      <c r="IP23" s="61">
        <v>14</v>
      </c>
      <c r="IQ23" s="61">
        <v>11</v>
      </c>
      <c r="IR23" s="61">
        <v>13</v>
      </c>
      <c r="IS23" s="61">
        <v>7</v>
      </c>
      <c r="IT23" s="62">
        <v>85</v>
      </c>
      <c r="IU23" s="63">
        <v>115</v>
      </c>
      <c r="IV23" s="60">
        <v>22</v>
      </c>
      <c r="IW23" s="61">
        <v>35</v>
      </c>
      <c r="IX23" s="62">
        <v>57</v>
      </c>
      <c r="IY23" s="231"/>
      <c r="IZ23" s="61">
        <v>40</v>
      </c>
      <c r="JA23" s="61">
        <v>25</v>
      </c>
      <c r="JB23" s="61">
        <v>15</v>
      </c>
      <c r="JC23" s="61">
        <v>11</v>
      </c>
      <c r="JD23" s="61">
        <v>6</v>
      </c>
      <c r="JE23" s="62">
        <v>97</v>
      </c>
      <c r="JF23" s="63">
        <v>154</v>
      </c>
      <c r="JG23" s="60">
        <v>16</v>
      </c>
      <c r="JH23" s="61">
        <v>21</v>
      </c>
      <c r="JI23" s="62">
        <v>37</v>
      </c>
      <c r="JJ23" s="231"/>
      <c r="JK23" s="61">
        <v>39</v>
      </c>
      <c r="JL23" s="61">
        <v>27</v>
      </c>
      <c r="JM23" s="61">
        <v>9</v>
      </c>
      <c r="JN23" s="61">
        <v>13</v>
      </c>
      <c r="JO23" s="61">
        <v>5</v>
      </c>
      <c r="JP23" s="62">
        <v>93</v>
      </c>
      <c r="JQ23" s="63">
        <v>130</v>
      </c>
      <c r="JR23" s="60">
        <v>0</v>
      </c>
      <c r="JS23" s="61">
        <v>0</v>
      </c>
      <c r="JT23" s="62">
        <v>0</v>
      </c>
      <c r="JU23" s="231"/>
      <c r="JV23" s="61">
        <v>0</v>
      </c>
      <c r="JW23" s="61">
        <v>0</v>
      </c>
      <c r="JX23" s="61">
        <v>0</v>
      </c>
      <c r="JY23" s="61">
        <v>0</v>
      </c>
      <c r="JZ23" s="61">
        <v>0</v>
      </c>
      <c r="KA23" s="62">
        <v>0</v>
      </c>
      <c r="KB23" s="63">
        <v>0</v>
      </c>
      <c r="KC23" s="60">
        <v>68</v>
      </c>
      <c r="KD23" s="61">
        <v>81</v>
      </c>
      <c r="KE23" s="62">
        <v>149</v>
      </c>
      <c r="KF23" s="231"/>
      <c r="KG23" s="61">
        <v>137</v>
      </c>
      <c r="KH23" s="61">
        <v>76</v>
      </c>
      <c r="KI23" s="61">
        <v>47</v>
      </c>
      <c r="KJ23" s="61">
        <v>44</v>
      </c>
      <c r="KK23" s="61">
        <v>22</v>
      </c>
      <c r="KL23" s="62">
        <v>326</v>
      </c>
      <c r="KM23" s="63">
        <v>475</v>
      </c>
    </row>
    <row r="24" spans="2:299" ht="21" customHeight="1" x14ac:dyDescent="0.2">
      <c r="B24" s="468" t="s">
        <v>21</v>
      </c>
      <c r="C24" s="291">
        <v>53</v>
      </c>
      <c r="D24" s="72">
        <v>39</v>
      </c>
      <c r="E24" s="73">
        <v>92</v>
      </c>
      <c r="F24" s="228"/>
      <c r="G24" s="72">
        <v>69</v>
      </c>
      <c r="H24" s="72">
        <v>57</v>
      </c>
      <c r="I24" s="72">
        <v>35</v>
      </c>
      <c r="J24" s="72">
        <v>24</v>
      </c>
      <c r="K24" s="72">
        <v>26</v>
      </c>
      <c r="L24" s="74">
        <v>211</v>
      </c>
      <c r="M24" s="75">
        <v>303</v>
      </c>
      <c r="N24" s="60">
        <v>1</v>
      </c>
      <c r="O24" s="61">
        <v>0</v>
      </c>
      <c r="P24" s="62">
        <v>1</v>
      </c>
      <c r="Q24" s="231"/>
      <c r="R24" s="61">
        <v>0</v>
      </c>
      <c r="S24" s="61">
        <v>2</v>
      </c>
      <c r="T24" s="61">
        <v>1</v>
      </c>
      <c r="U24" s="61">
        <v>0</v>
      </c>
      <c r="V24" s="61">
        <v>1</v>
      </c>
      <c r="W24" s="62">
        <v>4</v>
      </c>
      <c r="X24" s="63">
        <v>5</v>
      </c>
      <c r="Y24" s="60">
        <v>1</v>
      </c>
      <c r="Z24" s="61">
        <v>1</v>
      </c>
      <c r="AA24" s="62">
        <v>2</v>
      </c>
      <c r="AB24" s="231"/>
      <c r="AC24" s="61">
        <v>2</v>
      </c>
      <c r="AD24" s="61">
        <v>2</v>
      </c>
      <c r="AE24" s="61">
        <v>3</v>
      </c>
      <c r="AF24" s="61">
        <v>1</v>
      </c>
      <c r="AG24" s="61">
        <v>0</v>
      </c>
      <c r="AH24" s="62">
        <v>8</v>
      </c>
      <c r="AI24" s="63">
        <v>10</v>
      </c>
      <c r="AJ24" s="60">
        <v>6</v>
      </c>
      <c r="AK24" s="61">
        <v>6</v>
      </c>
      <c r="AL24" s="62">
        <v>12</v>
      </c>
      <c r="AM24" s="231"/>
      <c r="AN24" s="61">
        <v>12</v>
      </c>
      <c r="AO24" s="61">
        <v>4</v>
      </c>
      <c r="AP24" s="61">
        <v>4</v>
      </c>
      <c r="AQ24" s="61">
        <v>4</v>
      </c>
      <c r="AR24" s="61">
        <v>3</v>
      </c>
      <c r="AS24" s="62">
        <v>27</v>
      </c>
      <c r="AT24" s="63">
        <v>39</v>
      </c>
      <c r="AU24" s="60">
        <v>13</v>
      </c>
      <c r="AV24" s="61">
        <v>5</v>
      </c>
      <c r="AW24" s="62">
        <v>18</v>
      </c>
      <c r="AX24" s="231"/>
      <c r="AY24" s="61">
        <v>15</v>
      </c>
      <c r="AZ24" s="61">
        <v>18</v>
      </c>
      <c r="BA24" s="61">
        <v>5</v>
      </c>
      <c r="BB24" s="61">
        <v>5</v>
      </c>
      <c r="BC24" s="61">
        <v>5</v>
      </c>
      <c r="BD24" s="62">
        <v>48</v>
      </c>
      <c r="BE24" s="63">
        <v>66</v>
      </c>
      <c r="BF24" s="60">
        <v>19</v>
      </c>
      <c r="BG24" s="61">
        <v>12</v>
      </c>
      <c r="BH24" s="62">
        <v>31</v>
      </c>
      <c r="BI24" s="231"/>
      <c r="BJ24" s="61">
        <v>25</v>
      </c>
      <c r="BK24" s="61">
        <v>11</v>
      </c>
      <c r="BL24" s="61">
        <v>11</v>
      </c>
      <c r="BM24" s="61">
        <v>4</v>
      </c>
      <c r="BN24" s="61">
        <v>9</v>
      </c>
      <c r="BO24" s="62">
        <v>60</v>
      </c>
      <c r="BP24" s="63">
        <v>91</v>
      </c>
      <c r="BQ24" s="60">
        <v>13</v>
      </c>
      <c r="BR24" s="61">
        <v>15</v>
      </c>
      <c r="BS24" s="62">
        <v>28</v>
      </c>
      <c r="BT24" s="231"/>
      <c r="BU24" s="61">
        <v>15</v>
      </c>
      <c r="BV24" s="61">
        <v>20</v>
      </c>
      <c r="BW24" s="61">
        <v>11</v>
      </c>
      <c r="BX24" s="61">
        <v>10</v>
      </c>
      <c r="BY24" s="61">
        <v>8</v>
      </c>
      <c r="BZ24" s="62">
        <v>64</v>
      </c>
      <c r="CA24" s="63">
        <v>92</v>
      </c>
      <c r="CB24" s="60">
        <v>0</v>
      </c>
      <c r="CC24" s="61">
        <v>0</v>
      </c>
      <c r="CD24" s="62">
        <v>0</v>
      </c>
      <c r="CE24" s="231"/>
      <c r="CF24" s="61">
        <v>0</v>
      </c>
      <c r="CG24" s="61">
        <v>0</v>
      </c>
      <c r="CH24" s="61">
        <v>0</v>
      </c>
      <c r="CI24" s="61">
        <v>0</v>
      </c>
      <c r="CJ24" s="61">
        <v>0</v>
      </c>
      <c r="CK24" s="62">
        <v>0</v>
      </c>
      <c r="CL24" s="63">
        <v>0</v>
      </c>
      <c r="CM24" s="60">
        <v>53</v>
      </c>
      <c r="CN24" s="61">
        <v>39</v>
      </c>
      <c r="CO24" s="62">
        <v>92</v>
      </c>
      <c r="CP24" s="231"/>
      <c r="CQ24" s="61">
        <v>69</v>
      </c>
      <c r="CR24" s="61">
        <v>57</v>
      </c>
      <c r="CS24" s="61">
        <v>35</v>
      </c>
      <c r="CT24" s="61">
        <v>24</v>
      </c>
      <c r="CU24" s="61">
        <v>26</v>
      </c>
      <c r="CV24" s="62">
        <v>211</v>
      </c>
      <c r="CW24" s="63">
        <v>303</v>
      </c>
      <c r="CX24" s="113">
        <v>7</v>
      </c>
      <c r="CY24" s="72">
        <v>6</v>
      </c>
      <c r="CZ24" s="73">
        <v>13</v>
      </c>
      <c r="DA24" s="228"/>
      <c r="DB24" s="72">
        <v>11</v>
      </c>
      <c r="DC24" s="72">
        <v>7</v>
      </c>
      <c r="DD24" s="72">
        <v>6</v>
      </c>
      <c r="DE24" s="72">
        <v>7</v>
      </c>
      <c r="DF24" s="72">
        <v>4</v>
      </c>
      <c r="DG24" s="74">
        <v>35</v>
      </c>
      <c r="DH24" s="75">
        <v>48</v>
      </c>
      <c r="DI24" s="60">
        <v>0</v>
      </c>
      <c r="DJ24" s="61">
        <v>0</v>
      </c>
      <c r="DK24" s="62">
        <v>0</v>
      </c>
      <c r="DL24" s="231"/>
      <c r="DM24" s="61">
        <v>2</v>
      </c>
      <c r="DN24" s="61">
        <v>0</v>
      </c>
      <c r="DO24" s="61">
        <v>0</v>
      </c>
      <c r="DP24" s="61">
        <v>0</v>
      </c>
      <c r="DQ24" s="61">
        <v>0</v>
      </c>
      <c r="DR24" s="62">
        <v>2</v>
      </c>
      <c r="DS24" s="63">
        <v>2</v>
      </c>
      <c r="DT24" s="60">
        <v>0</v>
      </c>
      <c r="DU24" s="61">
        <v>0</v>
      </c>
      <c r="DV24" s="62">
        <v>0</v>
      </c>
      <c r="DW24" s="231"/>
      <c r="DX24" s="61">
        <v>0</v>
      </c>
      <c r="DY24" s="61">
        <v>1</v>
      </c>
      <c r="DZ24" s="61">
        <v>0</v>
      </c>
      <c r="EA24" s="61">
        <v>0</v>
      </c>
      <c r="EB24" s="61">
        <v>1</v>
      </c>
      <c r="EC24" s="62">
        <v>2</v>
      </c>
      <c r="ED24" s="63">
        <v>2</v>
      </c>
      <c r="EE24" s="60">
        <v>2</v>
      </c>
      <c r="EF24" s="61">
        <v>2</v>
      </c>
      <c r="EG24" s="62">
        <v>4</v>
      </c>
      <c r="EH24" s="231"/>
      <c r="EI24" s="61">
        <v>0</v>
      </c>
      <c r="EJ24" s="61">
        <v>0</v>
      </c>
      <c r="EK24" s="61">
        <v>0</v>
      </c>
      <c r="EL24" s="61">
        <v>0</v>
      </c>
      <c r="EM24" s="61">
        <v>0</v>
      </c>
      <c r="EN24" s="62">
        <v>0</v>
      </c>
      <c r="EO24" s="63">
        <v>4</v>
      </c>
      <c r="EP24" s="60">
        <v>1</v>
      </c>
      <c r="EQ24" s="61">
        <v>0</v>
      </c>
      <c r="ER24" s="62">
        <v>1</v>
      </c>
      <c r="ES24" s="231"/>
      <c r="ET24" s="61">
        <v>1</v>
      </c>
      <c r="EU24" s="61">
        <v>0</v>
      </c>
      <c r="EV24" s="61">
        <v>2</v>
      </c>
      <c r="EW24" s="61">
        <v>0</v>
      </c>
      <c r="EX24" s="61">
        <v>1</v>
      </c>
      <c r="EY24" s="62">
        <v>4</v>
      </c>
      <c r="EZ24" s="63">
        <v>5</v>
      </c>
      <c r="FA24" s="60">
        <v>3</v>
      </c>
      <c r="FB24" s="61">
        <v>1</v>
      </c>
      <c r="FC24" s="62">
        <v>4</v>
      </c>
      <c r="FD24" s="231"/>
      <c r="FE24" s="61">
        <v>5</v>
      </c>
      <c r="FF24" s="61">
        <v>2</v>
      </c>
      <c r="FG24" s="61">
        <v>1</v>
      </c>
      <c r="FH24" s="61">
        <v>2</v>
      </c>
      <c r="FI24" s="61">
        <v>1</v>
      </c>
      <c r="FJ24" s="62">
        <v>11</v>
      </c>
      <c r="FK24" s="63">
        <v>15</v>
      </c>
      <c r="FL24" s="60">
        <v>1</v>
      </c>
      <c r="FM24" s="61">
        <v>3</v>
      </c>
      <c r="FN24" s="62">
        <v>4</v>
      </c>
      <c r="FO24" s="231"/>
      <c r="FP24" s="61">
        <v>3</v>
      </c>
      <c r="FQ24" s="61">
        <v>4</v>
      </c>
      <c r="FR24" s="61">
        <v>3</v>
      </c>
      <c r="FS24" s="61">
        <v>5</v>
      </c>
      <c r="FT24" s="61">
        <v>1</v>
      </c>
      <c r="FU24" s="62">
        <v>16</v>
      </c>
      <c r="FV24" s="63">
        <v>20</v>
      </c>
      <c r="FW24" s="60">
        <v>0</v>
      </c>
      <c r="FX24" s="61">
        <v>0</v>
      </c>
      <c r="FY24" s="62">
        <v>0</v>
      </c>
      <c r="FZ24" s="231"/>
      <c r="GA24" s="61">
        <v>0</v>
      </c>
      <c r="GB24" s="61">
        <v>0</v>
      </c>
      <c r="GC24" s="61">
        <v>0</v>
      </c>
      <c r="GD24" s="61">
        <v>0</v>
      </c>
      <c r="GE24" s="61">
        <v>0</v>
      </c>
      <c r="GF24" s="62">
        <v>0</v>
      </c>
      <c r="GG24" s="63">
        <v>0</v>
      </c>
      <c r="GH24" s="60">
        <v>7</v>
      </c>
      <c r="GI24" s="61">
        <v>6</v>
      </c>
      <c r="GJ24" s="62">
        <v>13</v>
      </c>
      <c r="GK24" s="231"/>
      <c r="GL24" s="61">
        <v>11</v>
      </c>
      <c r="GM24" s="61">
        <v>7</v>
      </c>
      <c r="GN24" s="61">
        <v>6</v>
      </c>
      <c r="GO24" s="61">
        <v>7</v>
      </c>
      <c r="GP24" s="61">
        <v>4</v>
      </c>
      <c r="GQ24" s="62">
        <v>35</v>
      </c>
      <c r="GR24" s="63">
        <v>48</v>
      </c>
      <c r="GS24" s="113">
        <v>60</v>
      </c>
      <c r="GT24" s="72">
        <v>45</v>
      </c>
      <c r="GU24" s="73">
        <v>105</v>
      </c>
      <c r="GV24" s="228"/>
      <c r="GW24" s="72">
        <v>80</v>
      </c>
      <c r="GX24" s="72">
        <v>64</v>
      </c>
      <c r="GY24" s="72">
        <v>41</v>
      </c>
      <c r="GZ24" s="72">
        <v>31</v>
      </c>
      <c r="HA24" s="72">
        <v>30</v>
      </c>
      <c r="HB24" s="74">
        <v>246</v>
      </c>
      <c r="HC24" s="75">
        <v>351</v>
      </c>
      <c r="HD24" s="60">
        <v>1</v>
      </c>
      <c r="HE24" s="61">
        <v>0</v>
      </c>
      <c r="HF24" s="62">
        <v>1</v>
      </c>
      <c r="HG24" s="231"/>
      <c r="HH24" s="61">
        <v>2</v>
      </c>
      <c r="HI24" s="61">
        <v>2</v>
      </c>
      <c r="HJ24" s="61">
        <v>1</v>
      </c>
      <c r="HK24" s="61">
        <v>0</v>
      </c>
      <c r="HL24" s="61">
        <v>1</v>
      </c>
      <c r="HM24" s="62">
        <v>6</v>
      </c>
      <c r="HN24" s="63">
        <v>7</v>
      </c>
      <c r="HO24" s="60">
        <v>1</v>
      </c>
      <c r="HP24" s="61">
        <v>1</v>
      </c>
      <c r="HQ24" s="62">
        <v>2</v>
      </c>
      <c r="HR24" s="231"/>
      <c r="HS24" s="61">
        <v>2</v>
      </c>
      <c r="HT24" s="61">
        <v>3</v>
      </c>
      <c r="HU24" s="61">
        <v>3</v>
      </c>
      <c r="HV24" s="61">
        <v>1</v>
      </c>
      <c r="HW24" s="61">
        <v>1</v>
      </c>
      <c r="HX24" s="62">
        <v>10</v>
      </c>
      <c r="HY24" s="63">
        <v>12</v>
      </c>
      <c r="HZ24" s="60">
        <v>8</v>
      </c>
      <c r="IA24" s="61">
        <v>8</v>
      </c>
      <c r="IB24" s="62">
        <v>16</v>
      </c>
      <c r="IC24" s="231"/>
      <c r="ID24" s="61">
        <v>12</v>
      </c>
      <c r="IE24" s="61">
        <v>4</v>
      </c>
      <c r="IF24" s="61">
        <v>4</v>
      </c>
      <c r="IG24" s="61">
        <v>4</v>
      </c>
      <c r="IH24" s="61">
        <v>3</v>
      </c>
      <c r="II24" s="62">
        <v>27</v>
      </c>
      <c r="IJ24" s="63">
        <v>43</v>
      </c>
      <c r="IK24" s="60">
        <v>14</v>
      </c>
      <c r="IL24" s="61">
        <v>5</v>
      </c>
      <c r="IM24" s="62">
        <v>19</v>
      </c>
      <c r="IN24" s="231"/>
      <c r="IO24" s="61">
        <v>16</v>
      </c>
      <c r="IP24" s="61">
        <v>18</v>
      </c>
      <c r="IQ24" s="61">
        <v>7</v>
      </c>
      <c r="IR24" s="61">
        <v>5</v>
      </c>
      <c r="IS24" s="61">
        <v>6</v>
      </c>
      <c r="IT24" s="62">
        <v>52</v>
      </c>
      <c r="IU24" s="63">
        <v>71</v>
      </c>
      <c r="IV24" s="60">
        <v>22</v>
      </c>
      <c r="IW24" s="61">
        <v>13</v>
      </c>
      <c r="IX24" s="62">
        <v>35</v>
      </c>
      <c r="IY24" s="231"/>
      <c r="IZ24" s="61">
        <v>30</v>
      </c>
      <c r="JA24" s="61">
        <v>13</v>
      </c>
      <c r="JB24" s="61">
        <v>12</v>
      </c>
      <c r="JC24" s="61">
        <v>6</v>
      </c>
      <c r="JD24" s="61">
        <v>10</v>
      </c>
      <c r="JE24" s="62">
        <v>71</v>
      </c>
      <c r="JF24" s="63">
        <v>106</v>
      </c>
      <c r="JG24" s="60">
        <v>14</v>
      </c>
      <c r="JH24" s="61">
        <v>18</v>
      </c>
      <c r="JI24" s="62">
        <v>32</v>
      </c>
      <c r="JJ24" s="231"/>
      <c r="JK24" s="61">
        <v>18</v>
      </c>
      <c r="JL24" s="61">
        <v>24</v>
      </c>
      <c r="JM24" s="61">
        <v>14</v>
      </c>
      <c r="JN24" s="61">
        <v>15</v>
      </c>
      <c r="JO24" s="61">
        <v>9</v>
      </c>
      <c r="JP24" s="62">
        <v>80</v>
      </c>
      <c r="JQ24" s="63">
        <v>112</v>
      </c>
      <c r="JR24" s="60">
        <v>0</v>
      </c>
      <c r="JS24" s="61">
        <v>0</v>
      </c>
      <c r="JT24" s="62">
        <v>0</v>
      </c>
      <c r="JU24" s="231"/>
      <c r="JV24" s="61">
        <v>0</v>
      </c>
      <c r="JW24" s="61">
        <v>0</v>
      </c>
      <c r="JX24" s="61">
        <v>0</v>
      </c>
      <c r="JY24" s="61">
        <v>0</v>
      </c>
      <c r="JZ24" s="61">
        <v>0</v>
      </c>
      <c r="KA24" s="62">
        <v>0</v>
      </c>
      <c r="KB24" s="63">
        <v>0</v>
      </c>
      <c r="KC24" s="60">
        <v>60</v>
      </c>
      <c r="KD24" s="61">
        <v>45</v>
      </c>
      <c r="KE24" s="62">
        <v>105</v>
      </c>
      <c r="KF24" s="231"/>
      <c r="KG24" s="61">
        <v>80</v>
      </c>
      <c r="KH24" s="61">
        <v>64</v>
      </c>
      <c r="KI24" s="61">
        <v>41</v>
      </c>
      <c r="KJ24" s="61">
        <v>31</v>
      </c>
      <c r="KK24" s="61">
        <v>30</v>
      </c>
      <c r="KL24" s="62">
        <v>246</v>
      </c>
      <c r="KM24" s="63">
        <v>351</v>
      </c>
    </row>
    <row r="25" spans="2:299" ht="21" customHeight="1" x14ac:dyDescent="0.2">
      <c r="B25" s="468" t="s">
        <v>22</v>
      </c>
      <c r="C25" s="291">
        <v>15</v>
      </c>
      <c r="D25" s="72">
        <v>13</v>
      </c>
      <c r="E25" s="73">
        <v>28</v>
      </c>
      <c r="F25" s="228"/>
      <c r="G25" s="72">
        <v>40</v>
      </c>
      <c r="H25" s="72">
        <v>28</v>
      </c>
      <c r="I25" s="72">
        <v>20</v>
      </c>
      <c r="J25" s="72">
        <v>13</v>
      </c>
      <c r="K25" s="72">
        <v>7</v>
      </c>
      <c r="L25" s="74">
        <v>108</v>
      </c>
      <c r="M25" s="75">
        <v>136</v>
      </c>
      <c r="N25" s="60">
        <v>0</v>
      </c>
      <c r="O25" s="61">
        <v>0</v>
      </c>
      <c r="P25" s="62">
        <v>0</v>
      </c>
      <c r="Q25" s="231"/>
      <c r="R25" s="61">
        <v>0</v>
      </c>
      <c r="S25" s="61">
        <v>0</v>
      </c>
      <c r="T25" s="61">
        <v>0</v>
      </c>
      <c r="U25" s="61">
        <v>0</v>
      </c>
      <c r="V25" s="61">
        <v>0</v>
      </c>
      <c r="W25" s="62">
        <v>0</v>
      </c>
      <c r="X25" s="63">
        <v>0</v>
      </c>
      <c r="Y25" s="60">
        <v>0</v>
      </c>
      <c r="Z25" s="61">
        <v>0</v>
      </c>
      <c r="AA25" s="62">
        <v>0</v>
      </c>
      <c r="AB25" s="231"/>
      <c r="AC25" s="61">
        <v>0</v>
      </c>
      <c r="AD25" s="61">
        <v>0</v>
      </c>
      <c r="AE25" s="61">
        <v>0</v>
      </c>
      <c r="AF25" s="61">
        <v>0</v>
      </c>
      <c r="AG25" s="61">
        <v>2</v>
      </c>
      <c r="AH25" s="62">
        <v>2</v>
      </c>
      <c r="AI25" s="63">
        <v>2</v>
      </c>
      <c r="AJ25" s="60">
        <v>0</v>
      </c>
      <c r="AK25" s="61">
        <v>1</v>
      </c>
      <c r="AL25" s="62">
        <v>1</v>
      </c>
      <c r="AM25" s="231"/>
      <c r="AN25" s="61">
        <v>5</v>
      </c>
      <c r="AO25" s="61">
        <v>6</v>
      </c>
      <c r="AP25" s="61">
        <v>3</v>
      </c>
      <c r="AQ25" s="61">
        <v>0</v>
      </c>
      <c r="AR25" s="61">
        <v>0</v>
      </c>
      <c r="AS25" s="62">
        <v>14</v>
      </c>
      <c r="AT25" s="63">
        <v>15</v>
      </c>
      <c r="AU25" s="60">
        <v>2</v>
      </c>
      <c r="AV25" s="61">
        <v>1</v>
      </c>
      <c r="AW25" s="62">
        <v>3</v>
      </c>
      <c r="AX25" s="231"/>
      <c r="AY25" s="61">
        <v>4</v>
      </c>
      <c r="AZ25" s="61">
        <v>4</v>
      </c>
      <c r="BA25" s="61">
        <v>4</v>
      </c>
      <c r="BB25" s="61">
        <v>2</v>
      </c>
      <c r="BC25" s="61">
        <v>3</v>
      </c>
      <c r="BD25" s="62">
        <v>17</v>
      </c>
      <c r="BE25" s="63">
        <v>20</v>
      </c>
      <c r="BF25" s="60">
        <v>7</v>
      </c>
      <c r="BG25" s="61">
        <v>8</v>
      </c>
      <c r="BH25" s="62">
        <v>15</v>
      </c>
      <c r="BI25" s="231"/>
      <c r="BJ25" s="61">
        <v>11</v>
      </c>
      <c r="BK25" s="61">
        <v>10</v>
      </c>
      <c r="BL25" s="61">
        <v>2</v>
      </c>
      <c r="BM25" s="61">
        <v>6</v>
      </c>
      <c r="BN25" s="61">
        <v>0</v>
      </c>
      <c r="BO25" s="62">
        <v>29</v>
      </c>
      <c r="BP25" s="63">
        <v>44</v>
      </c>
      <c r="BQ25" s="60">
        <v>6</v>
      </c>
      <c r="BR25" s="61">
        <v>3</v>
      </c>
      <c r="BS25" s="62">
        <v>9</v>
      </c>
      <c r="BT25" s="231"/>
      <c r="BU25" s="61">
        <v>20</v>
      </c>
      <c r="BV25" s="61">
        <v>8</v>
      </c>
      <c r="BW25" s="61">
        <v>11</v>
      </c>
      <c r="BX25" s="61">
        <v>5</v>
      </c>
      <c r="BY25" s="61">
        <v>2</v>
      </c>
      <c r="BZ25" s="62">
        <v>46</v>
      </c>
      <c r="CA25" s="63">
        <v>55</v>
      </c>
      <c r="CB25" s="60">
        <v>0</v>
      </c>
      <c r="CC25" s="61">
        <v>0</v>
      </c>
      <c r="CD25" s="62">
        <v>0</v>
      </c>
      <c r="CE25" s="231"/>
      <c r="CF25" s="61">
        <v>0</v>
      </c>
      <c r="CG25" s="61">
        <v>0</v>
      </c>
      <c r="CH25" s="61">
        <v>0</v>
      </c>
      <c r="CI25" s="61">
        <v>0</v>
      </c>
      <c r="CJ25" s="61">
        <v>0</v>
      </c>
      <c r="CK25" s="62">
        <v>0</v>
      </c>
      <c r="CL25" s="63">
        <v>0</v>
      </c>
      <c r="CM25" s="60">
        <v>15</v>
      </c>
      <c r="CN25" s="61">
        <v>13</v>
      </c>
      <c r="CO25" s="62">
        <v>28</v>
      </c>
      <c r="CP25" s="231"/>
      <c r="CQ25" s="61">
        <v>40</v>
      </c>
      <c r="CR25" s="61">
        <v>28</v>
      </c>
      <c r="CS25" s="61">
        <v>20</v>
      </c>
      <c r="CT25" s="61">
        <v>13</v>
      </c>
      <c r="CU25" s="61">
        <v>7</v>
      </c>
      <c r="CV25" s="62">
        <v>108</v>
      </c>
      <c r="CW25" s="63">
        <v>136</v>
      </c>
      <c r="CX25" s="113">
        <v>2</v>
      </c>
      <c r="CY25" s="72">
        <v>2</v>
      </c>
      <c r="CZ25" s="73">
        <v>4</v>
      </c>
      <c r="DA25" s="228"/>
      <c r="DB25" s="72">
        <v>8</v>
      </c>
      <c r="DC25" s="72">
        <v>5</v>
      </c>
      <c r="DD25" s="72">
        <v>4</v>
      </c>
      <c r="DE25" s="72">
        <v>3</v>
      </c>
      <c r="DF25" s="72">
        <v>0</v>
      </c>
      <c r="DG25" s="74">
        <v>20</v>
      </c>
      <c r="DH25" s="75">
        <v>24</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2</v>
      </c>
      <c r="EL25" s="61">
        <v>0</v>
      </c>
      <c r="EM25" s="61">
        <v>0</v>
      </c>
      <c r="EN25" s="62">
        <v>4</v>
      </c>
      <c r="EO25" s="63">
        <v>5</v>
      </c>
      <c r="EP25" s="60">
        <v>2</v>
      </c>
      <c r="EQ25" s="61">
        <v>1</v>
      </c>
      <c r="ER25" s="62">
        <v>3</v>
      </c>
      <c r="ES25" s="231"/>
      <c r="ET25" s="61">
        <v>1</v>
      </c>
      <c r="EU25" s="61">
        <v>0</v>
      </c>
      <c r="EV25" s="61">
        <v>0</v>
      </c>
      <c r="EW25" s="61">
        <v>0</v>
      </c>
      <c r="EX25" s="61">
        <v>0</v>
      </c>
      <c r="EY25" s="62">
        <v>1</v>
      </c>
      <c r="EZ25" s="63">
        <v>4</v>
      </c>
      <c r="FA25" s="60">
        <v>0</v>
      </c>
      <c r="FB25" s="61">
        <v>0</v>
      </c>
      <c r="FC25" s="62">
        <v>0</v>
      </c>
      <c r="FD25" s="231"/>
      <c r="FE25" s="61">
        <v>3</v>
      </c>
      <c r="FF25" s="61">
        <v>1</v>
      </c>
      <c r="FG25" s="61">
        <v>0</v>
      </c>
      <c r="FH25" s="61">
        <v>0</v>
      </c>
      <c r="FI25" s="61">
        <v>0</v>
      </c>
      <c r="FJ25" s="62">
        <v>4</v>
      </c>
      <c r="FK25" s="63">
        <v>4</v>
      </c>
      <c r="FL25" s="60">
        <v>0</v>
      </c>
      <c r="FM25" s="61">
        <v>0</v>
      </c>
      <c r="FN25" s="62">
        <v>0</v>
      </c>
      <c r="FO25" s="231"/>
      <c r="FP25" s="61">
        <v>4</v>
      </c>
      <c r="FQ25" s="61">
        <v>2</v>
      </c>
      <c r="FR25" s="61">
        <v>2</v>
      </c>
      <c r="FS25" s="61">
        <v>3</v>
      </c>
      <c r="FT25" s="61">
        <v>0</v>
      </c>
      <c r="FU25" s="62">
        <v>11</v>
      </c>
      <c r="FV25" s="63">
        <v>11</v>
      </c>
      <c r="FW25" s="60">
        <v>0</v>
      </c>
      <c r="FX25" s="61">
        <v>0</v>
      </c>
      <c r="FY25" s="62">
        <v>0</v>
      </c>
      <c r="FZ25" s="231"/>
      <c r="GA25" s="61">
        <v>0</v>
      </c>
      <c r="GB25" s="61">
        <v>0</v>
      </c>
      <c r="GC25" s="61">
        <v>0</v>
      </c>
      <c r="GD25" s="61">
        <v>0</v>
      </c>
      <c r="GE25" s="61">
        <v>0</v>
      </c>
      <c r="GF25" s="62">
        <v>0</v>
      </c>
      <c r="GG25" s="63">
        <v>0</v>
      </c>
      <c r="GH25" s="60">
        <v>2</v>
      </c>
      <c r="GI25" s="61">
        <v>2</v>
      </c>
      <c r="GJ25" s="62">
        <v>4</v>
      </c>
      <c r="GK25" s="231"/>
      <c r="GL25" s="61">
        <v>8</v>
      </c>
      <c r="GM25" s="61">
        <v>5</v>
      </c>
      <c r="GN25" s="61">
        <v>4</v>
      </c>
      <c r="GO25" s="61">
        <v>3</v>
      </c>
      <c r="GP25" s="61">
        <v>0</v>
      </c>
      <c r="GQ25" s="62">
        <v>20</v>
      </c>
      <c r="GR25" s="63">
        <v>24</v>
      </c>
      <c r="GS25" s="113">
        <v>17</v>
      </c>
      <c r="GT25" s="72">
        <v>15</v>
      </c>
      <c r="GU25" s="73">
        <v>32</v>
      </c>
      <c r="GV25" s="228"/>
      <c r="GW25" s="72">
        <v>48</v>
      </c>
      <c r="GX25" s="72">
        <v>33</v>
      </c>
      <c r="GY25" s="72">
        <v>24</v>
      </c>
      <c r="GZ25" s="72">
        <v>16</v>
      </c>
      <c r="HA25" s="72">
        <v>7</v>
      </c>
      <c r="HB25" s="74">
        <v>128</v>
      </c>
      <c r="HC25" s="75">
        <v>160</v>
      </c>
      <c r="HD25" s="60">
        <v>0</v>
      </c>
      <c r="HE25" s="61">
        <v>0</v>
      </c>
      <c r="HF25" s="62">
        <v>0</v>
      </c>
      <c r="HG25" s="231"/>
      <c r="HH25" s="61">
        <v>0</v>
      </c>
      <c r="HI25" s="61">
        <v>0</v>
      </c>
      <c r="HJ25" s="61">
        <v>0</v>
      </c>
      <c r="HK25" s="61">
        <v>0</v>
      </c>
      <c r="HL25" s="61">
        <v>0</v>
      </c>
      <c r="HM25" s="62">
        <v>0</v>
      </c>
      <c r="HN25" s="63">
        <v>0</v>
      </c>
      <c r="HO25" s="60">
        <v>0</v>
      </c>
      <c r="HP25" s="61">
        <v>0</v>
      </c>
      <c r="HQ25" s="62">
        <v>0</v>
      </c>
      <c r="HR25" s="231"/>
      <c r="HS25" s="61">
        <v>0</v>
      </c>
      <c r="HT25" s="61">
        <v>0</v>
      </c>
      <c r="HU25" s="61">
        <v>0</v>
      </c>
      <c r="HV25" s="61">
        <v>0</v>
      </c>
      <c r="HW25" s="61">
        <v>2</v>
      </c>
      <c r="HX25" s="62">
        <v>2</v>
      </c>
      <c r="HY25" s="63">
        <v>2</v>
      </c>
      <c r="HZ25" s="60">
        <v>0</v>
      </c>
      <c r="IA25" s="61">
        <v>2</v>
      </c>
      <c r="IB25" s="62">
        <v>2</v>
      </c>
      <c r="IC25" s="231"/>
      <c r="ID25" s="61">
        <v>5</v>
      </c>
      <c r="IE25" s="61">
        <v>8</v>
      </c>
      <c r="IF25" s="61">
        <v>5</v>
      </c>
      <c r="IG25" s="61">
        <v>0</v>
      </c>
      <c r="IH25" s="61">
        <v>0</v>
      </c>
      <c r="II25" s="62">
        <v>18</v>
      </c>
      <c r="IJ25" s="63">
        <v>20</v>
      </c>
      <c r="IK25" s="60">
        <v>4</v>
      </c>
      <c r="IL25" s="61">
        <v>2</v>
      </c>
      <c r="IM25" s="62">
        <v>6</v>
      </c>
      <c r="IN25" s="231"/>
      <c r="IO25" s="61">
        <v>5</v>
      </c>
      <c r="IP25" s="61">
        <v>4</v>
      </c>
      <c r="IQ25" s="61">
        <v>4</v>
      </c>
      <c r="IR25" s="61">
        <v>2</v>
      </c>
      <c r="IS25" s="61">
        <v>3</v>
      </c>
      <c r="IT25" s="62">
        <v>18</v>
      </c>
      <c r="IU25" s="63">
        <v>24</v>
      </c>
      <c r="IV25" s="60">
        <v>7</v>
      </c>
      <c r="IW25" s="61">
        <v>8</v>
      </c>
      <c r="IX25" s="62">
        <v>15</v>
      </c>
      <c r="IY25" s="231"/>
      <c r="IZ25" s="61">
        <v>14</v>
      </c>
      <c r="JA25" s="61">
        <v>11</v>
      </c>
      <c r="JB25" s="61">
        <v>2</v>
      </c>
      <c r="JC25" s="61">
        <v>6</v>
      </c>
      <c r="JD25" s="61">
        <v>0</v>
      </c>
      <c r="JE25" s="62">
        <v>33</v>
      </c>
      <c r="JF25" s="63">
        <v>48</v>
      </c>
      <c r="JG25" s="60">
        <v>6</v>
      </c>
      <c r="JH25" s="61">
        <v>3</v>
      </c>
      <c r="JI25" s="62">
        <v>9</v>
      </c>
      <c r="JJ25" s="231"/>
      <c r="JK25" s="61">
        <v>24</v>
      </c>
      <c r="JL25" s="61">
        <v>10</v>
      </c>
      <c r="JM25" s="61">
        <v>13</v>
      </c>
      <c r="JN25" s="61">
        <v>8</v>
      </c>
      <c r="JO25" s="61">
        <v>2</v>
      </c>
      <c r="JP25" s="62">
        <v>57</v>
      </c>
      <c r="JQ25" s="63">
        <v>66</v>
      </c>
      <c r="JR25" s="60">
        <v>0</v>
      </c>
      <c r="JS25" s="61">
        <v>0</v>
      </c>
      <c r="JT25" s="62">
        <v>0</v>
      </c>
      <c r="JU25" s="231"/>
      <c r="JV25" s="61">
        <v>0</v>
      </c>
      <c r="JW25" s="61">
        <v>0</v>
      </c>
      <c r="JX25" s="61">
        <v>0</v>
      </c>
      <c r="JY25" s="61">
        <v>0</v>
      </c>
      <c r="JZ25" s="61">
        <v>0</v>
      </c>
      <c r="KA25" s="62">
        <v>0</v>
      </c>
      <c r="KB25" s="63">
        <v>0</v>
      </c>
      <c r="KC25" s="60">
        <v>17</v>
      </c>
      <c r="KD25" s="61">
        <v>15</v>
      </c>
      <c r="KE25" s="62">
        <v>32</v>
      </c>
      <c r="KF25" s="231"/>
      <c r="KG25" s="61">
        <v>48</v>
      </c>
      <c r="KH25" s="61">
        <v>33</v>
      </c>
      <c r="KI25" s="61">
        <v>24</v>
      </c>
      <c r="KJ25" s="61">
        <v>16</v>
      </c>
      <c r="KK25" s="61">
        <v>7</v>
      </c>
      <c r="KL25" s="62">
        <v>128</v>
      </c>
      <c r="KM25" s="63">
        <v>160</v>
      </c>
    </row>
    <row r="26" spans="2:299" ht="21" customHeight="1" x14ac:dyDescent="0.2">
      <c r="B26" s="468" t="s">
        <v>23</v>
      </c>
      <c r="C26" s="291">
        <v>43</v>
      </c>
      <c r="D26" s="72">
        <v>29</v>
      </c>
      <c r="E26" s="73">
        <v>72</v>
      </c>
      <c r="F26" s="228"/>
      <c r="G26" s="72">
        <v>41</v>
      </c>
      <c r="H26" s="72">
        <v>34</v>
      </c>
      <c r="I26" s="72">
        <v>27</v>
      </c>
      <c r="J26" s="72">
        <v>14</v>
      </c>
      <c r="K26" s="72">
        <v>10</v>
      </c>
      <c r="L26" s="74">
        <v>126</v>
      </c>
      <c r="M26" s="75">
        <v>198</v>
      </c>
      <c r="N26" s="60">
        <v>0</v>
      </c>
      <c r="O26" s="61">
        <v>1</v>
      </c>
      <c r="P26" s="62">
        <v>1</v>
      </c>
      <c r="Q26" s="231"/>
      <c r="R26" s="61">
        <v>0</v>
      </c>
      <c r="S26" s="61">
        <v>2</v>
      </c>
      <c r="T26" s="61">
        <v>0</v>
      </c>
      <c r="U26" s="61">
        <v>0</v>
      </c>
      <c r="V26" s="61">
        <v>1</v>
      </c>
      <c r="W26" s="62">
        <v>3</v>
      </c>
      <c r="X26" s="63">
        <v>4</v>
      </c>
      <c r="Y26" s="60">
        <v>1</v>
      </c>
      <c r="Z26" s="61">
        <v>0</v>
      </c>
      <c r="AA26" s="62">
        <v>1</v>
      </c>
      <c r="AB26" s="231"/>
      <c r="AC26" s="61">
        <v>1</v>
      </c>
      <c r="AD26" s="61">
        <v>2</v>
      </c>
      <c r="AE26" s="61">
        <v>1</v>
      </c>
      <c r="AF26" s="61">
        <v>0</v>
      </c>
      <c r="AG26" s="61">
        <v>1</v>
      </c>
      <c r="AH26" s="62">
        <v>5</v>
      </c>
      <c r="AI26" s="63">
        <v>6</v>
      </c>
      <c r="AJ26" s="60">
        <v>6</v>
      </c>
      <c r="AK26" s="61">
        <v>3</v>
      </c>
      <c r="AL26" s="62">
        <v>9</v>
      </c>
      <c r="AM26" s="231"/>
      <c r="AN26" s="61">
        <v>7</v>
      </c>
      <c r="AO26" s="61">
        <v>1</v>
      </c>
      <c r="AP26" s="61">
        <v>2</v>
      </c>
      <c r="AQ26" s="61">
        <v>3</v>
      </c>
      <c r="AR26" s="61">
        <v>1</v>
      </c>
      <c r="AS26" s="62">
        <v>14</v>
      </c>
      <c r="AT26" s="63">
        <v>23</v>
      </c>
      <c r="AU26" s="60">
        <v>12</v>
      </c>
      <c r="AV26" s="61">
        <v>14</v>
      </c>
      <c r="AW26" s="62">
        <v>26</v>
      </c>
      <c r="AX26" s="231"/>
      <c r="AY26" s="61">
        <v>9</v>
      </c>
      <c r="AZ26" s="61">
        <v>11</v>
      </c>
      <c r="BA26" s="61">
        <v>7</v>
      </c>
      <c r="BB26" s="61">
        <v>3</v>
      </c>
      <c r="BC26" s="61">
        <v>2</v>
      </c>
      <c r="BD26" s="62">
        <v>32</v>
      </c>
      <c r="BE26" s="63">
        <v>58</v>
      </c>
      <c r="BF26" s="60">
        <v>15</v>
      </c>
      <c r="BG26" s="61">
        <v>7</v>
      </c>
      <c r="BH26" s="62">
        <v>22</v>
      </c>
      <c r="BI26" s="231"/>
      <c r="BJ26" s="61">
        <v>18</v>
      </c>
      <c r="BK26" s="61">
        <v>5</v>
      </c>
      <c r="BL26" s="61">
        <v>8</v>
      </c>
      <c r="BM26" s="61">
        <v>3</v>
      </c>
      <c r="BN26" s="61">
        <v>2</v>
      </c>
      <c r="BO26" s="62">
        <v>36</v>
      </c>
      <c r="BP26" s="63">
        <v>58</v>
      </c>
      <c r="BQ26" s="60">
        <v>9</v>
      </c>
      <c r="BR26" s="61">
        <v>4</v>
      </c>
      <c r="BS26" s="62">
        <v>13</v>
      </c>
      <c r="BT26" s="231"/>
      <c r="BU26" s="61">
        <v>6</v>
      </c>
      <c r="BV26" s="61">
        <v>13</v>
      </c>
      <c r="BW26" s="61">
        <v>9</v>
      </c>
      <c r="BX26" s="61">
        <v>5</v>
      </c>
      <c r="BY26" s="61">
        <v>3</v>
      </c>
      <c r="BZ26" s="62">
        <v>36</v>
      </c>
      <c r="CA26" s="63">
        <v>49</v>
      </c>
      <c r="CB26" s="60">
        <v>0</v>
      </c>
      <c r="CC26" s="61">
        <v>0</v>
      </c>
      <c r="CD26" s="62">
        <v>0</v>
      </c>
      <c r="CE26" s="231"/>
      <c r="CF26" s="61">
        <v>0</v>
      </c>
      <c r="CG26" s="61">
        <v>0</v>
      </c>
      <c r="CH26" s="61">
        <v>0</v>
      </c>
      <c r="CI26" s="61">
        <v>0</v>
      </c>
      <c r="CJ26" s="61">
        <v>0</v>
      </c>
      <c r="CK26" s="62">
        <v>0</v>
      </c>
      <c r="CL26" s="63">
        <v>0</v>
      </c>
      <c r="CM26" s="60">
        <v>43</v>
      </c>
      <c r="CN26" s="61">
        <v>29</v>
      </c>
      <c r="CO26" s="62">
        <v>72</v>
      </c>
      <c r="CP26" s="231"/>
      <c r="CQ26" s="61">
        <v>41</v>
      </c>
      <c r="CR26" s="61">
        <v>34</v>
      </c>
      <c r="CS26" s="61">
        <v>27</v>
      </c>
      <c r="CT26" s="61">
        <v>14</v>
      </c>
      <c r="CU26" s="61">
        <v>10</v>
      </c>
      <c r="CV26" s="62">
        <v>126</v>
      </c>
      <c r="CW26" s="63">
        <v>198</v>
      </c>
      <c r="CX26" s="113">
        <v>2</v>
      </c>
      <c r="CY26" s="72">
        <v>3</v>
      </c>
      <c r="CZ26" s="73">
        <v>5</v>
      </c>
      <c r="DA26" s="228"/>
      <c r="DB26" s="72">
        <v>5</v>
      </c>
      <c r="DC26" s="72">
        <v>5</v>
      </c>
      <c r="DD26" s="72">
        <v>1</v>
      </c>
      <c r="DE26" s="72">
        <v>5</v>
      </c>
      <c r="DF26" s="72">
        <v>1</v>
      </c>
      <c r="DG26" s="74">
        <v>17</v>
      </c>
      <c r="DH26" s="75">
        <v>22</v>
      </c>
      <c r="DI26" s="60">
        <v>0</v>
      </c>
      <c r="DJ26" s="61">
        <v>0</v>
      </c>
      <c r="DK26" s="62">
        <v>0</v>
      </c>
      <c r="DL26" s="231"/>
      <c r="DM26" s="61">
        <v>0</v>
      </c>
      <c r="DN26" s="61">
        <v>0</v>
      </c>
      <c r="DO26" s="61">
        <v>0</v>
      </c>
      <c r="DP26" s="61">
        <v>1</v>
      </c>
      <c r="DQ26" s="61">
        <v>0</v>
      </c>
      <c r="DR26" s="62">
        <v>1</v>
      </c>
      <c r="DS26" s="63">
        <v>1</v>
      </c>
      <c r="DT26" s="60">
        <v>0</v>
      </c>
      <c r="DU26" s="61">
        <v>2</v>
      </c>
      <c r="DV26" s="62">
        <v>2</v>
      </c>
      <c r="DW26" s="231"/>
      <c r="DX26" s="61">
        <v>0</v>
      </c>
      <c r="DY26" s="61">
        <v>0</v>
      </c>
      <c r="DZ26" s="61">
        <v>0</v>
      </c>
      <c r="EA26" s="61">
        <v>0</v>
      </c>
      <c r="EB26" s="61">
        <v>0</v>
      </c>
      <c r="EC26" s="62">
        <v>0</v>
      </c>
      <c r="ED26" s="63">
        <v>2</v>
      </c>
      <c r="EE26" s="60">
        <v>1</v>
      </c>
      <c r="EF26" s="61">
        <v>0</v>
      </c>
      <c r="EG26" s="62">
        <v>1</v>
      </c>
      <c r="EH26" s="231"/>
      <c r="EI26" s="61">
        <v>1</v>
      </c>
      <c r="EJ26" s="61">
        <v>2</v>
      </c>
      <c r="EK26" s="61">
        <v>0</v>
      </c>
      <c r="EL26" s="61">
        <v>1</v>
      </c>
      <c r="EM26" s="61">
        <v>0</v>
      </c>
      <c r="EN26" s="62">
        <v>4</v>
      </c>
      <c r="EO26" s="63">
        <v>5</v>
      </c>
      <c r="EP26" s="60">
        <v>1</v>
      </c>
      <c r="EQ26" s="61">
        <v>0</v>
      </c>
      <c r="ER26" s="62">
        <v>1</v>
      </c>
      <c r="ES26" s="231"/>
      <c r="ET26" s="61">
        <v>2</v>
      </c>
      <c r="EU26" s="61">
        <v>0</v>
      </c>
      <c r="EV26" s="61">
        <v>0</v>
      </c>
      <c r="EW26" s="61">
        <v>0</v>
      </c>
      <c r="EX26" s="61">
        <v>0</v>
      </c>
      <c r="EY26" s="62">
        <v>2</v>
      </c>
      <c r="EZ26" s="63">
        <v>3</v>
      </c>
      <c r="FA26" s="60">
        <v>0</v>
      </c>
      <c r="FB26" s="61">
        <v>1</v>
      </c>
      <c r="FC26" s="62">
        <v>1</v>
      </c>
      <c r="FD26" s="231"/>
      <c r="FE26" s="61">
        <v>2</v>
      </c>
      <c r="FF26" s="61">
        <v>3</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3</v>
      </c>
      <c r="GJ26" s="62">
        <v>5</v>
      </c>
      <c r="GK26" s="231"/>
      <c r="GL26" s="61">
        <v>5</v>
      </c>
      <c r="GM26" s="61">
        <v>5</v>
      </c>
      <c r="GN26" s="61">
        <v>1</v>
      </c>
      <c r="GO26" s="61">
        <v>5</v>
      </c>
      <c r="GP26" s="61">
        <v>1</v>
      </c>
      <c r="GQ26" s="62">
        <v>17</v>
      </c>
      <c r="GR26" s="63">
        <v>22</v>
      </c>
      <c r="GS26" s="113">
        <v>45</v>
      </c>
      <c r="GT26" s="72">
        <v>32</v>
      </c>
      <c r="GU26" s="73">
        <v>77</v>
      </c>
      <c r="GV26" s="228"/>
      <c r="GW26" s="72">
        <v>46</v>
      </c>
      <c r="GX26" s="72">
        <v>39</v>
      </c>
      <c r="GY26" s="72">
        <v>28</v>
      </c>
      <c r="GZ26" s="72">
        <v>19</v>
      </c>
      <c r="HA26" s="72">
        <v>11</v>
      </c>
      <c r="HB26" s="74">
        <v>143</v>
      </c>
      <c r="HC26" s="75">
        <v>220</v>
      </c>
      <c r="HD26" s="60">
        <v>0</v>
      </c>
      <c r="HE26" s="61">
        <v>1</v>
      </c>
      <c r="HF26" s="62">
        <v>1</v>
      </c>
      <c r="HG26" s="231"/>
      <c r="HH26" s="61">
        <v>0</v>
      </c>
      <c r="HI26" s="61">
        <v>2</v>
      </c>
      <c r="HJ26" s="61">
        <v>0</v>
      </c>
      <c r="HK26" s="61">
        <v>1</v>
      </c>
      <c r="HL26" s="61">
        <v>1</v>
      </c>
      <c r="HM26" s="62">
        <v>4</v>
      </c>
      <c r="HN26" s="63">
        <v>5</v>
      </c>
      <c r="HO26" s="60">
        <v>1</v>
      </c>
      <c r="HP26" s="61">
        <v>2</v>
      </c>
      <c r="HQ26" s="62">
        <v>3</v>
      </c>
      <c r="HR26" s="231"/>
      <c r="HS26" s="61">
        <v>1</v>
      </c>
      <c r="HT26" s="61">
        <v>2</v>
      </c>
      <c r="HU26" s="61">
        <v>1</v>
      </c>
      <c r="HV26" s="61">
        <v>0</v>
      </c>
      <c r="HW26" s="61">
        <v>1</v>
      </c>
      <c r="HX26" s="62">
        <v>5</v>
      </c>
      <c r="HY26" s="63">
        <v>8</v>
      </c>
      <c r="HZ26" s="60">
        <v>7</v>
      </c>
      <c r="IA26" s="61">
        <v>3</v>
      </c>
      <c r="IB26" s="62">
        <v>10</v>
      </c>
      <c r="IC26" s="231"/>
      <c r="ID26" s="61">
        <v>8</v>
      </c>
      <c r="IE26" s="61">
        <v>3</v>
      </c>
      <c r="IF26" s="61">
        <v>2</v>
      </c>
      <c r="IG26" s="61">
        <v>4</v>
      </c>
      <c r="IH26" s="61">
        <v>1</v>
      </c>
      <c r="II26" s="62">
        <v>18</v>
      </c>
      <c r="IJ26" s="63">
        <v>28</v>
      </c>
      <c r="IK26" s="60">
        <v>13</v>
      </c>
      <c r="IL26" s="61">
        <v>14</v>
      </c>
      <c r="IM26" s="62">
        <v>27</v>
      </c>
      <c r="IN26" s="231"/>
      <c r="IO26" s="61">
        <v>11</v>
      </c>
      <c r="IP26" s="61">
        <v>11</v>
      </c>
      <c r="IQ26" s="61">
        <v>7</v>
      </c>
      <c r="IR26" s="61">
        <v>3</v>
      </c>
      <c r="IS26" s="61">
        <v>2</v>
      </c>
      <c r="IT26" s="62">
        <v>34</v>
      </c>
      <c r="IU26" s="63">
        <v>61</v>
      </c>
      <c r="IV26" s="60">
        <v>15</v>
      </c>
      <c r="IW26" s="61">
        <v>8</v>
      </c>
      <c r="IX26" s="62">
        <v>23</v>
      </c>
      <c r="IY26" s="231"/>
      <c r="IZ26" s="61">
        <v>20</v>
      </c>
      <c r="JA26" s="61">
        <v>8</v>
      </c>
      <c r="JB26" s="61">
        <v>8</v>
      </c>
      <c r="JC26" s="61">
        <v>4</v>
      </c>
      <c r="JD26" s="61">
        <v>3</v>
      </c>
      <c r="JE26" s="62">
        <v>43</v>
      </c>
      <c r="JF26" s="63">
        <v>66</v>
      </c>
      <c r="JG26" s="60">
        <v>9</v>
      </c>
      <c r="JH26" s="61">
        <v>4</v>
      </c>
      <c r="JI26" s="62">
        <v>13</v>
      </c>
      <c r="JJ26" s="231"/>
      <c r="JK26" s="61">
        <v>6</v>
      </c>
      <c r="JL26" s="61">
        <v>13</v>
      </c>
      <c r="JM26" s="61">
        <v>10</v>
      </c>
      <c r="JN26" s="61">
        <v>7</v>
      </c>
      <c r="JO26" s="61">
        <v>3</v>
      </c>
      <c r="JP26" s="62">
        <v>39</v>
      </c>
      <c r="JQ26" s="63">
        <v>52</v>
      </c>
      <c r="JR26" s="60">
        <v>0</v>
      </c>
      <c r="JS26" s="61">
        <v>0</v>
      </c>
      <c r="JT26" s="62">
        <v>0</v>
      </c>
      <c r="JU26" s="231"/>
      <c r="JV26" s="61">
        <v>0</v>
      </c>
      <c r="JW26" s="61">
        <v>0</v>
      </c>
      <c r="JX26" s="61">
        <v>0</v>
      </c>
      <c r="JY26" s="61">
        <v>0</v>
      </c>
      <c r="JZ26" s="61">
        <v>0</v>
      </c>
      <c r="KA26" s="62">
        <v>0</v>
      </c>
      <c r="KB26" s="63">
        <v>0</v>
      </c>
      <c r="KC26" s="60">
        <v>45</v>
      </c>
      <c r="KD26" s="61">
        <v>32</v>
      </c>
      <c r="KE26" s="62">
        <v>77</v>
      </c>
      <c r="KF26" s="231"/>
      <c r="KG26" s="61">
        <v>46</v>
      </c>
      <c r="KH26" s="61">
        <v>39</v>
      </c>
      <c r="KI26" s="61">
        <v>28</v>
      </c>
      <c r="KJ26" s="61">
        <v>19</v>
      </c>
      <c r="KK26" s="61">
        <v>11</v>
      </c>
      <c r="KL26" s="62">
        <v>143</v>
      </c>
      <c r="KM26" s="63">
        <v>220</v>
      </c>
    </row>
    <row r="27" spans="2:299" ht="21" customHeight="1" x14ac:dyDescent="0.2">
      <c r="B27" s="468" t="s">
        <v>24</v>
      </c>
      <c r="C27" s="291">
        <v>35</v>
      </c>
      <c r="D27" s="72">
        <v>22</v>
      </c>
      <c r="E27" s="73">
        <v>57</v>
      </c>
      <c r="F27" s="228"/>
      <c r="G27" s="72">
        <v>39</v>
      </c>
      <c r="H27" s="72">
        <v>30</v>
      </c>
      <c r="I27" s="72">
        <v>19</v>
      </c>
      <c r="J27" s="72">
        <v>17</v>
      </c>
      <c r="K27" s="72">
        <v>7</v>
      </c>
      <c r="L27" s="74">
        <v>112</v>
      </c>
      <c r="M27" s="75">
        <v>169</v>
      </c>
      <c r="N27" s="60">
        <v>1</v>
      </c>
      <c r="O27" s="61">
        <v>0</v>
      </c>
      <c r="P27" s="62">
        <v>1</v>
      </c>
      <c r="Q27" s="231"/>
      <c r="R27" s="61">
        <v>1</v>
      </c>
      <c r="S27" s="61">
        <v>0</v>
      </c>
      <c r="T27" s="61">
        <v>0</v>
      </c>
      <c r="U27" s="61">
        <v>0</v>
      </c>
      <c r="V27" s="61">
        <v>0</v>
      </c>
      <c r="W27" s="62">
        <v>1</v>
      </c>
      <c r="X27" s="63">
        <v>2</v>
      </c>
      <c r="Y27" s="60">
        <v>0</v>
      </c>
      <c r="Z27" s="61">
        <v>2</v>
      </c>
      <c r="AA27" s="62">
        <v>2</v>
      </c>
      <c r="AB27" s="231"/>
      <c r="AC27" s="61">
        <v>1</v>
      </c>
      <c r="AD27" s="61">
        <v>0</v>
      </c>
      <c r="AE27" s="61">
        <v>1</v>
      </c>
      <c r="AF27" s="61">
        <v>0</v>
      </c>
      <c r="AG27" s="61">
        <v>2</v>
      </c>
      <c r="AH27" s="62">
        <v>4</v>
      </c>
      <c r="AI27" s="63">
        <v>6</v>
      </c>
      <c r="AJ27" s="60">
        <v>2</v>
      </c>
      <c r="AK27" s="61">
        <v>0</v>
      </c>
      <c r="AL27" s="62">
        <v>2</v>
      </c>
      <c r="AM27" s="231"/>
      <c r="AN27" s="61">
        <v>2</v>
      </c>
      <c r="AO27" s="61">
        <v>3</v>
      </c>
      <c r="AP27" s="61">
        <v>2</v>
      </c>
      <c r="AQ27" s="61">
        <v>4</v>
      </c>
      <c r="AR27" s="61">
        <v>0</v>
      </c>
      <c r="AS27" s="62">
        <v>11</v>
      </c>
      <c r="AT27" s="63">
        <v>13</v>
      </c>
      <c r="AU27" s="60">
        <v>6</v>
      </c>
      <c r="AV27" s="61">
        <v>4</v>
      </c>
      <c r="AW27" s="62">
        <v>10</v>
      </c>
      <c r="AX27" s="231"/>
      <c r="AY27" s="61">
        <v>10</v>
      </c>
      <c r="AZ27" s="61">
        <v>3</v>
      </c>
      <c r="BA27" s="61">
        <v>1</v>
      </c>
      <c r="BB27" s="61">
        <v>3</v>
      </c>
      <c r="BC27" s="61">
        <v>2</v>
      </c>
      <c r="BD27" s="62">
        <v>19</v>
      </c>
      <c r="BE27" s="63">
        <v>29</v>
      </c>
      <c r="BF27" s="60">
        <v>14</v>
      </c>
      <c r="BG27" s="61">
        <v>8</v>
      </c>
      <c r="BH27" s="62">
        <v>22</v>
      </c>
      <c r="BI27" s="231"/>
      <c r="BJ27" s="61">
        <v>11</v>
      </c>
      <c r="BK27" s="61">
        <v>12</v>
      </c>
      <c r="BL27" s="61">
        <v>7</v>
      </c>
      <c r="BM27" s="61">
        <v>4</v>
      </c>
      <c r="BN27" s="61">
        <v>2</v>
      </c>
      <c r="BO27" s="62">
        <v>36</v>
      </c>
      <c r="BP27" s="63">
        <v>58</v>
      </c>
      <c r="BQ27" s="60">
        <v>12</v>
      </c>
      <c r="BR27" s="61">
        <v>8</v>
      </c>
      <c r="BS27" s="62">
        <v>20</v>
      </c>
      <c r="BT27" s="231"/>
      <c r="BU27" s="61">
        <v>14</v>
      </c>
      <c r="BV27" s="61">
        <v>12</v>
      </c>
      <c r="BW27" s="61">
        <v>8</v>
      </c>
      <c r="BX27" s="61">
        <v>6</v>
      </c>
      <c r="BY27" s="61">
        <v>1</v>
      </c>
      <c r="BZ27" s="62">
        <v>41</v>
      </c>
      <c r="CA27" s="63">
        <v>61</v>
      </c>
      <c r="CB27" s="60">
        <v>0</v>
      </c>
      <c r="CC27" s="61">
        <v>0</v>
      </c>
      <c r="CD27" s="62">
        <v>0</v>
      </c>
      <c r="CE27" s="231"/>
      <c r="CF27" s="61">
        <v>0</v>
      </c>
      <c r="CG27" s="61">
        <v>0</v>
      </c>
      <c r="CH27" s="61">
        <v>0</v>
      </c>
      <c r="CI27" s="61">
        <v>0</v>
      </c>
      <c r="CJ27" s="61">
        <v>0</v>
      </c>
      <c r="CK27" s="62">
        <v>0</v>
      </c>
      <c r="CL27" s="63">
        <v>0</v>
      </c>
      <c r="CM27" s="60">
        <v>35</v>
      </c>
      <c r="CN27" s="61">
        <v>22</v>
      </c>
      <c r="CO27" s="62">
        <v>57</v>
      </c>
      <c r="CP27" s="231"/>
      <c r="CQ27" s="61">
        <v>39</v>
      </c>
      <c r="CR27" s="61">
        <v>30</v>
      </c>
      <c r="CS27" s="61">
        <v>19</v>
      </c>
      <c r="CT27" s="61">
        <v>17</v>
      </c>
      <c r="CU27" s="61">
        <v>7</v>
      </c>
      <c r="CV27" s="62">
        <v>112</v>
      </c>
      <c r="CW27" s="63">
        <v>169</v>
      </c>
      <c r="CX27" s="113">
        <v>3</v>
      </c>
      <c r="CY27" s="72">
        <v>2</v>
      </c>
      <c r="CZ27" s="73">
        <v>5</v>
      </c>
      <c r="DA27" s="228"/>
      <c r="DB27" s="72">
        <v>6</v>
      </c>
      <c r="DC27" s="72">
        <v>3</v>
      </c>
      <c r="DD27" s="72">
        <v>4</v>
      </c>
      <c r="DE27" s="72">
        <v>4</v>
      </c>
      <c r="DF27" s="72">
        <v>4</v>
      </c>
      <c r="DG27" s="74">
        <v>21</v>
      </c>
      <c r="DH27" s="75">
        <v>26</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0</v>
      </c>
      <c r="EL27" s="61">
        <v>0</v>
      </c>
      <c r="EM27" s="61">
        <v>0</v>
      </c>
      <c r="EN27" s="62">
        <v>0</v>
      </c>
      <c r="EO27" s="63">
        <v>0</v>
      </c>
      <c r="EP27" s="60">
        <v>0</v>
      </c>
      <c r="EQ27" s="61">
        <v>0</v>
      </c>
      <c r="ER27" s="62">
        <v>0</v>
      </c>
      <c r="ES27" s="231"/>
      <c r="ET27" s="61">
        <v>3</v>
      </c>
      <c r="EU27" s="61">
        <v>0</v>
      </c>
      <c r="EV27" s="61">
        <v>1</v>
      </c>
      <c r="EW27" s="61">
        <v>1</v>
      </c>
      <c r="EX27" s="61">
        <v>2</v>
      </c>
      <c r="EY27" s="62">
        <v>7</v>
      </c>
      <c r="EZ27" s="63">
        <v>7</v>
      </c>
      <c r="FA27" s="60">
        <v>2</v>
      </c>
      <c r="FB27" s="61">
        <v>2</v>
      </c>
      <c r="FC27" s="62">
        <v>4</v>
      </c>
      <c r="FD27" s="231"/>
      <c r="FE27" s="61">
        <v>1</v>
      </c>
      <c r="FF27" s="61">
        <v>2</v>
      </c>
      <c r="FG27" s="61">
        <v>1</v>
      </c>
      <c r="FH27" s="61">
        <v>1</v>
      </c>
      <c r="FI27" s="61">
        <v>1</v>
      </c>
      <c r="FJ27" s="62">
        <v>6</v>
      </c>
      <c r="FK27" s="63">
        <v>10</v>
      </c>
      <c r="FL27" s="60">
        <v>1</v>
      </c>
      <c r="FM27" s="61">
        <v>0</v>
      </c>
      <c r="FN27" s="62">
        <v>1</v>
      </c>
      <c r="FO27" s="231"/>
      <c r="FP27" s="61">
        <v>2</v>
      </c>
      <c r="FQ27" s="61">
        <v>1</v>
      </c>
      <c r="FR27" s="61">
        <v>2</v>
      </c>
      <c r="FS27" s="61">
        <v>2</v>
      </c>
      <c r="FT27" s="61">
        <v>1</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6</v>
      </c>
      <c r="GM27" s="61">
        <v>3</v>
      </c>
      <c r="GN27" s="61">
        <v>4</v>
      </c>
      <c r="GO27" s="61">
        <v>4</v>
      </c>
      <c r="GP27" s="61">
        <v>4</v>
      </c>
      <c r="GQ27" s="62">
        <v>21</v>
      </c>
      <c r="GR27" s="63">
        <v>26</v>
      </c>
      <c r="GS27" s="113">
        <v>38</v>
      </c>
      <c r="GT27" s="72">
        <v>24</v>
      </c>
      <c r="GU27" s="73">
        <v>62</v>
      </c>
      <c r="GV27" s="228"/>
      <c r="GW27" s="72">
        <v>45</v>
      </c>
      <c r="GX27" s="72">
        <v>33</v>
      </c>
      <c r="GY27" s="72">
        <v>23</v>
      </c>
      <c r="GZ27" s="72">
        <v>21</v>
      </c>
      <c r="HA27" s="72">
        <v>11</v>
      </c>
      <c r="HB27" s="74">
        <v>133</v>
      </c>
      <c r="HC27" s="75">
        <v>195</v>
      </c>
      <c r="HD27" s="60">
        <v>1</v>
      </c>
      <c r="HE27" s="61">
        <v>0</v>
      </c>
      <c r="HF27" s="62">
        <v>1</v>
      </c>
      <c r="HG27" s="231"/>
      <c r="HH27" s="61">
        <v>1</v>
      </c>
      <c r="HI27" s="61">
        <v>0</v>
      </c>
      <c r="HJ27" s="61">
        <v>0</v>
      </c>
      <c r="HK27" s="61">
        <v>0</v>
      </c>
      <c r="HL27" s="61">
        <v>0</v>
      </c>
      <c r="HM27" s="62">
        <v>1</v>
      </c>
      <c r="HN27" s="63">
        <v>2</v>
      </c>
      <c r="HO27" s="60">
        <v>0</v>
      </c>
      <c r="HP27" s="61">
        <v>2</v>
      </c>
      <c r="HQ27" s="62">
        <v>2</v>
      </c>
      <c r="HR27" s="231"/>
      <c r="HS27" s="61">
        <v>1</v>
      </c>
      <c r="HT27" s="61">
        <v>0</v>
      </c>
      <c r="HU27" s="61">
        <v>1</v>
      </c>
      <c r="HV27" s="61">
        <v>0</v>
      </c>
      <c r="HW27" s="61">
        <v>2</v>
      </c>
      <c r="HX27" s="62">
        <v>4</v>
      </c>
      <c r="HY27" s="63">
        <v>6</v>
      </c>
      <c r="HZ27" s="60">
        <v>2</v>
      </c>
      <c r="IA27" s="61">
        <v>0</v>
      </c>
      <c r="IB27" s="62">
        <v>2</v>
      </c>
      <c r="IC27" s="231"/>
      <c r="ID27" s="61">
        <v>2</v>
      </c>
      <c r="IE27" s="61">
        <v>3</v>
      </c>
      <c r="IF27" s="61">
        <v>2</v>
      </c>
      <c r="IG27" s="61">
        <v>4</v>
      </c>
      <c r="IH27" s="61">
        <v>0</v>
      </c>
      <c r="II27" s="62">
        <v>11</v>
      </c>
      <c r="IJ27" s="63">
        <v>13</v>
      </c>
      <c r="IK27" s="60">
        <v>6</v>
      </c>
      <c r="IL27" s="61">
        <v>4</v>
      </c>
      <c r="IM27" s="62">
        <v>10</v>
      </c>
      <c r="IN27" s="231"/>
      <c r="IO27" s="61">
        <v>13</v>
      </c>
      <c r="IP27" s="61">
        <v>3</v>
      </c>
      <c r="IQ27" s="61">
        <v>2</v>
      </c>
      <c r="IR27" s="61">
        <v>4</v>
      </c>
      <c r="IS27" s="61">
        <v>4</v>
      </c>
      <c r="IT27" s="62">
        <v>26</v>
      </c>
      <c r="IU27" s="63">
        <v>36</v>
      </c>
      <c r="IV27" s="60">
        <v>16</v>
      </c>
      <c r="IW27" s="61">
        <v>10</v>
      </c>
      <c r="IX27" s="62">
        <v>26</v>
      </c>
      <c r="IY27" s="231"/>
      <c r="IZ27" s="61">
        <v>12</v>
      </c>
      <c r="JA27" s="61">
        <v>14</v>
      </c>
      <c r="JB27" s="61">
        <v>8</v>
      </c>
      <c r="JC27" s="61">
        <v>5</v>
      </c>
      <c r="JD27" s="61">
        <v>3</v>
      </c>
      <c r="JE27" s="62">
        <v>42</v>
      </c>
      <c r="JF27" s="63">
        <v>68</v>
      </c>
      <c r="JG27" s="60">
        <v>13</v>
      </c>
      <c r="JH27" s="61">
        <v>8</v>
      </c>
      <c r="JI27" s="62">
        <v>21</v>
      </c>
      <c r="JJ27" s="231"/>
      <c r="JK27" s="61">
        <v>16</v>
      </c>
      <c r="JL27" s="61">
        <v>13</v>
      </c>
      <c r="JM27" s="61">
        <v>10</v>
      </c>
      <c r="JN27" s="61">
        <v>8</v>
      </c>
      <c r="JO27" s="61">
        <v>2</v>
      </c>
      <c r="JP27" s="62">
        <v>49</v>
      </c>
      <c r="JQ27" s="63">
        <v>70</v>
      </c>
      <c r="JR27" s="60">
        <v>0</v>
      </c>
      <c r="JS27" s="61">
        <v>0</v>
      </c>
      <c r="JT27" s="62">
        <v>0</v>
      </c>
      <c r="JU27" s="231"/>
      <c r="JV27" s="61">
        <v>0</v>
      </c>
      <c r="JW27" s="61">
        <v>0</v>
      </c>
      <c r="JX27" s="61">
        <v>0</v>
      </c>
      <c r="JY27" s="61">
        <v>0</v>
      </c>
      <c r="JZ27" s="61">
        <v>0</v>
      </c>
      <c r="KA27" s="62">
        <v>0</v>
      </c>
      <c r="KB27" s="63">
        <v>0</v>
      </c>
      <c r="KC27" s="60">
        <v>38</v>
      </c>
      <c r="KD27" s="61">
        <v>24</v>
      </c>
      <c r="KE27" s="62">
        <v>62</v>
      </c>
      <c r="KF27" s="231"/>
      <c r="KG27" s="61">
        <v>45</v>
      </c>
      <c r="KH27" s="61">
        <v>33</v>
      </c>
      <c r="KI27" s="61">
        <v>23</v>
      </c>
      <c r="KJ27" s="61">
        <v>21</v>
      </c>
      <c r="KK27" s="61">
        <v>11</v>
      </c>
      <c r="KL27" s="62">
        <v>133</v>
      </c>
      <c r="KM27" s="63">
        <v>195</v>
      </c>
    </row>
    <row r="28" spans="2:299" ht="21" customHeight="1" x14ac:dyDescent="0.2">
      <c r="B28" s="468" t="s">
        <v>25</v>
      </c>
      <c r="C28" s="291">
        <v>15</v>
      </c>
      <c r="D28" s="72">
        <v>22</v>
      </c>
      <c r="E28" s="73">
        <v>37</v>
      </c>
      <c r="F28" s="228"/>
      <c r="G28" s="72">
        <v>28</v>
      </c>
      <c r="H28" s="72">
        <v>15</v>
      </c>
      <c r="I28" s="72">
        <v>11</v>
      </c>
      <c r="J28" s="72">
        <v>13</v>
      </c>
      <c r="K28" s="72">
        <v>8</v>
      </c>
      <c r="L28" s="74">
        <v>75</v>
      </c>
      <c r="M28" s="75">
        <v>112</v>
      </c>
      <c r="N28" s="60">
        <v>0</v>
      </c>
      <c r="O28" s="61">
        <v>0</v>
      </c>
      <c r="P28" s="62">
        <v>0</v>
      </c>
      <c r="Q28" s="231"/>
      <c r="R28" s="61">
        <v>1</v>
      </c>
      <c r="S28" s="61">
        <v>1</v>
      </c>
      <c r="T28" s="61">
        <v>0</v>
      </c>
      <c r="U28" s="61">
        <v>1</v>
      </c>
      <c r="V28" s="61">
        <v>0</v>
      </c>
      <c r="W28" s="62">
        <v>3</v>
      </c>
      <c r="X28" s="63">
        <v>3</v>
      </c>
      <c r="Y28" s="60">
        <v>2</v>
      </c>
      <c r="Z28" s="61">
        <v>2</v>
      </c>
      <c r="AA28" s="62">
        <v>4</v>
      </c>
      <c r="AB28" s="231"/>
      <c r="AC28" s="61">
        <v>1</v>
      </c>
      <c r="AD28" s="61">
        <v>1</v>
      </c>
      <c r="AE28" s="61">
        <v>0</v>
      </c>
      <c r="AF28" s="61">
        <v>3</v>
      </c>
      <c r="AG28" s="61">
        <v>0</v>
      </c>
      <c r="AH28" s="62">
        <v>5</v>
      </c>
      <c r="AI28" s="63">
        <v>9</v>
      </c>
      <c r="AJ28" s="60">
        <v>1</v>
      </c>
      <c r="AK28" s="61">
        <v>4</v>
      </c>
      <c r="AL28" s="62">
        <v>5</v>
      </c>
      <c r="AM28" s="231"/>
      <c r="AN28" s="61">
        <v>6</v>
      </c>
      <c r="AO28" s="61">
        <v>1</v>
      </c>
      <c r="AP28" s="61">
        <v>0</v>
      </c>
      <c r="AQ28" s="61">
        <v>2</v>
      </c>
      <c r="AR28" s="61">
        <v>2</v>
      </c>
      <c r="AS28" s="62">
        <v>11</v>
      </c>
      <c r="AT28" s="63">
        <v>16</v>
      </c>
      <c r="AU28" s="60">
        <v>2</v>
      </c>
      <c r="AV28" s="61">
        <v>8</v>
      </c>
      <c r="AW28" s="62">
        <v>10</v>
      </c>
      <c r="AX28" s="231"/>
      <c r="AY28" s="61">
        <v>5</v>
      </c>
      <c r="AZ28" s="61">
        <v>2</v>
      </c>
      <c r="BA28" s="61">
        <v>3</v>
      </c>
      <c r="BB28" s="61">
        <v>1</v>
      </c>
      <c r="BC28" s="61">
        <v>3</v>
      </c>
      <c r="BD28" s="62">
        <v>14</v>
      </c>
      <c r="BE28" s="63">
        <v>24</v>
      </c>
      <c r="BF28" s="60">
        <v>4</v>
      </c>
      <c r="BG28" s="61">
        <v>5</v>
      </c>
      <c r="BH28" s="62">
        <v>9</v>
      </c>
      <c r="BI28" s="231"/>
      <c r="BJ28" s="61">
        <v>8</v>
      </c>
      <c r="BK28" s="61">
        <v>4</v>
      </c>
      <c r="BL28" s="61">
        <v>5</v>
      </c>
      <c r="BM28" s="61">
        <v>1</v>
      </c>
      <c r="BN28" s="61">
        <v>2</v>
      </c>
      <c r="BO28" s="62">
        <v>20</v>
      </c>
      <c r="BP28" s="63">
        <v>29</v>
      </c>
      <c r="BQ28" s="60">
        <v>6</v>
      </c>
      <c r="BR28" s="61">
        <v>3</v>
      </c>
      <c r="BS28" s="62">
        <v>9</v>
      </c>
      <c r="BT28" s="231"/>
      <c r="BU28" s="61">
        <v>7</v>
      </c>
      <c r="BV28" s="61">
        <v>6</v>
      </c>
      <c r="BW28" s="61">
        <v>3</v>
      </c>
      <c r="BX28" s="61">
        <v>5</v>
      </c>
      <c r="BY28" s="61">
        <v>1</v>
      </c>
      <c r="BZ28" s="62">
        <v>22</v>
      </c>
      <c r="CA28" s="63">
        <v>31</v>
      </c>
      <c r="CB28" s="60">
        <v>0</v>
      </c>
      <c r="CC28" s="61">
        <v>0</v>
      </c>
      <c r="CD28" s="62">
        <v>0</v>
      </c>
      <c r="CE28" s="231"/>
      <c r="CF28" s="61">
        <v>0</v>
      </c>
      <c r="CG28" s="61">
        <v>0</v>
      </c>
      <c r="CH28" s="61">
        <v>0</v>
      </c>
      <c r="CI28" s="61">
        <v>0</v>
      </c>
      <c r="CJ28" s="61">
        <v>0</v>
      </c>
      <c r="CK28" s="62">
        <v>0</v>
      </c>
      <c r="CL28" s="63">
        <v>0</v>
      </c>
      <c r="CM28" s="60">
        <v>15</v>
      </c>
      <c r="CN28" s="61">
        <v>22</v>
      </c>
      <c r="CO28" s="62">
        <v>37</v>
      </c>
      <c r="CP28" s="231"/>
      <c r="CQ28" s="61">
        <v>28</v>
      </c>
      <c r="CR28" s="61">
        <v>15</v>
      </c>
      <c r="CS28" s="61">
        <v>11</v>
      </c>
      <c r="CT28" s="61">
        <v>13</v>
      </c>
      <c r="CU28" s="61">
        <v>8</v>
      </c>
      <c r="CV28" s="62">
        <v>75</v>
      </c>
      <c r="CW28" s="63">
        <v>112</v>
      </c>
      <c r="CX28" s="113">
        <v>2</v>
      </c>
      <c r="CY28" s="72">
        <v>3</v>
      </c>
      <c r="CZ28" s="73">
        <v>5</v>
      </c>
      <c r="DA28" s="228"/>
      <c r="DB28" s="72">
        <v>5</v>
      </c>
      <c r="DC28" s="72">
        <v>1</v>
      </c>
      <c r="DD28" s="72">
        <v>0</v>
      </c>
      <c r="DE28" s="72">
        <v>0</v>
      </c>
      <c r="DF28" s="72">
        <v>1</v>
      </c>
      <c r="DG28" s="74">
        <v>7</v>
      </c>
      <c r="DH28" s="75">
        <v>12</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1</v>
      </c>
      <c r="EN28" s="62">
        <v>1</v>
      </c>
      <c r="EO28" s="63">
        <v>1</v>
      </c>
      <c r="EP28" s="60">
        <v>0</v>
      </c>
      <c r="EQ28" s="61">
        <v>1</v>
      </c>
      <c r="ER28" s="62">
        <v>1</v>
      </c>
      <c r="ES28" s="231"/>
      <c r="ET28" s="61">
        <v>0</v>
      </c>
      <c r="EU28" s="61">
        <v>1</v>
      </c>
      <c r="EV28" s="61">
        <v>0</v>
      </c>
      <c r="EW28" s="61">
        <v>0</v>
      </c>
      <c r="EX28" s="61">
        <v>0</v>
      </c>
      <c r="EY28" s="62">
        <v>1</v>
      </c>
      <c r="EZ28" s="63">
        <v>2</v>
      </c>
      <c r="FA28" s="60">
        <v>0</v>
      </c>
      <c r="FB28" s="61">
        <v>1</v>
      </c>
      <c r="FC28" s="62">
        <v>1</v>
      </c>
      <c r="FD28" s="231"/>
      <c r="FE28" s="61">
        <v>2</v>
      </c>
      <c r="FF28" s="61">
        <v>0</v>
      </c>
      <c r="FG28" s="61">
        <v>0</v>
      </c>
      <c r="FH28" s="61">
        <v>0</v>
      </c>
      <c r="FI28" s="61">
        <v>0</v>
      </c>
      <c r="FJ28" s="62">
        <v>2</v>
      </c>
      <c r="FK28" s="63">
        <v>3</v>
      </c>
      <c r="FL28" s="60">
        <v>2</v>
      </c>
      <c r="FM28" s="61">
        <v>1</v>
      </c>
      <c r="FN28" s="62">
        <v>3</v>
      </c>
      <c r="FO28" s="231"/>
      <c r="FP28" s="61">
        <v>3</v>
      </c>
      <c r="FQ28" s="61">
        <v>0</v>
      </c>
      <c r="FR28" s="61">
        <v>0</v>
      </c>
      <c r="FS28" s="61">
        <v>0</v>
      </c>
      <c r="FT28" s="61">
        <v>0</v>
      </c>
      <c r="FU28" s="62">
        <v>3</v>
      </c>
      <c r="FV28" s="63">
        <v>6</v>
      </c>
      <c r="FW28" s="60">
        <v>0</v>
      </c>
      <c r="FX28" s="61">
        <v>0</v>
      </c>
      <c r="FY28" s="62">
        <v>0</v>
      </c>
      <c r="FZ28" s="231"/>
      <c r="GA28" s="61">
        <v>0</v>
      </c>
      <c r="GB28" s="61">
        <v>0</v>
      </c>
      <c r="GC28" s="61">
        <v>0</v>
      </c>
      <c r="GD28" s="61">
        <v>0</v>
      </c>
      <c r="GE28" s="61">
        <v>0</v>
      </c>
      <c r="GF28" s="62">
        <v>0</v>
      </c>
      <c r="GG28" s="63">
        <v>0</v>
      </c>
      <c r="GH28" s="60">
        <v>2</v>
      </c>
      <c r="GI28" s="61">
        <v>3</v>
      </c>
      <c r="GJ28" s="62">
        <v>5</v>
      </c>
      <c r="GK28" s="231"/>
      <c r="GL28" s="61">
        <v>5</v>
      </c>
      <c r="GM28" s="61">
        <v>1</v>
      </c>
      <c r="GN28" s="61">
        <v>0</v>
      </c>
      <c r="GO28" s="61">
        <v>0</v>
      </c>
      <c r="GP28" s="61">
        <v>1</v>
      </c>
      <c r="GQ28" s="62">
        <v>7</v>
      </c>
      <c r="GR28" s="63">
        <v>12</v>
      </c>
      <c r="GS28" s="113">
        <v>17</v>
      </c>
      <c r="GT28" s="72">
        <v>25</v>
      </c>
      <c r="GU28" s="73">
        <v>42</v>
      </c>
      <c r="GV28" s="228"/>
      <c r="GW28" s="72">
        <v>33</v>
      </c>
      <c r="GX28" s="72">
        <v>16</v>
      </c>
      <c r="GY28" s="72">
        <v>11</v>
      </c>
      <c r="GZ28" s="72">
        <v>13</v>
      </c>
      <c r="HA28" s="72">
        <v>9</v>
      </c>
      <c r="HB28" s="74">
        <v>82</v>
      </c>
      <c r="HC28" s="75">
        <v>124</v>
      </c>
      <c r="HD28" s="60">
        <v>0</v>
      </c>
      <c r="HE28" s="61">
        <v>0</v>
      </c>
      <c r="HF28" s="62">
        <v>0</v>
      </c>
      <c r="HG28" s="231"/>
      <c r="HH28" s="61">
        <v>1</v>
      </c>
      <c r="HI28" s="61">
        <v>1</v>
      </c>
      <c r="HJ28" s="61">
        <v>0</v>
      </c>
      <c r="HK28" s="61">
        <v>1</v>
      </c>
      <c r="HL28" s="61">
        <v>0</v>
      </c>
      <c r="HM28" s="62">
        <v>3</v>
      </c>
      <c r="HN28" s="63">
        <v>3</v>
      </c>
      <c r="HO28" s="60">
        <v>2</v>
      </c>
      <c r="HP28" s="61">
        <v>2</v>
      </c>
      <c r="HQ28" s="62">
        <v>4</v>
      </c>
      <c r="HR28" s="231"/>
      <c r="HS28" s="61">
        <v>1</v>
      </c>
      <c r="HT28" s="61">
        <v>1</v>
      </c>
      <c r="HU28" s="61">
        <v>0</v>
      </c>
      <c r="HV28" s="61">
        <v>3</v>
      </c>
      <c r="HW28" s="61">
        <v>0</v>
      </c>
      <c r="HX28" s="62">
        <v>5</v>
      </c>
      <c r="HY28" s="63">
        <v>9</v>
      </c>
      <c r="HZ28" s="60">
        <v>1</v>
      </c>
      <c r="IA28" s="61">
        <v>4</v>
      </c>
      <c r="IB28" s="62">
        <v>5</v>
      </c>
      <c r="IC28" s="231"/>
      <c r="ID28" s="61">
        <v>6</v>
      </c>
      <c r="IE28" s="61">
        <v>1</v>
      </c>
      <c r="IF28" s="61">
        <v>0</v>
      </c>
      <c r="IG28" s="61">
        <v>2</v>
      </c>
      <c r="IH28" s="61">
        <v>3</v>
      </c>
      <c r="II28" s="62">
        <v>12</v>
      </c>
      <c r="IJ28" s="63">
        <v>17</v>
      </c>
      <c r="IK28" s="60">
        <v>2</v>
      </c>
      <c r="IL28" s="61">
        <v>9</v>
      </c>
      <c r="IM28" s="62">
        <v>11</v>
      </c>
      <c r="IN28" s="231"/>
      <c r="IO28" s="61">
        <v>5</v>
      </c>
      <c r="IP28" s="61">
        <v>3</v>
      </c>
      <c r="IQ28" s="61">
        <v>3</v>
      </c>
      <c r="IR28" s="61">
        <v>1</v>
      </c>
      <c r="IS28" s="61">
        <v>3</v>
      </c>
      <c r="IT28" s="62">
        <v>15</v>
      </c>
      <c r="IU28" s="63">
        <v>26</v>
      </c>
      <c r="IV28" s="60">
        <v>4</v>
      </c>
      <c r="IW28" s="61">
        <v>6</v>
      </c>
      <c r="IX28" s="62">
        <v>10</v>
      </c>
      <c r="IY28" s="231"/>
      <c r="IZ28" s="61">
        <v>10</v>
      </c>
      <c r="JA28" s="61">
        <v>4</v>
      </c>
      <c r="JB28" s="61">
        <v>5</v>
      </c>
      <c r="JC28" s="61">
        <v>1</v>
      </c>
      <c r="JD28" s="61">
        <v>2</v>
      </c>
      <c r="JE28" s="62">
        <v>22</v>
      </c>
      <c r="JF28" s="63">
        <v>32</v>
      </c>
      <c r="JG28" s="60">
        <v>8</v>
      </c>
      <c r="JH28" s="61">
        <v>4</v>
      </c>
      <c r="JI28" s="62">
        <v>12</v>
      </c>
      <c r="JJ28" s="231"/>
      <c r="JK28" s="61">
        <v>10</v>
      </c>
      <c r="JL28" s="61">
        <v>6</v>
      </c>
      <c r="JM28" s="61">
        <v>3</v>
      </c>
      <c r="JN28" s="61">
        <v>5</v>
      </c>
      <c r="JO28" s="61">
        <v>1</v>
      </c>
      <c r="JP28" s="62">
        <v>25</v>
      </c>
      <c r="JQ28" s="63">
        <v>37</v>
      </c>
      <c r="JR28" s="60">
        <v>0</v>
      </c>
      <c r="JS28" s="61">
        <v>0</v>
      </c>
      <c r="JT28" s="62">
        <v>0</v>
      </c>
      <c r="JU28" s="231"/>
      <c r="JV28" s="61">
        <v>0</v>
      </c>
      <c r="JW28" s="61">
        <v>0</v>
      </c>
      <c r="JX28" s="61">
        <v>0</v>
      </c>
      <c r="JY28" s="61">
        <v>0</v>
      </c>
      <c r="JZ28" s="61">
        <v>0</v>
      </c>
      <c r="KA28" s="62">
        <v>0</v>
      </c>
      <c r="KB28" s="63">
        <v>0</v>
      </c>
      <c r="KC28" s="60">
        <v>17</v>
      </c>
      <c r="KD28" s="61">
        <v>25</v>
      </c>
      <c r="KE28" s="62">
        <v>42</v>
      </c>
      <c r="KF28" s="231"/>
      <c r="KG28" s="61">
        <v>33</v>
      </c>
      <c r="KH28" s="61">
        <v>16</v>
      </c>
      <c r="KI28" s="61">
        <v>11</v>
      </c>
      <c r="KJ28" s="61">
        <v>13</v>
      </c>
      <c r="KK28" s="61">
        <v>9</v>
      </c>
      <c r="KL28" s="62">
        <v>82</v>
      </c>
      <c r="KM28" s="63">
        <v>124</v>
      </c>
    </row>
    <row r="29" spans="2:299" ht="21" customHeight="1" x14ac:dyDescent="0.2">
      <c r="B29" s="468" t="s">
        <v>26</v>
      </c>
      <c r="C29" s="291">
        <v>20</v>
      </c>
      <c r="D29" s="72">
        <v>14</v>
      </c>
      <c r="E29" s="73">
        <v>34</v>
      </c>
      <c r="F29" s="228"/>
      <c r="G29" s="72">
        <v>22</v>
      </c>
      <c r="H29" s="72">
        <v>21</v>
      </c>
      <c r="I29" s="72">
        <v>16</v>
      </c>
      <c r="J29" s="72">
        <v>11</v>
      </c>
      <c r="K29" s="72">
        <v>7</v>
      </c>
      <c r="L29" s="74">
        <v>77</v>
      </c>
      <c r="M29" s="75">
        <v>111</v>
      </c>
      <c r="N29" s="60">
        <v>0</v>
      </c>
      <c r="O29" s="61">
        <v>0</v>
      </c>
      <c r="P29" s="62">
        <v>0</v>
      </c>
      <c r="Q29" s="231"/>
      <c r="R29" s="61">
        <v>0</v>
      </c>
      <c r="S29" s="61">
        <v>0</v>
      </c>
      <c r="T29" s="61">
        <v>0</v>
      </c>
      <c r="U29" s="61">
        <v>0</v>
      </c>
      <c r="V29" s="61">
        <v>0</v>
      </c>
      <c r="W29" s="62">
        <v>0</v>
      </c>
      <c r="X29" s="63">
        <v>0</v>
      </c>
      <c r="Y29" s="60">
        <v>0</v>
      </c>
      <c r="Z29" s="61">
        <v>0</v>
      </c>
      <c r="AA29" s="62">
        <v>0</v>
      </c>
      <c r="AB29" s="231"/>
      <c r="AC29" s="61">
        <v>1</v>
      </c>
      <c r="AD29" s="61">
        <v>1</v>
      </c>
      <c r="AE29" s="61">
        <v>0</v>
      </c>
      <c r="AF29" s="61">
        <v>0</v>
      </c>
      <c r="AG29" s="61">
        <v>0</v>
      </c>
      <c r="AH29" s="62">
        <v>2</v>
      </c>
      <c r="AI29" s="63">
        <v>2</v>
      </c>
      <c r="AJ29" s="60">
        <v>0</v>
      </c>
      <c r="AK29" s="61">
        <v>2</v>
      </c>
      <c r="AL29" s="62">
        <v>2</v>
      </c>
      <c r="AM29" s="231"/>
      <c r="AN29" s="61">
        <v>1</v>
      </c>
      <c r="AO29" s="61">
        <v>0</v>
      </c>
      <c r="AP29" s="61">
        <v>2</v>
      </c>
      <c r="AQ29" s="61">
        <v>0</v>
      </c>
      <c r="AR29" s="61">
        <v>0</v>
      </c>
      <c r="AS29" s="62">
        <v>3</v>
      </c>
      <c r="AT29" s="63">
        <v>5</v>
      </c>
      <c r="AU29" s="60">
        <v>4</v>
      </c>
      <c r="AV29" s="61">
        <v>6</v>
      </c>
      <c r="AW29" s="62">
        <v>10</v>
      </c>
      <c r="AX29" s="231"/>
      <c r="AY29" s="61">
        <v>6</v>
      </c>
      <c r="AZ29" s="61">
        <v>7</v>
      </c>
      <c r="BA29" s="61">
        <v>3</v>
      </c>
      <c r="BB29" s="61">
        <v>3</v>
      </c>
      <c r="BC29" s="61">
        <v>0</v>
      </c>
      <c r="BD29" s="62">
        <v>19</v>
      </c>
      <c r="BE29" s="63">
        <v>29</v>
      </c>
      <c r="BF29" s="60">
        <v>5</v>
      </c>
      <c r="BG29" s="61">
        <v>3</v>
      </c>
      <c r="BH29" s="62">
        <v>8</v>
      </c>
      <c r="BI29" s="231"/>
      <c r="BJ29" s="61">
        <v>9</v>
      </c>
      <c r="BK29" s="61">
        <v>8</v>
      </c>
      <c r="BL29" s="61">
        <v>8</v>
      </c>
      <c r="BM29" s="61">
        <v>4</v>
      </c>
      <c r="BN29" s="61">
        <v>4</v>
      </c>
      <c r="BO29" s="62">
        <v>33</v>
      </c>
      <c r="BP29" s="63">
        <v>41</v>
      </c>
      <c r="BQ29" s="60">
        <v>11</v>
      </c>
      <c r="BR29" s="61">
        <v>3</v>
      </c>
      <c r="BS29" s="62">
        <v>14</v>
      </c>
      <c r="BT29" s="231"/>
      <c r="BU29" s="61">
        <v>5</v>
      </c>
      <c r="BV29" s="61">
        <v>5</v>
      </c>
      <c r="BW29" s="61">
        <v>3</v>
      </c>
      <c r="BX29" s="61">
        <v>4</v>
      </c>
      <c r="BY29" s="61">
        <v>3</v>
      </c>
      <c r="BZ29" s="62">
        <v>20</v>
      </c>
      <c r="CA29" s="63">
        <v>34</v>
      </c>
      <c r="CB29" s="60">
        <v>0</v>
      </c>
      <c r="CC29" s="61">
        <v>0</v>
      </c>
      <c r="CD29" s="62">
        <v>0</v>
      </c>
      <c r="CE29" s="231"/>
      <c r="CF29" s="61">
        <v>0</v>
      </c>
      <c r="CG29" s="61">
        <v>0</v>
      </c>
      <c r="CH29" s="61">
        <v>0</v>
      </c>
      <c r="CI29" s="61">
        <v>0</v>
      </c>
      <c r="CJ29" s="61">
        <v>0</v>
      </c>
      <c r="CK29" s="62">
        <v>0</v>
      </c>
      <c r="CL29" s="63">
        <v>0</v>
      </c>
      <c r="CM29" s="60">
        <v>20</v>
      </c>
      <c r="CN29" s="61">
        <v>14</v>
      </c>
      <c r="CO29" s="62">
        <v>34</v>
      </c>
      <c r="CP29" s="231"/>
      <c r="CQ29" s="61">
        <v>22</v>
      </c>
      <c r="CR29" s="61">
        <v>21</v>
      </c>
      <c r="CS29" s="61">
        <v>16</v>
      </c>
      <c r="CT29" s="61">
        <v>11</v>
      </c>
      <c r="CU29" s="61">
        <v>7</v>
      </c>
      <c r="CV29" s="62">
        <v>77</v>
      </c>
      <c r="CW29" s="63">
        <v>111</v>
      </c>
      <c r="CX29" s="113">
        <v>4</v>
      </c>
      <c r="CY29" s="72">
        <v>2</v>
      </c>
      <c r="CZ29" s="73">
        <v>6</v>
      </c>
      <c r="DA29" s="228"/>
      <c r="DB29" s="72">
        <v>4</v>
      </c>
      <c r="DC29" s="72">
        <v>2</v>
      </c>
      <c r="DD29" s="72">
        <v>3</v>
      </c>
      <c r="DE29" s="72">
        <v>1</v>
      </c>
      <c r="DF29" s="72">
        <v>0</v>
      </c>
      <c r="DG29" s="74">
        <v>10</v>
      </c>
      <c r="DH29" s="75">
        <v>16</v>
      </c>
      <c r="DI29" s="60">
        <v>0</v>
      </c>
      <c r="DJ29" s="61">
        <v>0</v>
      </c>
      <c r="DK29" s="62">
        <v>0</v>
      </c>
      <c r="DL29" s="231"/>
      <c r="DM29" s="61">
        <v>1</v>
      </c>
      <c r="DN29" s="61">
        <v>0</v>
      </c>
      <c r="DO29" s="61">
        <v>0</v>
      </c>
      <c r="DP29" s="61">
        <v>1</v>
      </c>
      <c r="DQ29" s="61">
        <v>0</v>
      </c>
      <c r="DR29" s="62">
        <v>2</v>
      </c>
      <c r="DS29" s="63">
        <v>2</v>
      </c>
      <c r="DT29" s="60">
        <v>1</v>
      </c>
      <c r="DU29" s="61">
        <v>0</v>
      </c>
      <c r="DV29" s="62">
        <v>1</v>
      </c>
      <c r="DW29" s="231"/>
      <c r="DX29" s="61">
        <v>0</v>
      </c>
      <c r="DY29" s="61">
        <v>0</v>
      </c>
      <c r="DZ29" s="61">
        <v>0</v>
      </c>
      <c r="EA29" s="61">
        <v>0</v>
      </c>
      <c r="EB29" s="61">
        <v>0</v>
      </c>
      <c r="EC29" s="62">
        <v>0</v>
      </c>
      <c r="ED29" s="63">
        <v>1</v>
      </c>
      <c r="EE29" s="60">
        <v>2</v>
      </c>
      <c r="EF29" s="61">
        <v>0</v>
      </c>
      <c r="EG29" s="62">
        <v>2</v>
      </c>
      <c r="EH29" s="231"/>
      <c r="EI29" s="61">
        <v>0</v>
      </c>
      <c r="EJ29" s="61">
        <v>0</v>
      </c>
      <c r="EK29" s="61">
        <v>0</v>
      </c>
      <c r="EL29" s="61">
        <v>0</v>
      </c>
      <c r="EM29" s="61">
        <v>0</v>
      </c>
      <c r="EN29" s="62">
        <v>0</v>
      </c>
      <c r="EO29" s="63">
        <v>2</v>
      </c>
      <c r="EP29" s="60">
        <v>0</v>
      </c>
      <c r="EQ29" s="61">
        <v>0</v>
      </c>
      <c r="ER29" s="62">
        <v>0</v>
      </c>
      <c r="ES29" s="231"/>
      <c r="ET29" s="61">
        <v>1</v>
      </c>
      <c r="EU29" s="61">
        <v>0</v>
      </c>
      <c r="EV29" s="61">
        <v>0</v>
      </c>
      <c r="EW29" s="61">
        <v>0</v>
      </c>
      <c r="EX29" s="61">
        <v>0</v>
      </c>
      <c r="EY29" s="62">
        <v>1</v>
      </c>
      <c r="EZ29" s="63">
        <v>1</v>
      </c>
      <c r="FA29" s="60">
        <v>0</v>
      </c>
      <c r="FB29" s="61">
        <v>0</v>
      </c>
      <c r="FC29" s="62">
        <v>0</v>
      </c>
      <c r="FD29" s="231"/>
      <c r="FE29" s="61">
        <v>1</v>
      </c>
      <c r="FF29" s="61">
        <v>1</v>
      </c>
      <c r="FG29" s="61">
        <v>0</v>
      </c>
      <c r="FH29" s="61">
        <v>0</v>
      </c>
      <c r="FI29" s="61">
        <v>0</v>
      </c>
      <c r="FJ29" s="62">
        <v>2</v>
      </c>
      <c r="FK29" s="63">
        <v>2</v>
      </c>
      <c r="FL29" s="60">
        <v>1</v>
      </c>
      <c r="FM29" s="61">
        <v>2</v>
      </c>
      <c r="FN29" s="62">
        <v>3</v>
      </c>
      <c r="FO29" s="231"/>
      <c r="FP29" s="61">
        <v>1</v>
      </c>
      <c r="FQ29" s="61">
        <v>1</v>
      </c>
      <c r="FR29" s="61">
        <v>3</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2</v>
      </c>
      <c r="GJ29" s="62">
        <v>6</v>
      </c>
      <c r="GK29" s="231"/>
      <c r="GL29" s="61">
        <v>4</v>
      </c>
      <c r="GM29" s="61">
        <v>2</v>
      </c>
      <c r="GN29" s="61">
        <v>3</v>
      </c>
      <c r="GO29" s="61">
        <v>1</v>
      </c>
      <c r="GP29" s="61">
        <v>0</v>
      </c>
      <c r="GQ29" s="62">
        <v>10</v>
      </c>
      <c r="GR29" s="63">
        <v>16</v>
      </c>
      <c r="GS29" s="113">
        <v>24</v>
      </c>
      <c r="GT29" s="72">
        <v>16</v>
      </c>
      <c r="GU29" s="73">
        <v>40</v>
      </c>
      <c r="GV29" s="228"/>
      <c r="GW29" s="72">
        <v>26</v>
      </c>
      <c r="GX29" s="72">
        <v>23</v>
      </c>
      <c r="GY29" s="72">
        <v>19</v>
      </c>
      <c r="GZ29" s="72">
        <v>12</v>
      </c>
      <c r="HA29" s="72">
        <v>7</v>
      </c>
      <c r="HB29" s="74">
        <v>87</v>
      </c>
      <c r="HC29" s="75">
        <v>127</v>
      </c>
      <c r="HD29" s="60">
        <v>0</v>
      </c>
      <c r="HE29" s="61">
        <v>0</v>
      </c>
      <c r="HF29" s="62">
        <v>0</v>
      </c>
      <c r="HG29" s="231"/>
      <c r="HH29" s="61">
        <v>1</v>
      </c>
      <c r="HI29" s="61">
        <v>0</v>
      </c>
      <c r="HJ29" s="61">
        <v>0</v>
      </c>
      <c r="HK29" s="61">
        <v>1</v>
      </c>
      <c r="HL29" s="61">
        <v>0</v>
      </c>
      <c r="HM29" s="62">
        <v>2</v>
      </c>
      <c r="HN29" s="63">
        <v>2</v>
      </c>
      <c r="HO29" s="60">
        <v>1</v>
      </c>
      <c r="HP29" s="61">
        <v>0</v>
      </c>
      <c r="HQ29" s="62">
        <v>1</v>
      </c>
      <c r="HR29" s="231"/>
      <c r="HS29" s="61">
        <v>1</v>
      </c>
      <c r="HT29" s="61">
        <v>1</v>
      </c>
      <c r="HU29" s="61">
        <v>0</v>
      </c>
      <c r="HV29" s="61">
        <v>0</v>
      </c>
      <c r="HW29" s="61">
        <v>0</v>
      </c>
      <c r="HX29" s="62">
        <v>2</v>
      </c>
      <c r="HY29" s="63">
        <v>3</v>
      </c>
      <c r="HZ29" s="60">
        <v>2</v>
      </c>
      <c r="IA29" s="61">
        <v>2</v>
      </c>
      <c r="IB29" s="62">
        <v>4</v>
      </c>
      <c r="IC29" s="231"/>
      <c r="ID29" s="61">
        <v>1</v>
      </c>
      <c r="IE29" s="61">
        <v>0</v>
      </c>
      <c r="IF29" s="61">
        <v>2</v>
      </c>
      <c r="IG29" s="61">
        <v>0</v>
      </c>
      <c r="IH29" s="61">
        <v>0</v>
      </c>
      <c r="II29" s="62">
        <v>3</v>
      </c>
      <c r="IJ29" s="63">
        <v>7</v>
      </c>
      <c r="IK29" s="60">
        <v>4</v>
      </c>
      <c r="IL29" s="61">
        <v>6</v>
      </c>
      <c r="IM29" s="62">
        <v>10</v>
      </c>
      <c r="IN29" s="231"/>
      <c r="IO29" s="61">
        <v>7</v>
      </c>
      <c r="IP29" s="61">
        <v>7</v>
      </c>
      <c r="IQ29" s="61">
        <v>3</v>
      </c>
      <c r="IR29" s="61">
        <v>3</v>
      </c>
      <c r="IS29" s="61">
        <v>0</v>
      </c>
      <c r="IT29" s="62">
        <v>20</v>
      </c>
      <c r="IU29" s="63">
        <v>30</v>
      </c>
      <c r="IV29" s="60">
        <v>5</v>
      </c>
      <c r="IW29" s="61">
        <v>3</v>
      </c>
      <c r="IX29" s="62">
        <v>8</v>
      </c>
      <c r="IY29" s="231"/>
      <c r="IZ29" s="61">
        <v>10</v>
      </c>
      <c r="JA29" s="61">
        <v>9</v>
      </c>
      <c r="JB29" s="61">
        <v>8</v>
      </c>
      <c r="JC29" s="61">
        <v>4</v>
      </c>
      <c r="JD29" s="61">
        <v>4</v>
      </c>
      <c r="JE29" s="62">
        <v>35</v>
      </c>
      <c r="JF29" s="63">
        <v>43</v>
      </c>
      <c r="JG29" s="60">
        <v>12</v>
      </c>
      <c r="JH29" s="61">
        <v>5</v>
      </c>
      <c r="JI29" s="62">
        <v>17</v>
      </c>
      <c r="JJ29" s="231"/>
      <c r="JK29" s="61">
        <v>6</v>
      </c>
      <c r="JL29" s="61">
        <v>6</v>
      </c>
      <c r="JM29" s="61">
        <v>6</v>
      </c>
      <c r="JN29" s="61">
        <v>4</v>
      </c>
      <c r="JO29" s="61">
        <v>3</v>
      </c>
      <c r="JP29" s="62">
        <v>25</v>
      </c>
      <c r="JQ29" s="63">
        <v>42</v>
      </c>
      <c r="JR29" s="60">
        <v>0</v>
      </c>
      <c r="JS29" s="61">
        <v>0</v>
      </c>
      <c r="JT29" s="62">
        <v>0</v>
      </c>
      <c r="JU29" s="231"/>
      <c r="JV29" s="61">
        <v>0</v>
      </c>
      <c r="JW29" s="61">
        <v>0</v>
      </c>
      <c r="JX29" s="61">
        <v>0</v>
      </c>
      <c r="JY29" s="61">
        <v>0</v>
      </c>
      <c r="JZ29" s="61">
        <v>0</v>
      </c>
      <c r="KA29" s="62">
        <v>0</v>
      </c>
      <c r="KB29" s="63">
        <v>0</v>
      </c>
      <c r="KC29" s="60">
        <v>24</v>
      </c>
      <c r="KD29" s="61">
        <v>16</v>
      </c>
      <c r="KE29" s="62">
        <v>40</v>
      </c>
      <c r="KF29" s="231"/>
      <c r="KG29" s="61">
        <v>26</v>
      </c>
      <c r="KH29" s="61">
        <v>23</v>
      </c>
      <c r="KI29" s="61">
        <v>19</v>
      </c>
      <c r="KJ29" s="61">
        <v>12</v>
      </c>
      <c r="KK29" s="61">
        <v>7</v>
      </c>
      <c r="KL29" s="62">
        <v>87</v>
      </c>
      <c r="KM29" s="63">
        <v>127</v>
      </c>
    </row>
    <row r="30" spans="2:299" ht="21" customHeight="1" x14ac:dyDescent="0.2">
      <c r="B30" s="468" t="s">
        <v>27</v>
      </c>
      <c r="C30" s="291">
        <v>21</v>
      </c>
      <c r="D30" s="72">
        <v>24</v>
      </c>
      <c r="E30" s="73">
        <v>45</v>
      </c>
      <c r="F30" s="228"/>
      <c r="G30" s="72">
        <v>20</v>
      </c>
      <c r="H30" s="72">
        <v>17</v>
      </c>
      <c r="I30" s="72">
        <v>11</v>
      </c>
      <c r="J30" s="72">
        <v>14</v>
      </c>
      <c r="K30" s="72">
        <v>7</v>
      </c>
      <c r="L30" s="74">
        <v>69</v>
      </c>
      <c r="M30" s="75">
        <v>114</v>
      </c>
      <c r="N30" s="60">
        <v>0</v>
      </c>
      <c r="O30" s="61">
        <v>0</v>
      </c>
      <c r="P30" s="62">
        <v>0</v>
      </c>
      <c r="Q30" s="231"/>
      <c r="R30" s="61">
        <v>0</v>
      </c>
      <c r="S30" s="61">
        <v>0</v>
      </c>
      <c r="T30" s="61">
        <v>0</v>
      </c>
      <c r="U30" s="61">
        <v>0</v>
      </c>
      <c r="V30" s="61">
        <v>1</v>
      </c>
      <c r="W30" s="62">
        <v>1</v>
      </c>
      <c r="X30" s="63">
        <v>1</v>
      </c>
      <c r="Y30" s="60">
        <v>1</v>
      </c>
      <c r="Z30" s="61">
        <v>2</v>
      </c>
      <c r="AA30" s="62">
        <v>3</v>
      </c>
      <c r="AB30" s="231"/>
      <c r="AC30" s="61">
        <v>2</v>
      </c>
      <c r="AD30" s="61">
        <v>0</v>
      </c>
      <c r="AE30" s="61">
        <v>0</v>
      </c>
      <c r="AF30" s="61">
        <v>0</v>
      </c>
      <c r="AG30" s="61">
        <v>0</v>
      </c>
      <c r="AH30" s="62">
        <v>2</v>
      </c>
      <c r="AI30" s="63">
        <v>5</v>
      </c>
      <c r="AJ30" s="60">
        <v>1</v>
      </c>
      <c r="AK30" s="61">
        <v>4</v>
      </c>
      <c r="AL30" s="62">
        <v>5</v>
      </c>
      <c r="AM30" s="231"/>
      <c r="AN30" s="61">
        <v>0</v>
      </c>
      <c r="AO30" s="61">
        <v>1</v>
      </c>
      <c r="AP30" s="61">
        <v>0</v>
      </c>
      <c r="AQ30" s="61">
        <v>0</v>
      </c>
      <c r="AR30" s="61">
        <v>1</v>
      </c>
      <c r="AS30" s="62">
        <v>2</v>
      </c>
      <c r="AT30" s="63">
        <v>7</v>
      </c>
      <c r="AU30" s="60">
        <v>5</v>
      </c>
      <c r="AV30" s="61">
        <v>4</v>
      </c>
      <c r="AW30" s="62">
        <v>9</v>
      </c>
      <c r="AX30" s="231"/>
      <c r="AY30" s="61">
        <v>5</v>
      </c>
      <c r="AZ30" s="61">
        <v>4</v>
      </c>
      <c r="BA30" s="61">
        <v>4</v>
      </c>
      <c r="BB30" s="61">
        <v>0</v>
      </c>
      <c r="BC30" s="61">
        <v>1</v>
      </c>
      <c r="BD30" s="62">
        <v>14</v>
      </c>
      <c r="BE30" s="63">
        <v>23</v>
      </c>
      <c r="BF30" s="60">
        <v>8</v>
      </c>
      <c r="BG30" s="61">
        <v>4</v>
      </c>
      <c r="BH30" s="62">
        <v>12</v>
      </c>
      <c r="BI30" s="231"/>
      <c r="BJ30" s="61">
        <v>4</v>
      </c>
      <c r="BK30" s="61">
        <v>4</v>
      </c>
      <c r="BL30" s="61">
        <v>4</v>
      </c>
      <c r="BM30" s="61">
        <v>6</v>
      </c>
      <c r="BN30" s="61">
        <v>2</v>
      </c>
      <c r="BO30" s="62">
        <v>20</v>
      </c>
      <c r="BP30" s="63">
        <v>32</v>
      </c>
      <c r="BQ30" s="60">
        <v>6</v>
      </c>
      <c r="BR30" s="61">
        <v>10</v>
      </c>
      <c r="BS30" s="62">
        <v>16</v>
      </c>
      <c r="BT30" s="231"/>
      <c r="BU30" s="61">
        <v>9</v>
      </c>
      <c r="BV30" s="61">
        <v>8</v>
      </c>
      <c r="BW30" s="61">
        <v>3</v>
      </c>
      <c r="BX30" s="61">
        <v>8</v>
      </c>
      <c r="BY30" s="61">
        <v>2</v>
      </c>
      <c r="BZ30" s="62">
        <v>30</v>
      </c>
      <c r="CA30" s="63">
        <v>46</v>
      </c>
      <c r="CB30" s="60">
        <v>0</v>
      </c>
      <c r="CC30" s="61">
        <v>0</v>
      </c>
      <c r="CD30" s="62">
        <v>0</v>
      </c>
      <c r="CE30" s="231"/>
      <c r="CF30" s="61">
        <v>0</v>
      </c>
      <c r="CG30" s="61">
        <v>0</v>
      </c>
      <c r="CH30" s="61">
        <v>0</v>
      </c>
      <c r="CI30" s="61">
        <v>0</v>
      </c>
      <c r="CJ30" s="61">
        <v>0</v>
      </c>
      <c r="CK30" s="62">
        <v>0</v>
      </c>
      <c r="CL30" s="63">
        <v>0</v>
      </c>
      <c r="CM30" s="60">
        <v>21</v>
      </c>
      <c r="CN30" s="61">
        <v>24</v>
      </c>
      <c r="CO30" s="62">
        <v>45</v>
      </c>
      <c r="CP30" s="231"/>
      <c r="CQ30" s="61">
        <v>20</v>
      </c>
      <c r="CR30" s="61">
        <v>17</v>
      </c>
      <c r="CS30" s="61">
        <v>11</v>
      </c>
      <c r="CT30" s="61">
        <v>14</v>
      </c>
      <c r="CU30" s="61">
        <v>7</v>
      </c>
      <c r="CV30" s="62">
        <v>69</v>
      </c>
      <c r="CW30" s="63">
        <v>114</v>
      </c>
      <c r="CX30" s="113">
        <v>3</v>
      </c>
      <c r="CY30" s="72">
        <v>5</v>
      </c>
      <c r="CZ30" s="73">
        <v>8</v>
      </c>
      <c r="DA30" s="228"/>
      <c r="DB30" s="72">
        <v>3</v>
      </c>
      <c r="DC30" s="72">
        <v>2</v>
      </c>
      <c r="DD30" s="72">
        <v>2</v>
      </c>
      <c r="DE30" s="72">
        <v>2</v>
      </c>
      <c r="DF30" s="72">
        <v>1</v>
      </c>
      <c r="DG30" s="74">
        <v>10</v>
      </c>
      <c r="DH30" s="75">
        <v>18</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1</v>
      </c>
      <c r="EQ30" s="61">
        <v>0</v>
      </c>
      <c r="ER30" s="62">
        <v>1</v>
      </c>
      <c r="ES30" s="231"/>
      <c r="ET30" s="61">
        <v>1</v>
      </c>
      <c r="EU30" s="61">
        <v>0</v>
      </c>
      <c r="EV30" s="61">
        <v>0</v>
      </c>
      <c r="EW30" s="61">
        <v>0</v>
      </c>
      <c r="EX30" s="61">
        <v>0</v>
      </c>
      <c r="EY30" s="62">
        <v>1</v>
      </c>
      <c r="EZ30" s="63">
        <v>2</v>
      </c>
      <c r="FA30" s="60">
        <v>0</v>
      </c>
      <c r="FB30" s="61">
        <v>1</v>
      </c>
      <c r="FC30" s="62">
        <v>1</v>
      </c>
      <c r="FD30" s="231"/>
      <c r="FE30" s="61">
        <v>2</v>
      </c>
      <c r="FF30" s="61">
        <v>1</v>
      </c>
      <c r="FG30" s="61">
        <v>0</v>
      </c>
      <c r="FH30" s="61">
        <v>0</v>
      </c>
      <c r="FI30" s="61">
        <v>0</v>
      </c>
      <c r="FJ30" s="62">
        <v>3</v>
      </c>
      <c r="FK30" s="63">
        <v>4</v>
      </c>
      <c r="FL30" s="60">
        <v>2</v>
      </c>
      <c r="FM30" s="61">
        <v>4</v>
      </c>
      <c r="FN30" s="62">
        <v>6</v>
      </c>
      <c r="FO30" s="231"/>
      <c r="FP30" s="61">
        <v>0</v>
      </c>
      <c r="FQ30" s="61">
        <v>1</v>
      </c>
      <c r="FR30" s="61">
        <v>1</v>
      </c>
      <c r="FS30" s="61">
        <v>2</v>
      </c>
      <c r="FT30" s="61">
        <v>1</v>
      </c>
      <c r="FU30" s="62">
        <v>5</v>
      </c>
      <c r="FV30" s="63">
        <v>11</v>
      </c>
      <c r="FW30" s="60">
        <v>0</v>
      </c>
      <c r="FX30" s="61">
        <v>0</v>
      </c>
      <c r="FY30" s="62">
        <v>0</v>
      </c>
      <c r="FZ30" s="231"/>
      <c r="GA30" s="61">
        <v>0</v>
      </c>
      <c r="GB30" s="61">
        <v>0</v>
      </c>
      <c r="GC30" s="61">
        <v>0</v>
      </c>
      <c r="GD30" s="61">
        <v>0</v>
      </c>
      <c r="GE30" s="61">
        <v>0</v>
      </c>
      <c r="GF30" s="62">
        <v>0</v>
      </c>
      <c r="GG30" s="63">
        <v>0</v>
      </c>
      <c r="GH30" s="60">
        <v>3</v>
      </c>
      <c r="GI30" s="61">
        <v>5</v>
      </c>
      <c r="GJ30" s="62">
        <v>8</v>
      </c>
      <c r="GK30" s="231"/>
      <c r="GL30" s="61">
        <v>3</v>
      </c>
      <c r="GM30" s="61">
        <v>2</v>
      </c>
      <c r="GN30" s="61">
        <v>2</v>
      </c>
      <c r="GO30" s="61">
        <v>2</v>
      </c>
      <c r="GP30" s="61">
        <v>1</v>
      </c>
      <c r="GQ30" s="62">
        <v>10</v>
      </c>
      <c r="GR30" s="63">
        <v>18</v>
      </c>
      <c r="GS30" s="113">
        <v>24</v>
      </c>
      <c r="GT30" s="72">
        <v>29</v>
      </c>
      <c r="GU30" s="73">
        <v>53</v>
      </c>
      <c r="GV30" s="228"/>
      <c r="GW30" s="72">
        <v>23</v>
      </c>
      <c r="GX30" s="72">
        <v>19</v>
      </c>
      <c r="GY30" s="72">
        <v>13</v>
      </c>
      <c r="GZ30" s="72">
        <v>16</v>
      </c>
      <c r="HA30" s="72">
        <v>8</v>
      </c>
      <c r="HB30" s="74">
        <v>79</v>
      </c>
      <c r="HC30" s="75">
        <v>132</v>
      </c>
      <c r="HD30" s="60">
        <v>0</v>
      </c>
      <c r="HE30" s="61">
        <v>0</v>
      </c>
      <c r="HF30" s="62">
        <v>0</v>
      </c>
      <c r="HG30" s="231"/>
      <c r="HH30" s="61">
        <v>0</v>
      </c>
      <c r="HI30" s="61">
        <v>0</v>
      </c>
      <c r="HJ30" s="61">
        <v>0</v>
      </c>
      <c r="HK30" s="61">
        <v>0</v>
      </c>
      <c r="HL30" s="61">
        <v>1</v>
      </c>
      <c r="HM30" s="62">
        <v>1</v>
      </c>
      <c r="HN30" s="63">
        <v>1</v>
      </c>
      <c r="HO30" s="60">
        <v>1</v>
      </c>
      <c r="HP30" s="61">
        <v>2</v>
      </c>
      <c r="HQ30" s="62">
        <v>3</v>
      </c>
      <c r="HR30" s="231"/>
      <c r="HS30" s="61">
        <v>2</v>
      </c>
      <c r="HT30" s="61">
        <v>0</v>
      </c>
      <c r="HU30" s="61">
        <v>1</v>
      </c>
      <c r="HV30" s="61">
        <v>0</v>
      </c>
      <c r="HW30" s="61">
        <v>0</v>
      </c>
      <c r="HX30" s="62">
        <v>3</v>
      </c>
      <c r="HY30" s="63">
        <v>6</v>
      </c>
      <c r="HZ30" s="60">
        <v>1</v>
      </c>
      <c r="IA30" s="61">
        <v>4</v>
      </c>
      <c r="IB30" s="62">
        <v>5</v>
      </c>
      <c r="IC30" s="231"/>
      <c r="ID30" s="61">
        <v>0</v>
      </c>
      <c r="IE30" s="61">
        <v>1</v>
      </c>
      <c r="IF30" s="61">
        <v>0</v>
      </c>
      <c r="IG30" s="61">
        <v>0</v>
      </c>
      <c r="IH30" s="61">
        <v>1</v>
      </c>
      <c r="II30" s="62">
        <v>2</v>
      </c>
      <c r="IJ30" s="63">
        <v>7</v>
      </c>
      <c r="IK30" s="60">
        <v>6</v>
      </c>
      <c r="IL30" s="61">
        <v>4</v>
      </c>
      <c r="IM30" s="62">
        <v>10</v>
      </c>
      <c r="IN30" s="231"/>
      <c r="IO30" s="61">
        <v>6</v>
      </c>
      <c r="IP30" s="61">
        <v>4</v>
      </c>
      <c r="IQ30" s="61">
        <v>4</v>
      </c>
      <c r="IR30" s="61">
        <v>0</v>
      </c>
      <c r="IS30" s="61">
        <v>1</v>
      </c>
      <c r="IT30" s="62">
        <v>15</v>
      </c>
      <c r="IU30" s="63">
        <v>25</v>
      </c>
      <c r="IV30" s="60">
        <v>8</v>
      </c>
      <c r="IW30" s="61">
        <v>5</v>
      </c>
      <c r="IX30" s="62">
        <v>13</v>
      </c>
      <c r="IY30" s="231"/>
      <c r="IZ30" s="61">
        <v>6</v>
      </c>
      <c r="JA30" s="61">
        <v>5</v>
      </c>
      <c r="JB30" s="61">
        <v>4</v>
      </c>
      <c r="JC30" s="61">
        <v>6</v>
      </c>
      <c r="JD30" s="61">
        <v>2</v>
      </c>
      <c r="JE30" s="62">
        <v>23</v>
      </c>
      <c r="JF30" s="63">
        <v>36</v>
      </c>
      <c r="JG30" s="60">
        <v>8</v>
      </c>
      <c r="JH30" s="61">
        <v>14</v>
      </c>
      <c r="JI30" s="62">
        <v>22</v>
      </c>
      <c r="JJ30" s="231"/>
      <c r="JK30" s="61">
        <v>9</v>
      </c>
      <c r="JL30" s="61">
        <v>9</v>
      </c>
      <c r="JM30" s="61">
        <v>4</v>
      </c>
      <c r="JN30" s="61">
        <v>10</v>
      </c>
      <c r="JO30" s="61">
        <v>3</v>
      </c>
      <c r="JP30" s="62">
        <v>35</v>
      </c>
      <c r="JQ30" s="63">
        <v>57</v>
      </c>
      <c r="JR30" s="60">
        <v>0</v>
      </c>
      <c r="JS30" s="61">
        <v>0</v>
      </c>
      <c r="JT30" s="62">
        <v>0</v>
      </c>
      <c r="JU30" s="231"/>
      <c r="JV30" s="61">
        <v>0</v>
      </c>
      <c r="JW30" s="61">
        <v>0</v>
      </c>
      <c r="JX30" s="61">
        <v>0</v>
      </c>
      <c r="JY30" s="61">
        <v>0</v>
      </c>
      <c r="JZ30" s="61">
        <v>0</v>
      </c>
      <c r="KA30" s="62">
        <v>0</v>
      </c>
      <c r="KB30" s="63">
        <v>0</v>
      </c>
      <c r="KC30" s="60">
        <v>24</v>
      </c>
      <c r="KD30" s="61">
        <v>29</v>
      </c>
      <c r="KE30" s="62">
        <v>53</v>
      </c>
      <c r="KF30" s="231"/>
      <c r="KG30" s="61">
        <v>23</v>
      </c>
      <c r="KH30" s="61">
        <v>19</v>
      </c>
      <c r="KI30" s="61">
        <v>13</v>
      </c>
      <c r="KJ30" s="61">
        <v>16</v>
      </c>
      <c r="KK30" s="61">
        <v>8</v>
      </c>
      <c r="KL30" s="62">
        <v>79</v>
      </c>
      <c r="KM30" s="63">
        <v>132</v>
      </c>
    </row>
    <row r="31" spans="2:299" ht="21" customHeight="1" x14ac:dyDescent="0.2">
      <c r="B31" s="468" t="s">
        <v>28</v>
      </c>
      <c r="C31" s="291">
        <v>1</v>
      </c>
      <c r="D31" s="72">
        <v>5</v>
      </c>
      <c r="E31" s="73">
        <v>6</v>
      </c>
      <c r="F31" s="228"/>
      <c r="G31" s="72">
        <v>11</v>
      </c>
      <c r="H31" s="72">
        <v>9</v>
      </c>
      <c r="I31" s="72">
        <v>3</v>
      </c>
      <c r="J31" s="72">
        <v>0</v>
      </c>
      <c r="K31" s="72">
        <v>2</v>
      </c>
      <c r="L31" s="74">
        <v>25</v>
      </c>
      <c r="M31" s="75">
        <v>31</v>
      </c>
      <c r="N31" s="60">
        <v>0</v>
      </c>
      <c r="O31" s="61">
        <v>0</v>
      </c>
      <c r="P31" s="62">
        <v>0</v>
      </c>
      <c r="Q31" s="231"/>
      <c r="R31" s="61">
        <v>0</v>
      </c>
      <c r="S31" s="61">
        <v>0</v>
      </c>
      <c r="T31" s="61">
        <v>0</v>
      </c>
      <c r="U31" s="61">
        <v>0</v>
      </c>
      <c r="V31" s="61">
        <v>0</v>
      </c>
      <c r="W31" s="62">
        <v>0</v>
      </c>
      <c r="X31" s="63">
        <v>0</v>
      </c>
      <c r="Y31" s="60">
        <v>0</v>
      </c>
      <c r="Z31" s="61">
        <v>0</v>
      </c>
      <c r="AA31" s="62">
        <v>0</v>
      </c>
      <c r="AB31" s="231"/>
      <c r="AC31" s="61">
        <v>0</v>
      </c>
      <c r="AD31" s="61">
        <v>0</v>
      </c>
      <c r="AE31" s="61">
        <v>0</v>
      </c>
      <c r="AF31" s="61">
        <v>0</v>
      </c>
      <c r="AG31" s="61">
        <v>0</v>
      </c>
      <c r="AH31" s="62">
        <v>0</v>
      </c>
      <c r="AI31" s="63">
        <v>0</v>
      </c>
      <c r="AJ31" s="60">
        <v>0</v>
      </c>
      <c r="AK31" s="61">
        <v>1</v>
      </c>
      <c r="AL31" s="62">
        <v>1</v>
      </c>
      <c r="AM31" s="231"/>
      <c r="AN31" s="61">
        <v>2</v>
      </c>
      <c r="AO31" s="61">
        <v>1</v>
      </c>
      <c r="AP31" s="61">
        <v>0</v>
      </c>
      <c r="AQ31" s="61">
        <v>0</v>
      </c>
      <c r="AR31" s="61">
        <v>0</v>
      </c>
      <c r="AS31" s="62">
        <v>3</v>
      </c>
      <c r="AT31" s="63">
        <v>4</v>
      </c>
      <c r="AU31" s="60">
        <v>1</v>
      </c>
      <c r="AV31" s="61">
        <v>2</v>
      </c>
      <c r="AW31" s="62">
        <v>3</v>
      </c>
      <c r="AX31" s="231"/>
      <c r="AY31" s="61">
        <v>4</v>
      </c>
      <c r="AZ31" s="61">
        <v>3</v>
      </c>
      <c r="BA31" s="61">
        <v>0</v>
      </c>
      <c r="BB31" s="61">
        <v>0</v>
      </c>
      <c r="BC31" s="61">
        <v>1</v>
      </c>
      <c r="BD31" s="62">
        <v>8</v>
      </c>
      <c r="BE31" s="63">
        <v>11</v>
      </c>
      <c r="BF31" s="60">
        <v>0</v>
      </c>
      <c r="BG31" s="61">
        <v>2</v>
      </c>
      <c r="BH31" s="62">
        <v>2</v>
      </c>
      <c r="BI31" s="231"/>
      <c r="BJ31" s="61">
        <v>3</v>
      </c>
      <c r="BK31" s="61">
        <v>3</v>
      </c>
      <c r="BL31" s="61">
        <v>1</v>
      </c>
      <c r="BM31" s="61">
        <v>0</v>
      </c>
      <c r="BN31" s="61">
        <v>0</v>
      </c>
      <c r="BO31" s="62">
        <v>7</v>
      </c>
      <c r="BP31" s="63">
        <v>9</v>
      </c>
      <c r="BQ31" s="60">
        <v>0</v>
      </c>
      <c r="BR31" s="61">
        <v>0</v>
      </c>
      <c r="BS31" s="62">
        <v>0</v>
      </c>
      <c r="BT31" s="231"/>
      <c r="BU31" s="61">
        <v>2</v>
      </c>
      <c r="BV31" s="61">
        <v>2</v>
      </c>
      <c r="BW31" s="61">
        <v>2</v>
      </c>
      <c r="BX31" s="61">
        <v>0</v>
      </c>
      <c r="BY31" s="61">
        <v>1</v>
      </c>
      <c r="BZ31" s="62">
        <v>7</v>
      </c>
      <c r="CA31" s="63">
        <v>7</v>
      </c>
      <c r="CB31" s="60">
        <v>0</v>
      </c>
      <c r="CC31" s="61">
        <v>0</v>
      </c>
      <c r="CD31" s="62">
        <v>0</v>
      </c>
      <c r="CE31" s="231"/>
      <c r="CF31" s="61">
        <v>0</v>
      </c>
      <c r="CG31" s="61">
        <v>0</v>
      </c>
      <c r="CH31" s="61">
        <v>0</v>
      </c>
      <c r="CI31" s="61">
        <v>0</v>
      </c>
      <c r="CJ31" s="61">
        <v>0</v>
      </c>
      <c r="CK31" s="62">
        <v>0</v>
      </c>
      <c r="CL31" s="63">
        <v>0</v>
      </c>
      <c r="CM31" s="60">
        <v>1</v>
      </c>
      <c r="CN31" s="61">
        <v>5</v>
      </c>
      <c r="CO31" s="62">
        <v>6</v>
      </c>
      <c r="CP31" s="231"/>
      <c r="CQ31" s="61">
        <v>11</v>
      </c>
      <c r="CR31" s="61">
        <v>9</v>
      </c>
      <c r="CS31" s="61">
        <v>3</v>
      </c>
      <c r="CT31" s="61">
        <v>0</v>
      </c>
      <c r="CU31" s="61">
        <v>2</v>
      </c>
      <c r="CV31" s="62">
        <v>25</v>
      </c>
      <c r="CW31" s="63">
        <v>31</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5</v>
      </c>
      <c r="GU31" s="73">
        <v>6</v>
      </c>
      <c r="GV31" s="228"/>
      <c r="GW31" s="72">
        <v>13</v>
      </c>
      <c r="GX31" s="72">
        <v>10</v>
      </c>
      <c r="GY31" s="72">
        <v>3</v>
      </c>
      <c r="GZ31" s="72">
        <v>1</v>
      </c>
      <c r="HA31" s="72">
        <v>3</v>
      </c>
      <c r="HB31" s="74">
        <v>30</v>
      </c>
      <c r="HC31" s="75">
        <v>36</v>
      </c>
      <c r="HD31" s="60">
        <v>0</v>
      </c>
      <c r="HE31" s="61">
        <v>0</v>
      </c>
      <c r="HF31" s="62">
        <v>0</v>
      </c>
      <c r="HG31" s="231"/>
      <c r="HH31" s="61">
        <v>0</v>
      </c>
      <c r="HI31" s="61">
        <v>0</v>
      </c>
      <c r="HJ31" s="61">
        <v>0</v>
      </c>
      <c r="HK31" s="61">
        <v>0</v>
      </c>
      <c r="HL31" s="61">
        <v>0</v>
      </c>
      <c r="HM31" s="62">
        <v>0</v>
      </c>
      <c r="HN31" s="63">
        <v>0</v>
      </c>
      <c r="HO31" s="60">
        <v>0</v>
      </c>
      <c r="HP31" s="61">
        <v>0</v>
      </c>
      <c r="HQ31" s="62">
        <v>0</v>
      </c>
      <c r="HR31" s="231"/>
      <c r="HS31" s="61">
        <v>0</v>
      </c>
      <c r="HT31" s="61">
        <v>0</v>
      </c>
      <c r="HU31" s="61">
        <v>0</v>
      </c>
      <c r="HV31" s="61">
        <v>0</v>
      </c>
      <c r="HW31" s="61">
        <v>0</v>
      </c>
      <c r="HX31" s="62">
        <v>0</v>
      </c>
      <c r="HY31" s="63">
        <v>0</v>
      </c>
      <c r="HZ31" s="60">
        <v>0</v>
      </c>
      <c r="IA31" s="61">
        <v>1</v>
      </c>
      <c r="IB31" s="62">
        <v>1</v>
      </c>
      <c r="IC31" s="231"/>
      <c r="ID31" s="61">
        <v>2</v>
      </c>
      <c r="IE31" s="61">
        <v>1</v>
      </c>
      <c r="IF31" s="61">
        <v>0</v>
      </c>
      <c r="IG31" s="61">
        <v>0</v>
      </c>
      <c r="IH31" s="61">
        <v>0</v>
      </c>
      <c r="II31" s="62">
        <v>3</v>
      </c>
      <c r="IJ31" s="63">
        <v>4</v>
      </c>
      <c r="IK31" s="60">
        <v>1</v>
      </c>
      <c r="IL31" s="61">
        <v>2</v>
      </c>
      <c r="IM31" s="62">
        <v>3</v>
      </c>
      <c r="IN31" s="231"/>
      <c r="IO31" s="61">
        <v>4</v>
      </c>
      <c r="IP31" s="61">
        <v>3</v>
      </c>
      <c r="IQ31" s="61">
        <v>0</v>
      </c>
      <c r="IR31" s="61">
        <v>0</v>
      </c>
      <c r="IS31" s="61">
        <v>1</v>
      </c>
      <c r="IT31" s="62">
        <v>8</v>
      </c>
      <c r="IU31" s="63">
        <v>11</v>
      </c>
      <c r="IV31" s="60">
        <v>0</v>
      </c>
      <c r="IW31" s="61">
        <v>2</v>
      </c>
      <c r="IX31" s="62">
        <v>2</v>
      </c>
      <c r="IY31" s="231"/>
      <c r="IZ31" s="61">
        <v>4</v>
      </c>
      <c r="JA31" s="61">
        <v>4</v>
      </c>
      <c r="JB31" s="61">
        <v>1</v>
      </c>
      <c r="JC31" s="61">
        <v>0</v>
      </c>
      <c r="JD31" s="61">
        <v>1</v>
      </c>
      <c r="JE31" s="62">
        <v>10</v>
      </c>
      <c r="JF31" s="63">
        <v>12</v>
      </c>
      <c r="JG31" s="60">
        <v>0</v>
      </c>
      <c r="JH31" s="61">
        <v>0</v>
      </c>
      <c r="JI31" s="62">
        <v>0</v>
      </c>
      <c r="JJ31" s="231"/>
      <c r="JK31" s="61">
        <v>3</v>
      </c>
      <c r="JL31" s="61">
        <v>2</v>
      </c>
      <c r="JM31" s="61">
        <v>2</v>
      </c>
      <c r="JN31" s="61">
        <v>1</v>
      </c>
      <c r="JO31" s="61">
        <v>1</v>
      </c>
      <c r="JP31" s="62">
        <v>9</v>
      </c>
      <c r="JQ31" s="63">
        <v>9</v>
      </c>
      <c r="JR31" s="60">
        <v>0</v>
      </c>
      <c r="JS31" s="61">
        <v>0</v>
      </c>
      <c r="JT31" s="62">
        <v>0</v>
      </c>
      <c r="JU31" s="231"/>
      <c r="JV31" s="61">
        <v>0</v>
      </c>
      <c r="JW31" s="61">
        <v>0</v>
      </c>
      <c r="JX31" s="61">
        <v>0</v>
      </c>
      <c r="JY31" s="61">
        <v>0</v>
      </c>
      <c r="JZ31" s="61">
        <v>0</v>
      </c>
      <c r="KA31" s="62">
        <v>0</v>
      </c>
      <c r="KB31" s="63">
        <v>0</v>
      </c>
      <c r="KC31" s="60">
        <v>1</v>
      </c>
      <c r="KD31" s="61">
        <v>5</v>
      </c>
      <c r="KE31" s="62">
        <v>6</v>
      </c>
      <c r="KF31" s="231"/>
      <c r="KG31" s="61">
        <v>13</v>
      </c>
      <c r="KH31" s="61">
        <v>10</v>
      </c>
      <c r="KI31" s="61">
        <v>3</v>
      </c>
      <c r="KJ31" s="61">
        <v>1</v>
      </c>
      <c r="KK31" s="61">
        <v>3</v>
      </c>
      <c r="KL31" s="62">
        <v>30</v>
      </c>
      <c r="KM31" s="63">
        <v>36</v>
      </c>
    </row>
    <row r="32" spans="2:299" ht="21" customHeight="1" x14ac:dyDescent="0.2">
      <c r="B32" s="468" t="s">
        <v>29</v>
      </c>
      <c r="C32" s="291">
        <v>5</v>
      </c>
      <c r="D32" s="72">
        <v>2</v>
      </c>
      <c r="E32" s="73">
        <v>7</v>
      </c>
      <c r="F32" s="228"/>
      <c r="G32" s="72">
        <v>2</v>
      </c>
      <c r="H32" s="72">
        <v>4</v>
      </c>
      <c r="I32" s="72">
        <v>6</v>
      </c>
      <c r="J32" s="72">
        <v>3</v>
      </c>
      <c r="K32" s="72">
        <v>4</v>
      </c>
      <c r="L32" s="74">
        <v>19</v>
      </c>
      <c r="M32" s="75">
        <v>26</v>
      </c>
      <c r="N32" s="60">
        <v>0</v>
      </c>
      <c r="O32" s="61">
        <v>0</v>
      </c>
      <c r="P32" s="62">
        <v>0</v>
      </c>
      <c r="Q32" s="231"/>
      <c r="R32" s="61">
        <v>0</v>
      </c>
      <c r="S32" s="61">
        <v>0</v>
      </c>
      <c r="T32" s="61">
        <v>1</v>
      </c>
      <c r="U32" s="61">
        <v>0</v>
      </c>
      <c r="V32" s="61">
        <v>0</v>
      </c>
      <c r="W32" s="62">
        <v>1</v>
      </c>
      <c r="X32" s="63">
        <v>1</v>
      </c>
      <c r="Y32" s="60">
        <v>0</v>
      </c>
      <c r="Z32" s="61">
        <v>0</v>
      </c>
      <c r="AA32" s="62">
        <v>0</v>
      </c>
      <c r="AB32" s="231"/>
      <c r="AC32" s="61">
        <v>0</v>
      </c>
      <c r="AD32" s="61">
        <v>0</v>
      </c>
      <c r="AE32" s="61">
        <v>0</v>
      </c>
      <c r="AF32" s="61">
        <v>0</v>
      </c>
      <c r="AG32" s="61">
        <v>0</v>
      </c>
      <c r="AH32" s="62">
        <v>0</v>
      </c>
      <c r="AI32" s="63">
        <v>0</v>
      </c>
      <c r="AJ32" s="60">
        <v>0</v>
      </c>
      <c r="AK32" s="61">
        <v>0</v>
      </c>
      <c r="AL32" s="62">
        <v>0</v>
      </c>
      <c r="AM32" s="231"/>
      <c r="AN32" s="61">
        <v>0</v>
      </c>
      <c r="AO32" s="61">
        <v>0</v>
      </c>
      <c r="AP32" s="61">
        <v>1</v>
      </c>
      <c r="AQ32" s="61">
        <v>1</v>
      </c>
      <c r="AR32" s="61">
        <v>1</v>
      </c>
      <c r="AS32" s="62">
        <v>3</v>
      </c>
      <c r="AT32" s="63">
        <v>3</v>
      </c>
      <c r="AU32" s="60">
        <v>3</v>
      </c>
      <c r="AV32" s="61">
        <v>1</v>
      </c>
      <c r="AW32" s="62">
        <v>4</v>
      </c>
      <c r="AX32" s="231"/>
      <c r="AY32" s="61">
        <v>1</v>
      </c>
      <c r="AZ32" s="61">
        <v>0</v>
      </c>
      <c r="BA32" s="61">
        <v>0</v>
      </c>
      <c r="BB32" s="61">
        <v>1</v>
      </c>
      <c r="BC32" s="61">
        <v>1</v>
      </c>
      <c r="BD32" s="62">
        <v>3</v>
      </c>
      <c r="BE32" s="63">
        <v>7</v>
      </c>
      <c r="BF32" s="60">
        <v>1</v>
      </c>
      <c r="BG32" s="61">
        <v>1</v>
      </c>
      <c r="BH32" s="62">
        <v>2</v>
      </c>
      <c r="BI32" s="231"/>
      <c r="BJ32" s="61">
        <v>1</v>
      </c>
      <c r="BK32" s="61">
        <v>2</v>
      </c>
      <c r="BL32" s="61">
        <v>1</v>
      </c>
      <c r="BM32" s="61">
        <v>0</v>
      </c>
      <c r="BN32" s="61">
        <v>0</v>
      </c>
      <c r="BO32" s="62">
        <v>4</v>
      </c>
      <c r="BP32" s="63">
        <v>6</v>
      </c>
      <c r="BQ32" s="60">
        <v>1</v>
      </c>
      <c r="BR32" s="61">
        <v>0</v>
      </c>
      <c r="BS32" s="62">
        <v>1</v>
      </c>
      <c r="BT32" s="231"/>
      <c r="BU32" s="61">
        <v>0</v>
      </c>
      <c r="BV32" s="61">
        <v>2</v>
      </c>
      <c r="BW32" s="61">
        <v>3</v>
      </c>
      <c r="BX32" s="61">
        <v>1</v>
      </c>
      <c r="BY32" s="61">
        <v>2</v>
      </c>
      <c r="BZ32" s="62">
        <v>8</v>
      </c>
      <c r="CA32" s="63">
        <v>9</v>
      </c>
      <c r="CB32" s="60">
        <v>0</v>
      </c>
      <c r="CC32" s="61">
        <v>0</v>
      </c>
      <c r="CD32" s="62">
        <v>0</v>
      </c>
      <c r="CE32" s="231"/>
      <c r="CF32" s="61">
        <v>0</v>
      </c>
      <c r="CG32" s="61">
        <v>0</v>
      </c>
      <c r="CH32" s="61">
        <v>0</v>
      </c>
      <c r="CI32" s="61">
        <v>0</v>
      </c>
      <c r="CJ32" s="61">
        <v>0</v>
      </c>
      <c r="CK32" s="62">
        <v>0</v>
      </c>
      <c r="CL32" s="63">
        <v>0</v>
      </c>
      <c r="CM32" s="60">
        <v>5</v>
      </c>
      <c r="CN32" s="61">
        <v>2</v>
      </c>
      <c r="CO32" s="62">
        <v>7</v>
      </c>
      <c r="CP32" s="231"/>
      <c r="CQ32" s="61">
        <v>2</v>
      </c>
      <c r="CR32" s="61">
        <v>4</v>
      </c>
      <c r="CS32" s="61">
        <v>6</v>
      </c>
      <c r="CT32" s="61">
        <v>3</v>
      </c>
      <c r="CU32" s="61">
        <v>4</v>
      </c>
      <c r="CV32" s="62">
        <v>19</v>
      </c>
      <c r="CW32" s="63">
        <v>26</v>
      </c>
      <c r="CX32" s="113">
        <v>2</v>
      </c>
      <c r="CY32" s="72">
        <v>0</v>
      </c>
      <c r="CZ32" s="73">
        <v>2</v>
      </c>
      <c r="DA32" s="228"/>
      <c r="DB32" s="72">
        <v>1</v>
      </c>
      <c r="DC32" s="72">
        <v>1</v>
      </c>
      <c r="DD32" s="72">
        <v>1</v>
      </c>
      <c r="DE32" s="72">
        <v>1</v>
      </c>
      <c r="DF32" s="72">
        <v>1</v>
      </c>
      <c r="DG32" s="74">
        <v>5</v>
      </c>
      <c r="DH32" s="75">
        <v>7</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1</v>
      </c>
      <c r="FQ32" s="61">
        <v>0</v>
      </c>
      <c r="FR32" s="61">
        <v>1</v>
      </c>
      <c r="FS32" s="61">
        <v>1</v>
      </c>
      <c r="FT32" s="61">
        <v>0</v>
      </c>
      <c r="FU32" s="62">
        <v>3</v>
      </c>
      <c r="FV32" s="63">
        <v>3</v>
      </c>
      <c r="FW32" s="60">
        <v>0</v>
      </c>
      <c r="FX32" s="61">
        <v>0</v>
      </c>
      <c r="FY32" s="62">
        <v>0</v>
      </c>
      <c r="FZ32" s="231"/>
      <c r="GA32" s="61">
        <v>0</v>
      </c>
      <c r="GB32" s="61">
        <v>0</v>
      </c>
      <c r="GC32" s="61">
        <v>0</v>
      </c>
      <c r="GD32" s="61">
        <v>0</v>
      </c>
      <c r="GE32" s="61">
        <v>0</v>
      </c>
      <c r="GF32" s="62">
        <v>0</v>
      </c>
      <c r="GG32" s="63">
        <v>0</v>
      </c>
      <c r="GH32" s="60">
        <v>2</v>
      </c>
      <c r="GI32" s="61">
        <v>0</v>
      </c>
      <c r="GJ32" s="62">
        <v>2</v>
      </c>
      <c r="GK32" s="231"/>
      <c r="GL32" s="61">
        <v>1</v>
      </c>
      <c r="GM32" s="61">
        <v>1</v>
      </c>
      <c r="GN32" s="61">
        <v>1</v>
      </c>
      <c r="GO32" s="61">
        <v>1</v>
      </c>
      <c r="GP32" s="61">
        <v>1</v>
      </c>
      <c r="GQ32" s="62">
        <v>5</v>
      </c>
      <c r="GR32" s="63">
        <v>7</v>
      </c>
      <c r="GS32" s="113">
        <v>7</v>
      </c>
      <c r="GT32" s="72">
        <v>2</v>
      </c>
      <c r="GU32" s="73">
        <v>9</v>
      </c>
      <c r="GV32" s="228"/>
      <c r="GW32" s="72">
        <v>3</v>
      </c>
      <c r="GX32" s="72">
        <v>5</v>
      </c>
      <c r="GY32" s="72">
        <v>7</v>
      </c>
      <c r="GZ32" s="72">
        <v>4</v>
      </c>
      <c r="HA32" s="72">
        <v>5</v>
      </c>
      <c r="HB32" s="74">
        <v>24</v>
      </c>
      <c r="HC32" s="75">
        <v>33</v>
      </c>
      <c r="HD32" s="60">
        <v>0</v>
      </c>
      <c r="HE32" s="61">
        <v>0</v>
      </c>
      <c r="HF32" s="62">
        <v>0</v>
      </c>
      <c r="HG32" s="231"/>
      <c r="HH32" s="61">
        <v>0</v>
      </c>
      <c r="HI32" s="61">
        <v>0</v>
      </c>
      <c r="HJ32" s="61">
        <v>1</v>
      </c>
      <c r="HK32" s="61">
        <v>0</v>
      </c>
      <c r="HL32" s="61">
        <v>0</v>
      </c>
      <c r="HM32" s="62">
        <v>1</v>
      </c>
      <c r="HN32" s="63">
        <v>1</v>
      </c>
      <c r="HO32" s="60">
        <v>0</v>
      </c>
      <c r="HP32" s="61">
        <v>0</v>
      </c>
      <c r="HQ32" s="62">
        <v>0</v>
      </c>
      <c r="HR32" s="231"/>
      <c r="HS32" s="61">
        <v>0</v>
      </c>
      <c r="HT32" s="61">
        <v>1</v>
      </c>
      <c r="HU32" s="61">
        <v>0</v>
      </c>
      <c r="HV32" s="61">
        <v>0</v>
      </c>
      <c r="HW32" s="61">
        <v>0</v>
      </c>
      <c r="HX32" s="62">
        <v>1</v>
      </c>
      <c r="HY32" s="63">
        <v>1</v>
      </c>
      <c r="HZ32" s="60">
        <v>0</v>
      </c>
      <c r="IA32" s="61">
        <v>0</v>
      </c>
      <c r="IB32" s="62">
        <v>0</v>
      </c>
      <c r="IC32" s="231"/>
      <c r="ID32" s="61">
        <v>0</v>
      </c>
      <c r="IE32" s="61">
        <v>0</v>
      </c>
      <c r="IF32" s="61">
        <v>1</v>
      </c>
      <c r="IG32" s="61">
        <v>1</v>
      </c>
      <c r="IH32" s="61">
        <v>1</v>
      </c>
      <c r="II32" s="62">
        <v>3</v>
      </c>
      <c r="IJ32" s="63">
        <v>3</v>
      </c>
      <c r="IK32" s="60">
        <v>5</v>
      </c>
      <c r="IL32" s="61">
        <v>1</v>
      </c>
      <c r="IM32" s="62">
        <v>6</v>
      </c>
      <c r="IN32" s="231"/>
      <c r="IO32" s="61">
        <v>1</v>
      </c>
      <c r="IP32" s="61">
        <v>0</v>
      </c>
      <c r="IQ32" s="61">
        <v>0</v>
      </c>
      <c r="IR32" s="61">
        <v>1</v>
      </c>
      <c r="IS32" s="61">
        <v>1</v>
      </c>
      <c r="IT32" s="62">
        <v>3</v>
      </c>
      <c r="IU32" s="63">
        <v>9</v>
      </c>
      <c r="IV32" s="60">
        <v>1</v>
      </c>
      <c r="IW32" s="61">
        <v>1</v>
      </c>
      <c r="IX32" s="62">
        <v>2</v>
      </c>
      <c r="IY32" s="231"/>
      <c r="IZ32" s="61">
        <v>1</v>
      </c>
      <c r="JA32" s="61">
        <v>2</v>
      </c>
      <c r="JB32" s="61">
        <v>1</v>
      </c>
      <c r="JC32" s="61">
        <v>0</v>
      </c>
      <c r="JD32" s="61">
        <v>1</v>
      </c>
      <c r="JE32" s="62">
        <v>5</v>
      </c>
      <c r="JF32" s="63">
        <v>7</v>
      </c>
      <c r="JG32" s="60">
        <v>1</v>
      </c>
      <c r="JH32" s="61">
        <v>0</v>
      </c>
      <c r="JI32" s="62">
        <v>1</v>
      </c>
      <c r="JJ32" s="231"/>
      <c r="JK32" s="61">
        <v>1</v>
      </c>
      <c r="JL32" s="61">
        <v>2</v>
      </c>
      <c r="JM32" s="61">
        <v>4</v>
      </c>
      <c r="JN32" s="61">
        <v>2</v>
      </c>
      <c r="JO32" s="61">
        <v>2</v>
      </c>
      <c r="JP32" s="62">
        <v>11</v>
      </c>
      <c r="JQ32" s="63">
        <v>12</v>
      </c>
      <c r="JR32" s="60">
        <v>0</v>
      </c>
      <c r="JS32" s="61">
        <v>0</v>
      </c>
      <c r="JT32" s="62">
        <v>0</v>
      </c>
      <c r="JU32" s="231"/>
      <c r="JV32" s="61">
        <v>0</v>
      </c>
      <c r="JW32" s="61">
        <v>0</v>
      </c>
      <c r="JX32" s="61">
        <v>0</v>
      </c>
      <c r="JY32" s="61">
        <v>0</v>
      </c>
      <c r="JZ32" s="61">
        <v>0</v>
      </c>
      <c r="KA32" s="62">
        <v>0</v>
      </c>
      <c r="KB32" s="63">
        <v>0</v>
      </c>
      <c r="KC32" s="60">
        <v>7</v>
      </c>
      <c r="KD32" s="61">
        <v>2</v>
      </c>
      <c r="KE32" s="62">
        <v>9</v>
      </c>
      <c r="KF32" s="231"/>
      <c r="KG32" s="61">
        <v>3</v>
      </c>
      <c r="KH32" s="61">
        <v>5</v>
      </c>
      <c r="KI32" s="61">
        <v>7</v>
      </c>
      <c r="KJ32" s="61">
        <v>4</v>
      </c>
      <c r="KK32" s="61">
        <v>5</v>
      </c>
      <c r="KL32" s="62">
        <v>24</v>
      </c>
      <c r="KM32" s="63">
        <v>33</v>
      </c>
    </row>
    <row r="33" spans="2:299" ht="21" customHeight="1" x14ac:dyDescent="0.2">
      <c r="B33" s="468" t="s">
        <v>30</v>
      </c>
      <c r="C33" s="291">
        <v>4</v>
      </c>
      <c r="D33" s="72">
        <v>3</v>
      </c>
      <c r="E33" s="73">
        <v>7</v>
      </c>
      <c r="F33" s="228"/>
      <c r="G33" s="72">
        <v>3</v>
      </c>
      <c r="H33" s="72">
        <v>1</v>
      </c>
      <c r="I33" s="72">
        <v>4</v>
      </c>
      <c r="J33" s="72">
        <v>5</v>
      </c>
      <c r="K33" s="72">
        <v>0</v>
      </c>
      <c r="L33" s="74">
        <v>13</v>
      </c>
      <c r="M33" s="75">
        <v>20</v>
      </c>
      <c r="N33" s="60">
        <v>0</v>
      </c>
      <c r="O33" s="61">
        <v>0</v>
      </c>
      <c r="P33" s="62">
        <v>0</v>
      </c>
      <c r="Q33" s="231"/>
      <c r="R33" s="61">
        <v>0</v>
      </c>
      <c r="S33" s="61">
        <v>0</v>
      </c>
      <c r="T33" s="61">
        <v>0</v>
      </c>
      <c r="U33" s="61">
        <v>0</v>
      </c>
      <c r="V33" s="61">
        <v>0</v>
      </c>
      <c r="W33" s="62">
        <v>0</v>
      </c>
      <c r="X33" s="63">
        <v>0</v>
      </c>
      <c r="Y33" s="60">
        <v>1</v>
      </c>
      <c r="Z33" s="61">
        <v>0</v>
      </c>
      <c r="AA33" s="62">
        <v>1</v>
      </c>
      <c r="AB33" s="231"/>
      <c r="AC33" s="61">
        <v>0</v>
      </c>
      <c r="AD33" s="61">
        <v>0</v>
      </c>
      <c r="AE33" s="61">
        <v>1</v>
      </c>
      <c r="AF33" s="61">
        <v>0</v>
      </c>
      <c r="AG33" s="61">
        <v>0</v>
      </c>
      <c r="AH33" s="62">
        <v>1</v>
      </c>
      <c r="AI33" s="63">
        <v>2</v>
      </c>
      <c r="AJ33" s="60">
        <v>0</v>
      </c>
      <c r="AK33" s="61">
        <v>0</v>
      </c>
      <c r="AL33" s="62">
        <v>0</v>
      </c>
      <c r="AM33" s="231"/>
      <c r="AN33" s="61">
        <v>0</v>
      </c>
      <c r="AO33" s="61">
        <v>0</v>
      </c>
      <c r="AP33" s="61">
        <v>0</v>
      </c>
      <c r="AQ33" s="61">
        <v>0</v>
      </c>
      <c r="AR33" s="61">
        <v>0</v>
      </c>
      <c r="AS33" s="62">
        <v>0</v>
      </c>
      <c r="AT33" s="63">
        <v>0</v>
      </c>
      <c r="AU33" s="60">
        <v>1</v>
      </c>
      <c r="AV33" s="61">
        <v>0</v>
      </c>
      <c r="AW33" s="62">
        <v>1</v>
      </c>
      <c r="AX33" s="231"/>
      <c r="AY33" s="61">
        <v>1</v>
      </c>
      <c r="AZ33" s="61">
        <v>0</v>
      </c>
      <c r="BA33" s="61">
        <v>1</v>
      </c>
      <c r="BB33" s="61">
        <v>1</v>
      </c>
      <c r="BC33" s="61">
        <v>0</v>
      </c>
      <c r="BD33" s="62">
        <v>3</v>
      </c>
      <c r="BE33" s="63">
        <v>4</v>
      </c>
      <c r="BF33" s="60">
        <v>1</v>
      </c>
      <c r="BG33" s="61">
        <v>1</v>
      </c>
      <c r="BH33" s="62">
        <v>2</v>
      </c>
      <c r="BI33" s="231"/>
      <c r="BJ33" s="61">
        <v>1</v>
      </c>
      <c r="BK33" s="61">
        <v>1</v>
      </c>
      <c r="BL33" s="61">
        <v>0</v>
      </c>
      <c r="BM33" s="61">
        <v>1</v>
      </c>
      <c r="BN33" s="61">
        <v>0</v>
      </c>
      <c r="BO33" s="62">
        <v>3</v>
      </c>
      <c r="BP33" s="63">
        <v>5</v>
      </c>
      <c r="BQ33" s="60">
        <v>1</v>
      </c>
      <c r="BR33" s="61">
        <v>2</v>
      </c>
      <c r="BS33" s="62">
        <v>3</v>
      </c>
      <c r="BT33" s="231"/>
      <c r="BU33" s="61">
        <v>1</v>
      </c>
      <c r="BV33" s="61">
        <v>0</v>
      </c>
      <c r="BW33" s="61">
        <v>2</v>
      </c>
      <c r="BX33" s="61">
        <v>3</v>
      </c>
      <c r="BY33" s="61">
        <v>0</v>
      </c>
      <c r="BZ33" s="62">
        <v>6</v>
      </c>
      <c r="CA33" s="63">
        <v>9</v>
      </c>
      <c r="CB33" s="60">
        <v>0</v>
      </c>
      <c r="CC33" s="61">
        <v>0</v>
      </c>
      <c r="CD33" s="62">
        <v>0</v>
      </c>
      <c r="CE33" s="231"/>
      <c r="CF33" s="61">
        <v>0</v>
      </c>
      <c r="CG33" s="61">
        <v>0</v>
      </c>
      <c r="CH33" s="61">
        <v>0</v>
      </c>
      <c r="CI33" s="61">
        <v>0</v>
      </c>
      <c r="CJ33" s="61">
        <v>0</v>
      </c>
      <c r="CK33" s="62">
        <v>0</v>
      </c>
      <c r="CL33" s="63">
        <v>0</v>
      </c>
      <c r="CM33" s="60">
        <v>4</v>
      </c>
      <c r="CN33" s="61">
        <v>3</v>
      </c>
      <c r="CO33" s="62">
        <v>7</v>
      </c>
      <c r="CP33" s="231"/>
      <c r="CQ33" s="61">
        <v>3</v>
      </c>
      <c r="CR33" s="61">
        <v>1</v>
      </c>
      <c r="CS33" s="61">
        <v>4</v>
      </c>
      <c r="CT33" s="61">
        <v>5</v>
      </c>
      <c r="CU33" s="61">
        <v>0</v>
      </c>
      <c r="CV33" s="62">
        <v>13</v>
      </c>
      <c r="CW33" s="63">
        <v>20</v>
      </c>
      <c r="CX33" s="113">
        <v>0</v>
      </c>
      <c r="CY33" s="72">
        <v>0</v>
      </c>
      <c r="CZ33" s="73">
        <v>0</v>
      </c>
      <c r="DA33" s="228"/>
      <c r="DB33" s="72">
        <v>2</v>
      </c>
      <c r="DC33" s="72">
        <v>2</v>
      </c>
      <c r="DD33" s="72">
        <v>0</v>
      </c>
      <c r="DE33" s="72">
        <v>1</v>
      </c>
      <c r="DF33" s="72">
        <v>1</v>
      </c>
      <c r="DG33" s="74">
        <v>6</v>
      </c>
      <c r="DH33" s="75">
        <v>6</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0</v>
      </c>
      <c r="FC33" s="62">
        <v>0</v>
      </c>
      <c r="FD33" s="231"/>
      <c r="FE33" s="61">
        <v>1</v>
      </c>
      <c r="FF33" s="61">
        <v>0</v>
      </c>
      <c r="FG33" s="61">
        <v>0</v>
      </c>
      <c r="FH33" s="61">
        <v>0</v>
      </c>
      <c r="FI33" s="61">
        <v>1</v>
      </c>
      <c r="FJ33" s="62">
        <v>2</v>
      </c>
      <c r="FK33" s="63">
        <v>2</v>
      </c>
      <c r="FL33" s="60">
        <v>0</v>
      </c>
      <c r="FM33" s="61">
        <v>0</v>
      </c>
      <c r="FN33" s="62">
        <v>0</v>
      </c>
      <c r="FO33" s="231"/>
      <c r="FP33" s="61">
        <v>0</v>
      </c>
      <c r="FQ33" s="61">
        <v>1</v>
      </c>
      <c r="FR33" s="61">
        <v>0</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0</v>
      </c>
      <c r="GJ33" s="62">
        <v>0</v>
      </c>
      <c r="GK33" s="231"/>
      <c r="GL33" s="61">
        <v>2</v>
      </c>
      <c r="GM33" s="61">
        <v>2</v>
      </c>
      <c r="GN33" s="61">
        <v>0</v>
      </c>
      <c r="GO33" s="61">
        <v>1</v>
      </c>
      <c r="GP33" s="61">
        <v>1</v>
      </c>
      <c r="GQ33" s="62">
        <v>6</v>
      </c>
      <c r="GR33" s="63">
        <v>6</v>
      </c>
      <c r="GS33" s="113">
        <v>4</v>
      </c>
      <c r="GT33" s="72">
        <v>3</v>
      </c>
      <c r="GU33" s="73">
        <v>7</v>
      </c>
      <c r="GV33" s="228"/>
      <c r="GW33" s="72">
        <v>5</v>
      </c>
      <c r="GX33" s="72">
        <v>3</v>
      </c>
      <c r="GY33" s="72">
        <v>4</v>
      </c>
      <c r="GZ33" s="72">
        <v>6</v>
      </c>
      <c r="HA33" s="72">
        <v>1</v>
      </c>
      <c r="HB33" s="74">
        <v>19</v>
      </c>
      <c r="HC33" s="75">
        <v>26</v>
      </c>
      <c r="HD33" s="60">
        <v>0</v>
      </c>
      <c r="HE33" s="61">
        <v>0</v>
      </c>
      <c r="HF33" s="62">
        <v>0</v>
      </c>
      <c r="HG33" s="231"/>
      <c r="HH33" s="61">
        <v>0</v>
      </c>
      <c r="HI33" s="61">
        <v>0</v>
      </c>
      <c r="HJ33" s="61">
        <v>0</v>
      </c>
      <c r="HK33" s="61">
        <v>0</v>
      </c>
      <c r="HL33" s="61">
        <v>0</v>
      </c>
      <c r="HM33" s="62">
        <v>0</v>
      </c>
      <c r="HN33" s="63">
        <v>0</v>
      </c>
      <c r="HO33" s="60">
        <v>1</v>
      </c>
      <c r="HP33" s="61">
        <v>0</v>
      </c>
      <c r="HQ33" s="62">
        <v>1</v>
      </c>
      <c r="HR33" s="231"/>
      <c r="HS33" s="61">
        <v>0</v>
      </c>
      <c r="HT33" s="61">
        <v>0</v>
      </c>
      <c r="HU33" s="61">
        <v>1</v>
      </c>
      <c r="HV33" s="61">
        <v>0</v>
      </c>
      <c r="HW33" s="61">
        <v>0</v>
      </c>
      <c r="HX33" s="62">
        <v>1</v>
      </c>
      <c r="HY33" s="63">
        <v>2</v>
      </c>
      <c r="HZ33" s="60">
        <v>0</v>
      </c>
      <c r="IA33" s="61">
        <v>0</v>
      </c>
      <c r="IB33" s="62">
        <v>0</v>
      </c>
      <c r="IC33" s="231"/>
      <c r="ID33" s="61">
        <v>0</v>
      </c>
      <c r="IE33" s="61">
        <v>0</v>
      </c>
      <c r="IF33" s="61">
        <v>0</v>
      </c>
      <c r="IG33" s="61">
        <v>0</v>
      </c>
      <c r="IH33" s="61">
        <v>0</v>
      </c>
      <c r="II33" s="62">
        <v>0</v>
      </c>
      <c r="IJ33" s="63">
        <v>0</v>
      </c>
      <c r="IK33" s="60">
        <v>1</v>
      </c>
      <c r="IL33" s="61">
        <v>0</v>
      </c>
      <c r="IM33" s="62">
        <v>1</v>
      </c>
      <c r="IN33" s="231"/>
      <c r="IO33" s="61">
        <v>2</v>
      </c>
      <c r="IP33" s="61">
        <v>1</v>
      </c>
      <c r="IQ33" s="61">
        <v>1</v>
      </c>
      <c r="IR33" s="61">
        <v>1</v>
      </c>
      <c r="IS33" s="61">
        <v>0</v>
      </c>
      <c r="IT33" s="62">
        <v>5</v>
      </c>
      <c r="IU33" s="63">
        <v>6</v>
      </c>
      <c r="IV33" s="60">
        <v>1</v>
      </c>
      <c r="IW33" s="61">
        <v>1</v>
      </c>
      <c r="IX33" s="62">
        <v>2</v>
      </c>
      <c r="IY33" s="231"/>
      <c r="IZ33" s="61">
        <v>2</v>
      </c>
      <c r="JA33" s="61">
        <v>1</v>
      </c>
      <c r="JB33" s="61">
        <v>0</v>
      </c>
      <c r="JC33" s="61">
        <v>1</v>
      </c>
      <c r="JD33" s="61">
        <v>1</v>
      </c>
      <c r="JE33" s="62">
        <v>5</v>
      </c>
      <c r="JF33" s="63">
        <v>7</v>
      </c>
      <c r="JG33" s="60">
        <v>1</v>
      </c>
      <c r="JH33" s="61">
        <v>2</v>
      </c>
      <c r="JI33" s="62">
        <v>3</v>
      </c>
      <c r="JJ33" s="231"/>
      <c r="JK33" s="61">
        <v>1</v>
      </c>
      <c r="JL33" s="61">
        <v>1</v>
      </c>
      <c r="JM33" s="61">
        <v>2</v>
      </c>
      <c r="JN33" s="61">
        <v>4</v>
      </c>
      <c r="JO33" s="61">
        <v>0</v>
      </c>
      <c r="JP33" s="62">
        <v>8</v>
      </c>
      <c r="JQ33" s="63">
        <v>11</v>
      </c>
      <c r="JR33" s="60">
        <v>0</v>
      </c>
      <c r="JS33" s="61">
        <v>0</v>
      </c>
      <c r="JT33" s="62">
        <v>0</v>
      </c>
      <c r="JU33" s="231"/>
      <c r="JV33" s="61">
        <v>0</v>
      </c>
      <c r="JW33" s="61">
        <v>0</v>
      </c>
      <c r="JX33" s="61">
        <v>0</v>
      </c>
      <c r="JY33" s="61">
        <v>0</v>
      </c>
      <c r="JZ33" s="61">
        <v>0</v>
      </c>
      <c r="KA33" s="62">
        <v>0</v>
      </c>
      <c r="KB33" s="63">
        <v>0</v>
      </c>
      <c r="KC33" s="60">
        <v>4</v>
      </c>
      <c r="KD33" s="61">
        <v>3</v>
      </c>
      <c r="KE33" s="62">
        <v>7</v>
      </c>
      <c r="KF33" s="231"/>
      <c r="KG33" s="61">
        <v>5</v>
      </c>
      <c r="KH33" s="61">
        <v>3</v>
      </c>
      <c r="KI33" s="61">
        <v>4</v>
      </c>
      <c r="KJ33" s="61">
        <v>6</v>
      </c>
      <c r="KK33" s="61">
        <v>1</v>
      </c>
      <c r="KL33" s="62">
        <v>19</v>
      </c>
      <c r="KM33" s="63">
        <v>26</v>
      </c>
    </row>
    <row r="34" spans="2:299" ht="21" customHeight="1" x14ac:dyDescent="0.2">
      <c r="B34" s="468" t="s">
        <v>31</v>
      </c>
      <c r="C34" s="291">
        <v>3</v>
      </c>
      <c r="D34" s="72">
        <v>5</v>
      </c>
      <c r="E34" s="73">
        <v>8</v>
      </c>
      <c r="F34" s="228"/>
      <c r="G34" s="72">
        <v>7</v>
      </c>
      <c r="H34" s="72">
        <v>4</v>
      </c>
      <c r="I34" s="72">
        <v>9</v>
      </c>
      <c r="J34" s="72">
        <v>2</v>
      </c>
      <c r="K34" s="72">
        <v>1</v>
      </c>
      <c r="L34" s="74">
        <v>23</v>
      </c>
      <c r="M34" s="75">
        <v>31</v>
      </c>
      <c r="N34" s="60">
        <v>0</v>
      </c>
      <c r="O34" s="61">
        <v>0</v>
      </c>
      <c r="P34" s="62">
        <v>0</v>
      </c>
      <c r="Q34" s="231"/>
      <c r="R34" s="61">
        <v>0</v>
      </c>
      <c r="S34" s="61">
        <v>0</v>
      </c>
      <c r="T34" s="61">
        <v>0</v>
      </c>
      <c r="U34" s="61">
        <v>0</v>
      </c>
      <c r="V34" s="61">
        <v>1</v>
      </c>
      <c r="W34" s="62">
        <v>1</v>
      </c>
      <c r="X34" s="63">
        <v>1</v>
      </c>
      <c r="Y34" s="60">
        <v>0</v>
      </c>
      <c r="Z34" s="61">
        <v>0</v>
      </c>
      <c r="AA34" s="62">
        <v>0</v>
      </c>
      <c r="AB34" s="231"/>
      <c r="AC34" s="61">
        <v>0</v>
      </c>
      <c r="AD34" s="61">
        <v>0</v>
      </c>
      <c r="AE34" s="61">
        <v>0</v>
      </c>
      <c r="AF34" s="61">
        <v>0</v>
      </c>
      <c r="AG34" s="61">
        <v>0</v>
      </c>
      <c r="AH34" s="62">
        <v>0</v>
      </c>
      <c r="AI34" s="63">
        <v>0</v>
      </c>
      <c r="AJ34" s="60">
        <v>0</v>
      </c>
      <c r="AK34" s="61">
        <v>1</v>
      </c>
      <c r="AL34" s="62">
        <v>1</v>
      </c>
      <c r="AM34" s="231"/>
      <c r="AN34" s="61">
        <v>0</v>
      </c>
      <c r="AO34" s="61">
        <v>0</v>
      </c>
      <c r="AP34" s="61">
        <v>1</v>
      </c>
      <c r="AQ34" s="61">
        <v>0</v>
      </c>
      <c r="AR34" s="61">
        <v>0</v>
      </c>
      <c r="AS34" s="62">
        <v>1</v>
      </c>
      <c r="AT34" s="63">
        <v>2</v>
      </c>
      <c r="AU34" s="60">
        <v>0</v>
      </c>
      <c r="AV34" s="61">
        <v>1</v>
      </c>
      <c r="AW34" s="62">
        <v>1</v>
      </c>
      <c r="AX34" s="231"/>
      <c r="AY34" s="61">
        <v>0</v>
      </c>
      <c r="AZ34" s="61">
        <v>0</v>
      </c>
      <c r="BA34" s="61">
        <v>1</v>
      </c>
      <c r="BB34" s="61">
        <v>1</v>
      </c>
      <c r="BC34" s="61">
        <v>0</v>
      </c>
      <c r="BD34" s="62">
        <v>2</v>
      </c>
      <c r="BE34" s="63">
        <v>3</v>
      </c>
      <c r="BF34" s="60">
        <v>0</v>
      </c>
      <c r="BG34" s="61">
        <v>2</v>
      </c>
      <c r="BH34" s="62">
        <v>2</v>
      </c>
      <c r="BI34" s="231"/>
      <c r="BJ34" s="61">
        <v>4</v>
      </c>
      <c r="BK34" s="61">
        <v>3</v>
      </c>
      <c r="BL34" s="61">
        <v>2</v>
      </c>
      <c r="BM34" s="61">
        <v>1</v>
      </c>
      <c r="BN34" s="61">
        <v>0</v>
      </c>
      <c r="BO34" s="62">
        <v>10</v>
      </c>
      <c r="BP34" s="63">
        <v>12</v>
      </c>
      <c r="BQ34" s="60">
        <v>3</v>
      </c>
      <c r="BR34" s="61">
        <v>1</v>
      </c>
      <c r="BS34" s="62">
        <v>4</v>
      </c>
      <c r="BT34" s="231"/>
      <c r="BU34" s="61">
        <v>3</v>
      </c>
      <c r="BV34" s="61">
        <v>1</v>
      </c>
      <c r="BW34" s="61">
        <v>5</v>
      </c>
      <c r="BX34" s="61">
        <v>0</v>
      </c>
      <c r="BY34" s="61">
        <v>0</v>
      </c>
      <c r="BZ34" s="62">
        <v>9</v>
      </c>
      <c r="CA34" s="63">
        <v>13</v>
      </c>
      <c r="CB34" s="60">
        <v>0</v>
      </c>
      <c r="CC34" s="61">
        <v>0</v>
      </c>
      <c r="CD34" s="62">
        <v>0</v>
      </c>
      <c r="CE34" s="231"/>
      <c r="CF34" s="61">
        <v>0</v>
      </c>
      <c r="CG34" s="61">
        <v>0</v>
      </c>
      <c r="CH34" s="61">
        <v>0</v>
      </c>
      <c r="CI34" s="61">
        <v>0</v>
      </c>
      <c r="CJ34" s="61">
        <v>0</v>
      </c>
      <c r="CK34" s="62">
        <v>0</v>
      </c>
      <c r="CL34" s="63">
        <v>0</v>
      </c>
      <c r="CM34" s="60">
        <v>3</v>
      </c>
      <c r="CN34" s="61">
        <v>5</v>
      </c>
      <c r="CO34" s="62">
        <v>8</v>
      </c>
      <c r="CP34" s="231"/>
      <c r="CQ34" s="61">
        <v>7</v>
      </c>
      <c r="CR34" s="61">
        <v>4</v>
      </c>
      <c r="CS34" s="61">
        <v>9</v>
      </c>
      <c r="CT34" s="61">
        <v>2</v>
      </c>
      <c r="CU34" s="61">
        <v>1</v>
      </c>
      <c r="CV34" s="62">
        <v>23</v>
      </c>
      <c r="CW34" s="63">
        <v>31</v>
      </c>
      <c r="CX34" s="113">
        <v>2</v>
      </c>
      <c r="CY34" s="72">
        <v>0</v>
      </c>
      <c r="CZ34" s="73">
        <v>2</v>
      </c>
      <c r="DA34" s="228"/>
      <c r="DB34" s="72">
        <v>1</v>
      </c>
      <c r="DC34" s="72">
        <v>1</v>
      </c>
      <c r="DD34" s="72">
        <v>0</v>
      </c>
      <c r="DE34" s="72">
        <v>1</v>
      </c>
      <c r="DF34" s="72">
        <v>1</v>
      </c>
      <c r="DG34" s="74">
        <v>4</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0</v>
      </c>
      <c r="FM34" s="61">
        <v>0</v>
      </c>
      <c r="FN34" s="62">
        <v>0</v>
      </c>
      <c r="FO34" s="231"/>
      <c r="FP34" s="61">
        <v>1</v>
      </c>
      <c r="FQ34" s="61">
        <v>0</v>
      </c>
      <c r="FR34" s="61">
        <v>0</v>
      </c>
      <c r="FS34" s="61">
        <v>1</v>
      </c>
      <c r="FT34" s="61">
        <v>1</v>
      </c>
      <c r="FU34" s="62">
        <v>3</v>
      </c>
      <c r="FV34" s="63">
        <v>3</v>
      </c>
      <c r="FW34" s="60">
        <v>0</v>
      </c>
      <c r="FX34" s="61">
        <v>0</v>
      </c>
      <c r="FY34" s="62">
        <v>0</v>
      </c>
      <c r="FZ34" s="231"/>
      <c r="GA34" s="61">
        <v>0</v>
      </c>
      <c r="GB34" s="61">
        <v>0</v>
      </c>
      <c r="GC34" s="61">
        <v>0</v>
      </c>
      <c r="GD34" s="61">
        <v>0</v>
      </c>
      <c r="GE34" s="61">
        <v>0</v>
      </c>
      <c r="GF34" s="62">
        <v>0</v>
      </c>
      <c r="GG34" s="63">
        <v>0</v>
      </c>
      <c r="GH34" s="60">
        <v>2</v>
      </c>
      <c r="GI34" s="61">
        <v>0</v>
      </c>
      <c r="GJ34" s="62">
        <v>2</v>
      </c>
      <c r="GK34" s="231"/>
      <c r="GL34" s="61">
        <v>1</v>
      </c>
      <c r="GM34" s="61">
        <v>1</v>
      </c>
      <c r="GN34" s="61">
        <v>0</v>
      </c>
      <c r="GO34" s="61">
        <v>1</v>
      </c>
      <c r="GP34" s="61">
        <v>1</v>
      </c>
      <c r="GQ34" s="62">
        <v>4</v>
      </c>
      <c r="GR34" s="63">
        <v>6</v>
      </c>
      <c r="GS34" s="113">
        <v>5</v>
      </c>
      <c r="GT34" s="72">
        <v>5</v>
      </c>
      <c r="GU34" s="73">
        <v>10</v>
      </c>
      <c r="GV34" s="228"/>
      <c r="GW34" s="72">
        <v>8</v>
      </c>
      <c r="GX34" s="72">
        <v>5</v>
      </c>
      <c r="GY34" s="72">
        <v>9</v>
      </c>
      <c r="GZ34" s="72">
        <v>3</v>
      </c>
      <c r="HA34" s="72">
        <v>2</v>
      </c>
      <c r="HB34" s="74">
        <v>27</v>
      </c>
      <c r="HC34" s="75">
        <v>37</v>
      </c>
      <c r="HD34" s="60">
        <v>0</v>
      </c>
      <c r="HE34" s="61">
        <v>0</v>
      </c>
      <c r="HF34" s="62">
        <v>0</v>
      </c>
      <c r="HG34" s="231"/>
      <c r="HH34" s="61">
        <v>0</v>
      </c>
      <c r="HI34" s="61">
        <v>0</v>
      </c>
      <c r="HJ34" s="61">
        <v>0</v>
      </c>
      <c r="HK34" s="61">
        <v>0</v>
      </c>
      <c r="HL34" s="61">
        <v>1</v>
      </c>
      <c r="HM34" s="62">
        <v>1</v>
      </c>
      <c r="HN34" s="63">
        <v>1</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0</v>
      </c>
      <c r="IP34" s="61">
        <v>1</v>
      </c>
      <c r="IQ34" s="61">
        <v>1</v>
      </c>
      <c r="IR34" s="61">
        <v>1</v>
      </c>
      <c r="IS34" s="61">
        <v>0</v>
      </c>
      <c r="IT34" s="62">
        <v>3</v>
      </c>
      <c r="IU34" s="63">
        <v>5</v>
      </c>
      <c r="IV34" s="60">
        <v>1</v>
      </c>
      <c r="IW34" s="61">
        <v>2</v>
      </c>
      <c r="IX34" s="62">
        <v>3</v>
      </c>
      <c r="IY34" s="231"/>
      <c r="IZ34" s="61">
        <v>4</v>
      </c>
      <c r="JA34" s="61">
        <v>3</v>
      </c>
      <c r="JB34" s="61">
        <v>2</v>
      </c>
      <c r="JC34" s="61">
        <v>1</v>
      </c>
      <c r="JD34" s="61">
        <v>0</v>
      </c>
      <c r="JE34" s="62">
        <v>10</v>
      </c>
      <c r="JF34" s="63">
        <v>13</v>
      </c>
      <c r="JG34" s="60">
        <v>3</v>
      </c>
      <c r="JH34" s="61">
        <v>1</v>
      </c>
      <c r="JI34" s="62">
        <v>4</v>
      </c>
      <c r="JJ34" s="231"/>
      <c r="JK34" s="61">
        <v>4</v>
      </c>
      <c r="JL34" s="61">
        <v>1</v>
      </c>
      <c r="JM34" s="61">
        <v>5</v>
      </c>
      <c r="JN34" s="61">
        <v>1</v>
      </c>
      <c r="JO34" s="61">
        <v>1</v>
      </c>
      <c r="JP34" s="62">
        <v>12</v>
      </c>
      <c r="JQ34" s="63">
        <v>16</v>
      </c>
      <c r="JR34" s="60">
        <v>0</v>
      </c>
      <c r="JS34" s="61">
        <v>0</v>
      </c>
      <c r="JT34" s="62">
        <v>0</v>
      </c>
      <c r="JU34" s="231"/>
      <c r="JV34" s="61">
        <v>0</v>
      </c>
      <c r="JW34" s="61">
        <v>0</v>
      </c>
      <c r="JX34" s="61">
        <v>0</v>
      </c>
      <c r="JY34" s="61">
        <v>0</v>
      </c>
      <c r="JZ34" s="61">
        <v>0</v>
      </c>
      <c r="KA34" s="62">
        <v>0</v>
      </c>
      <c r="KB34" s="63">
        <v>0</v>
      </c>
      <c r="KC34" s="60">
        <v>5</v>
      </c>
      <c r="KD34" s="61">
        <v>5</v>
      </c>
      <c r="KE34" s="62">
        <v>10</v>
      </c>
      <c r="KF34" s="231"/>
      <c r="KG34" s="61">
        <v>8</v>
      </c>
      <c r="KH34" s="61">
        <v>5</v>
      </c>
      <c r="KI34" s="61">
        <v>9</v>
      </c>
      <c r="KJ34" s="61">
        <v>3</v>
      </c>
      <c r="KK34" s="61">
        <v>2</v>
      </c>
      <c r="KL34" s="62">
        <v>27</v>
      </c>
      <c r="KM34" s="63">
        <v>37</v>
      </c>
    </row>
    <row r="35" spans="2:299" ht="21" customHeight="1" x14ac:dyDescent="0.2">
      <c r="B35" s="468" t="s">
        <v>32</v>
      </c>
      <c r="C35" s="291">
        <v>3</v>
      </c>
      <c r="D35" s="72">
        <v>6</v>
      </c>
      <c r="E35" s="73">
        <v>9</v>
      </c>
      <c r="F35" s="228"/>
      <c r="G35" s="72">
        <v>13</v>
      </c>
      <c r="H35" s="72">
        <v>12</v>
      </c>
      <c r="I35" s="72">
        <v>4</v>
      </c>
      <c r="J35" s="72">
        <v>5</v>
      </c>
      <c r="K35" s="72">
        <v>1</v>
      </c>
      <c r="L35" s="74">
        <v>35</v>
      </c>
      <c r="M35" s="75">
        <v>44</v>
      </c>
      <c r="N35" s="60">
        <v>1</v>
      </c>
      <c r="O35" s="61">
        <v>0</v>
      </c>
      <c r="P35" s="62">
        <v>1</v>
      </c>
      <c r="Q35" s="231"/>
      <c r="R35" s="61">
        <v>0</v>
      </c>
      <c r="S35" s="61">
        <v>0</v>
      </c>
      <c r="T35" s="61">
        <v>0</v>
      </c>
      <c r="U35" s="61">
        <v>0</v>
      </c>
      <c r="V35" s="61">
        <v>0</v>
      </c>
      <c r="W35" s="62">
        <v>0</v>
      </c>
      <c r="X35" s="63">
        <v>1</v>
      </c>
      <c r="Y35" s="60">
        <v>0</v>
      </c>
      <c r="Z35" s="61">
        <v>0</v>
      </c>
      <c r="AA35" s="62">
        <v>0</v>
      </c>
      <c r="AB35" s="231"/>
      <c r="AC35" s="61">
        <v>0</v>
      </c>
      <c r="AD35" s="61">
        <v>0</v>
      </c>
      <c r="AE35" s="61">
        <v>0</v>
      </c>
      <c r="AF35" s="61">
        <v>0</v>
      </c>
      <c r="AG35" s="61">
        <v>0</v>
      </c>
      <c r="AH35" s="62">
        <v>0</v>
      </c>
      <c r="AI35" s="63">
        <v>0</v>
      </c>
      <c r="AJ35" s="60">
        <v>0</v>
      </c>
      <c r="AK35" s="61">
        <v>0</v>
      </c>
      <c r="AL35" s="62">
        <v>0</v>
      </c>
      <c r="AM35" s="231"/>
      <c r="AN35" s="61">
        <v>0</v>
      </c>
      <c r="AO35" s="61">
        <v>2</v>
      </c>
      <c r="AP35" s="61">
        <v>0</v>
      </c>
      <c r="AQ35" s="61">
        <v>0</v>
      </c>
      <c r="AR35" s="61">
        <v>0</v>
      </c>
      <c r="AS35" s="62">
        <v>2</v>
      </c>
      <c r="AT35" s="63">
        <v>2</v>
      </c>
      <c r="AU35" s="60">
        <v>1</v>
      </c>
      <c r="AV35" s="61">
        <v>2</v>
      </c>
      <c r="AW35" s="62">
        <v>3</v>
      </c>
      <c r="AX35" s="231"/>
      <c r="AY35" s="61">
        <v>2</v>
      </c>
      <c r="AZ35" s="61">
        <v>1</v>
      </c>
      <c r="BA35" s="61">
        <v>2</v>
      </c>
      <c r="BB35" s="61">
        <v>1</v>
      </c>
      <c r="BC35" s="61">
        <v>0</v>
      </c>
      <c r="BD35" s="62">
        <v>6</v>
      </c>
      <c r="BE35" s="63">
        <v>9</v>
      </c>
      <c r="BF35" s="60">
        <v>0</v>
      </c>
      <c r="BG35" s="61">
        <v>2</v>
      </c>
      <c r="BH35" s="62">
        <v>2</v>
      </c>
      <c r="BI35" s="231"/>
      <c r="BJ35" s="61">
        <v>7</v>
      </c>
      <c r="BK35" s="61">
        <v>3</v>
      </c>
      <c r="BL35" s="61">
        <v>2</v>
      </c>
      <c r="BM35" s="61">
        <v>4</v>
      </c>
      <c r="BN35" s="61">
        <v>1</v>
      </c>
      <c r="BO35" s="62">
        <v>17</v>
      </c>
      <c r="BP35" s="63">
        <v>19</v>
      </c>
      <c r="BQ35" s="60">
        <v>1</v>
      </c>
      <c r="BR35" s="61">
        <v>2</v>
      </c>
      <c r="BS35" s="62">
        <v>3</v>
      </c>
      <c r="BT35" s="231"/>
      <c r="BU35" s="61">
        <v>4</v>
      </c>
      <c r="BV35" s="61">
        <v>6</v>
      </c>
      <c r="BW35" s="61">
        <v>0</v>
      </c>
      <c r="BX35" s="61">
        <v>0</v>
      </c>
      <c r="BY35" s="61">
        <v>0</v>
      </c>
      <c r="BZ35" s="62">
        <v>10</v>
      </c>
      <c r="CA35" s="63">
        <v>13</v>
      </c>
      <c r="CB35" s="60">
        <v>0</v>
      </c>
      <c r="CC35" s="61">
        <v>0</v>
      </c>
      <c r="CD35" s="62">
        <v>0</v>
      </c>
      <c r="CE35" s="231"/>
      <c r="CF35" s="61">
        <v>0</v>
      </c>
      <c r="CG35" s="61">
        <v>0</v>
      </c>
      <c r="CH35" s="61">
        <v>0</v>
      </c>
      <c r="CI35" s="61">
        <v>0</v>
      </c>
      <c r="CJ35" s="61">
        <v>0</v>
      </c>
      <c r="CK35" s="62">
        <v>0</v>
      </c>
      <c r="CL35" s="63">
        <v>0</v>
      </c>
      <c r="CM35" s="60">
        <v>3</v>
      </c>
      <c r="CN35" s="61">
        <v>6</v>
      </c>
      <c r="CO35" s="62">
        <v>9</v>
      </c>
      <c r="CP35" s="231"/>
      <c r="CQ35" s="61">
        <v>13</v>
      </c>
      <c r="CR35" s="61">
        <v>12</v>
      </c>
      <c r="CS35" s="61">
        <v>4</v>
      </c>
      <c r="CT35" s="61">
        <v>5</v>
      </c>
      <c r="CU35" s="61">
        <v>1</v>
      </c>
      <c r="CV35" s="62">
        <v>35</v>
      </c>
      <c r="CW35" s="63">
        <v>44</v>
      </c>
      <c r="CX35" s="113">
        <v>0</v>
      </c>
      <c r="CY35" s="72">
        <v>0</v>
      </c>
      <c r="CZ35" s="73">
        <v>0</v>
      </c>
      <c r="DA35" s="228"/>
      <c r="DB35" s="72">
        <v>1</v>
      </c>
      <c r="DC35" s="72">
        <v>3</v>
      </c>
      <c r="DD35" s="72">
        <v>1</v>
      </c>
      <c r="DE35" s="72">
        <v>3</v>
      </c>
      <c r="DF35" s="72">
        <v>2</v>
      </c>
      <c r="DG35" s="74">
        <v>10</v>
      </c>
      <c r="DH35" s="75">
        <v>10</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1</v>
      </c>
      <c r="FG35" s="61">
        <v>1</v>
      </c>
      <c r="FH35" s="61">
        <v>1</v>
      </c>
      <c r="FI35" s="61">
        <v>1</v>
      </c>
      <c r="FJ35" s="62">
        <v>4</v>
      </c>
      <c r="FK35" s="63">
        <v>4</v>
      </c>
      <c r="FL35" s="60">
        <v>0</v>
      </c>
      <c r="FM35" s="61">
        <v>0</v>
      </c>
      <c r="FN35" s="62">
        <v>0</v>
      </c>
      <c r="FO35" s="231"/>
      <c r="FP35" s="61">
        <v>0</v>
      </c>
      <c r="FQ35" s="61">
        <v>1</v>
      </c>
      <c r="FR35" s="61">
        <v>0</v>
      </c>
      <c r="FS35" s="61">
        <v>2</v>
      </c>
      <c r="FT35" s="61">
        <v>1</v>
      </c>
      <c r="FU35" s="62">
        <v>4</v>
      </c>
      <c r="FV35" s="63">
        <v>4</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3</v>
      </c>
      <c r="GN35" s="61">
        <v>1</v>
      </c>
      <c r="GO35" s="61">
        <v>3</v>
      </c>
      <c r="GP35" s="61">
        <v>2</v>
      </c>
      <c r="GQ35" s="62">
        <v>10</v>
      </c>
      <c r="GR35" s="63">
        <v>10</v>
      </c>
      <c r="GS35" s="113">
        <v>3</v>
      </c>
      <c r="GT35" s="72">
        <v>6</v>
      </c>
      <c r="GU35" s="73">
        <v>9</v>
      </c>
      <c r="GV35" s="228"/>
      <c r="GW35" s="72">
        <v>14</v>
      </c>
      <c r="GX35" s="72">
        <v>15</v>
      </c>
      <c r="GY35" s="72">
        <v>5</v>
      </c>
      <c r="GZ35" s="72">
        <v>8</v>
      </c>
      <c r="HA35" s="72">
        <v>3</v>
      </c>
      <c r="HB35" s="74">
        <v>45</v>
      </c>
      <c r="HC35" s="75">
        <v>54</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2</v>
      </c>
      <c r="IF35" s="61">
        <v>0</v>
      </c>
      <c r="IG35" s="61">
        <v>0</v>
      </c>
      <c r="IH35" s="61">
        <v>0</v>
      </c>
      <c r="II35" s="62">
        <v>2</v>
      </c>
      <c r="IJ35" s="63">
        <v>2</v>
      </c>
      <c r="IK35" s="60">
        <v>1</v>
      </c>
      <c r="IL35" s="61">
        <v>2</v>
      </c>
      <c r="IM35" s="62">
        <v>3</v>
      </c>
      <c r="IN35" s="231"/>
      <c r="IO35" s="61">
        <v>2</v>
      </c>
      <c r="IP35" s="61">
        <v>2</v>
      </c>
      <c r="IQ35" s="61">
        <v>2</v>
      </c>
      <c r="IR35" s="61">
        <v>1</v>
      </c>
      <c r="IS35" s="61">
        <v>0</v>
      </c>
      <c r="IT35" s="62">
        <v>7</v>
      </c>
      <c r="IU35" s="63">
        <v>10</v>
      </c>
      <c r="IV35" s="60">
        <v>0</v>
      </c>
      <c r="IW35" s="61">
        <v>2</v>
      </c>
      <c r="IX35" s="62">
        <v>2</v>
      </c>
      <c r="IY35" s="231"/>
      <c r="IZ35" s="61">
        <v>7</v>
      </c>
      <c r="JA35" s="61">
        <v>4</v>
      </c>
      <c r="JB35" s="61">
        <v>3</v>
      </c>
      <c r="JC35" s="61">
        <v>5</v>
      </c>
      <c r="JD35" s="61">
        <v>2</v>
      </c>
      <c r="JE35" s="62">
        <v>21</v>
      </c>
      <c r="JF35" s="63">
        <v>23</v>
      </c>
      <c r="JG35" s="60">
        <v>1</v>
      </c>
      <c r="JH35" s="61">
        <v>2</v>
      </c>
      <c r="JI35" s="62">
        <v>3</v>
      </c>
      <c r="JJ35" s="231"/>
      <c r="JK35" s="61">
        <v>4</v>
      </c>
      <c r="JL35" s="61">
        <v>7</v>
      </c>
      <c r="JM35" s="61">
        <v>0</v>
      </c>
      <c r="JN35" s="61">
        <v>2</v>
      </c>
      <c r="JO35" s="61">
        <v>1</v>
      </c>
      <c r="JP35" s="62">
        <v>14</v>
      </c>
      <c r="JQ35" s="63">
        <v>17</v>
      </c>
      <c r="JR35" s="60">
        <v>0</v>
      </c>
      <c r="JS35" s="61">
        <v>0</v>
      </c>
      <c r="JT35" s="62">
        <v>0</v>
      </c>
      <c r="JU35" s="231"/>
      <c r="JV35" s="61">
        <v>0</v>
      </c>
      <c r="JW35" s="61">
        <v>0</v>
      </c>
      <c r="JX35" s="61">
        <v>0</v>
      </c>
      <c r="JY35" s="61">
        <v>0</v>
      </c>
      <c r="JZ35" s="61">
        <v>0</v>
      </c>
      <c r="KA35" s="62">
        <v>0</v>
      </c>
      <c r="KB35" s="63">
        <v>0</v>
      </c>
      <c r="KC35" s="60">
        <v>3</v>
      </c>
      <c r="KD35" s="61">
        <v>6</v>
      </c>
      <c r="KE35" s="62">
        <v>9</v>
      </c>
      <c r="KF35" s="231"/>
      <c r="KG35" s="61">
        <v>14</v>
      </c>
      <c r="KH35" s="61">
        <v>15</v>
      </c>
      <c r="KI35" s="61">
        <v>5</v>
      </c>
      <c r="KJ35" s="61">
        <v>8</v>
      </c>
      <c r="KK35" s="61">
        <v>3</v>
      </c>
      <c r="KL35" s="62">
        <v>45</v>
      </c>
      <c r="KM35" s="63">
        <v>54</v>
      </c>
    </row>
    <row r="36" spans="2:299" ht="21" customHeight="1" x14ac:dyDescent="0.2">
      <c r="B36" s="468" t="s">
        <v>33</v>
      </c>
      <c r="C36" s="291">
        <v>6</v>
      </c>
      <c r="D36" s="72">
        <v>3</v>
      </c>
      <c r="E36" s="73">
        <v>9</v>
      </c>
      <c r="F36" s="228"/>
      <c r="G36" s="72">
        <v>5</v>
      </c>
      <c r="H36" s="72">
        <v>3</v>
      </c>
      <c r="I36" s="72">
        <v>4</v>
      </c>
      <c r="J36" s="72">
        <v>0</v>
      </c>
      <c r="K36" s="72">
        <v>2</v>
      </c>
      <c r="L36" s="74">
        <v>14</v>
      </c>
      <c r="M36" s="75">
        <v>23</v>
      </c>
      <c r="N36" s="60">
        <v>0</v>
      </c>
      <c r="O36" s="61">
        <v>0</v>
      </c>
      <c r="P36" s="62">
        <v>0</v>
      </c>
      <c r="Q36" s="231"/>
      <c r="R36" s="61">
        <v>0</v>
      </c>
      <c r="S36" s="61">
        <v>0</v>
      </c>
      <c r="T36" s="61">
        <v>0</v>
      </c>
      <c r="U36" s="61">
        <v>0</v>
      </c>
      <c r="V36" s="61">
        <v>0</v>
      </c>
      <c r="W36" s="62">
        <v>0</v>
      </c>
      <c r="X36" s="63">
        <v>0</v>
      </c>
      <c r="Y36" s="60">
        <v>0</v>
      </c>
      <c r="Z36" s="61">
        <v>0</v>
      </c>
      <c r="AA36" s="62">
        <v>0</v>
      </c>
      <c r="AB36" s="231"/>
      <c r="AC36" s="61">
        <v>0</v>
      </c>
      <c r="AD36" s="61">
        <v>0</v>
      </c>
      <c r="AE36" s="61">
        <v>0</v>
      </c>
      <c r="AF36" s="61">
        <v>0</v>
      </c>
      <c r="AG36" s="61">
        <v>0</v>
      </c>
      <c r="AH36" s="62">
        <v>0</v>
      </c>
      <c r="AI36" s="63">
        <v>0</v>
      </c>
      <c r="AJ36" s="60">
        <v>2</v>
      </c>
      <c r="AK36" s="61">
        <v>0</v>
      </c>
      <c r="AL36" s="62">
        <v>2</v>
      </c>
      <c r="AM36" s="231"/>
      <c r="AN36" s="61">
        <v>0</v>
      </c>
      <c r="AO36" s="61">
        <v>0</v>
      </c>
      <c r="AP36" s="61">
        <v>0</v>
      </c>
      <c r="AQ36" s="61">
        <v>0</v>
      </c>
      <c r="AR36" s="61">
        <v>1</v>
      </c>
      <c r="AS36" s="62">
        <v>1</v>
      </c>
      <c r="AT36" s="63">
        <v>3</v>
      </c>
      <c r="AU36" s="60">
        <v>1</v>
      </c>
      <c r="AV36" s="61">
        <v>1</v>
      </c>
      <c r="AW36" s="62">
        <v>2</v>
      </c>
      <c r="AX36" s="231"/>
      <c r="AY36" s="61">
        <v>1</v>
      </c>
      <c r="AZ36" s="61">
        <v>1</v>
      </c>
      <c r="BA36" s="61">
        <v>2</v>
      </c>
      <c r="BB36" s="61">
        <v>0</v>
      </c>
      <c r="BC36" s="61">
        <v>0</v>
      </c>
      <c r="BD36" s="62">
        <v>4</v>
      </c>
      <c r="BE36" s="63">
        <v>6</v>
      </c>
      <c r="BF36" s="60">
        <v>1</v>
      </c>
      <c r="BG36" s="61">
        <v>1</v>
      </c>
      <c r="BH36" s="62">
        <v>2</v>
      </c>
      <c r="BI36" s="231"/>
      <c r="BJ36" s="61">
        <v>2</v>
      </c>
      <c r="BK36" s="61">
        <v>0</v>
      </c>
      <c r="BL36" s="61">
        <v>2</v>
      </c>
      <c r="BM36" s="61">
        <v>0</v>
      </c>
      <c r="BN36" s="61">
        <v>0</v>
      </c>
      <c r="BO36" s="62">
        <v>4</v>
      </c>
      <c r="BP36" s="63">
        <v>6</v>
      </c>
      <c r="BQ36" s="60">
        <v>2</v>
      </c>
      <c r="BR36" s="61">
        <v>1</v>
      </c>
      <c r="BS36" s="62">
        <v>3</v>
      </c>
      <c r="BT36" s="231"/>
      <c r="BU36" s="61">
        <v>2</v>
      </c>
      <c r="BV36" s="61">
        <v>2</v>
      </c>
      <c r="BW36" s="61">
        <v>0</v>
      </c>
      <c r="BX36" s="61">
        <v>0</v>
      </c>
      <c r="BY36" s="61">
        <v>1</v>
      </c>
      <c r="BZ36" s="62">
        <v>5</v>
      </c>
      <c r="CA36" s="63">
        <v>8</v>
      </c>
      <c r="CB36" s="60">
        <v>0</v>
      </c>
      <c r="CC36" s="61">
        <v>0</v>
      </c>
      <c r="CD36" s="62">
        <v>0</v>
      </c>
      <c r="CE36" s="231"/>
      <c r="CF36" s="61">
        <v>0</v>
      </c>
      <c r="CG36" s="61">
        <v>0</v>
      </c>
      <c r="CH36" s="61">
        <v>0</v>
      </c>
      <c r="CI36" s="61">
        <v>0</v>
      </c>
      <c r="CJ36" s="61">
        <v>0</v>
      </c>
      <c r="CK36" s="62">
        <v>0</v>
      </c>
      <c r="CL36" s="63">
        <v>0</v>
      </c>
      <c r="CM36" s="60">
        <v>6</v>
      </c>
      <c r="CN36" s="61">
        <v>3</v>
      </c>
      <c r="CO36" s="62">
        <v>9</v>
      </c>
      <c r="CP36" s="231"/>
      <c r="CQ36" s="61">
        <v>5</v>
      </c>
      <c r="CR36" s="61">
        <v>3</v>
      </c>
      <c r="CS36" s="61">
        <v>4</v>
      </c>
      <c r="CT36" s="61">
        <v>0</v>
      </c>
      <c r="CU36" s="61">
        <v>2</v>
      </c>
      <c r="CV36" s="62">
        <v>14</v>
      </c>
      <c r="CW36" s="63">
        <v>23</v>
      </c>
      <c r="CX36" s="113">
        <v>0</v>
      </c>
      <c r="CY36" s="72">
        <v>2</v>
      </c>
      <c r="CZ36" s="73">
        <v>2</v>
      </c>
      <c r="DA36" s="228"/>
      <c r="DB36" s="72">
        <v>2</v>
      </c>
      <c r="DC36" s="72">
        <v>2</v>
      </c>
      <c r="DD36" s="72">
        <v>0</v>
      </c>
      <c r="DE36" s="72">
        <v>0</v>
      </c>
      <c r="DF36" s="72">
        <v>0</v>
      </c>
      <c r="DG36" s="74">
        <v>4</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0</v>
      </c>
      <c r="FC36" s="62">
        <v>0</v>
      </c>
      <c r="FD36" s="231"/>
      <c r="FE36" s="61">
        <v>1</v>
      </c>
      <c r="FF36" s="61">
        <v>0</v>
      </c>
      <c r="FG36" s="61">
        <v>0</v>
      </c>
      <c r="FH36" s="61">
        <v>0</v>
      </c>
      <c r="FI36" s="61">
        <v>0</v>
      </c>
      <c r="FJ36" s="62">
        <v>1</v>
      </c>
      <c r="FK36" s="63">
        <v>1</v>
      </c>
      <c r="FL36" s="60">
        <v>0</v>
      </c>
      <c r="FM36" s="61">
        <v>1</v>
      </c>
      <c r="FN36" s="62">
        <v>1</v>
      </c>
      <c r="FO36" s="231"/>
      <c r="FP36" s="61">
        <v>1</v>
      </c>
      <c r="FQ36" s="61">
        <v>2</v>
      </c>
      <c r="FR36" s="61">
        <v>0</v>
      </c>
      <c r="FS36" s="61">
        <v>0</v>
      </c>
      <c r="FT36" s="61">
        <v>0</v>
      </c>
      <c r="FU36" s="62">
        <v>3</v>
      </c>
      <c r="FV36" s="63">
        <v>4</v>
      </c>
      <c r="FW36" s="60">
        <v>0</v>
      </c>
      <c r="FX36" s="61">
        <v>0</v>
      </c>
      <c r="FY36" s="62">
        <v>0</v>
      </c>
      <c r="FZ36" s="231"/>
      <c r="GA36" s="61">
        <v>0</v>
      </c>
      <c r="GB36" s="61">
        <v>0</v>
      </c>
      <c r="GC36" s="61">
        <v>0</v>
      </c>
      <c r="GD36" s="61">
        <v>0</v>
      </c>
      <c r="GE36" s="61">
        <v>0</v>
      </c>
      <c r="GF36" s="62">
        <v>0</v>
      </c>
      <c r="GG36" s="63">
        <v>0</v>
      </c>
      <c r="GH36" s="60">
        <v>0</v>
      </c>
      <c r="GI36" s="61">
        <v>2</v>
      </c>
      <c r="GJ36" s="62">
        <v>2</v>
      </c>
      <c r="GK36" s="231"/>
      <c r="GL36" s="61">
        <v>2</v>
      </c>
      <c r="GM36" s="61">
        <v>2</v>
      </c>
      <c r="GN36" s="61">
        <v>0</v>
      </c>
      <c r="GO36" s="61">
        <v>0</v>
      </c>
      <c r="GP36" s="61">
        <v>0</v>
      </c>
      <c r="GQ36" s="62">
        <v>4</v>
      </c>
      <c r="GR36" s="63">
        <v>6</v>
      </c>
      <c r="GS36" s="113">
        <v>6</v>
      </c>
      <c r="GT36" s="72">
        <v>5</v>
      </c>
      <c r="GU36" s="73">
        <v>11</v>
      </c>
      <c r="GV36" s="228"/>
      <c r="GW36" s="72">
        <v>7</v>
      </c>
      <c r="GX36" s="72">
        <v>5</v>
      </c>
      <c r="GY36" s="72">
        <v>4</v>
      </c>
      <c r="GZ36" s="72">
        <v>0</v>
      </c>
      <c r="HA36" s="72">
        <v>2</v>
      </c>
      <c r="HB36" s="74">
        <v>18</v>
      </c>
      <c r="HC36" s="75">
        <v>29</v>
      </c>
      <c r="HD36" s="60">
        <v>0</v>
      </c>
      <c r="HE36" s="61">
        <v>0</v>
      </c>
      <c r="HF36" s="62">
        <v>0</v>
      </c>
      <c r="HG36" s="231"/>
      <c r="HH36" s="61">
        <v>0</v>
      </c>
      <c r="HI36" s="61">
        <v>0</v>
      </c>
      <c r="HJ36" s="61">
        <v>0</v>
      </c>
      <c r="HK36" s="61">
        <v>0</v>
      </c>
      <c r="HL36" s="61">
        <v>0</v>
      </c>
      <c r="HM36" s="62">
        <v>0</v>
      </c>
      <c r="HN36" s="63">
        <v>0</v>
      </c>
      <c r="HO36" s="60">
        <v>0</v>
      </c>
      <c r="HP36" s="61">
        <v>1</v>
      </c>
      <c r="HQ36" s="62">
        <v>1</v>
      </c>
      <c r="HR36" s="231"/>
      <c r="HS36" s="61">
        <v>0</v>
      </c>
      <c r="HT36" s="61">
        <v>0</v>
      </c>
      <c r="HU36" s="61">
        <v>0</v>
      </c>
      <c r="HV36" s="61">
        <v>0</v>
      </c>
      <c r="HW36" s="61">
        <v>0</v>
      </c>
      <c r="HX36" s="62">
        <v>0</v>
      </c>
      <c r="HY36" s="63">
        <v>1</v>
      </c>
      <c r="HZ36" s="60">
        <v>2</v>
      </c>
      <c r="IA36" s="61">
        <v>0</v>
      </c>
      <c r="IB36" s="62">
        <v>2</v>
      </c>
      <c r="IC36" s="231"/>
      <c r="ID36" s="61">
        <v>0</v>
      </c>
      <c r="IE36" s="61">
        <v>0</v>
      </c>
      <c r="IF36" s="61">
        <v>0</v>
      </c>
      <c r="IG36" s="61">
        <v>0</v>
      </c>
      <c r="IH36" s="61">
        <v>1</v>
      </c>
      <c r="II36" s="62">
        <v>1</v>
      </c>
      <c r="IJ36" s="63">
        <v>3</v>
      </c>
      <c r="IK36" s="60">
        <v>1</v>
      </c>
      <c r="IL36" s="61">
        <v>1</v>
      </c>
      <c r="IM36" s="62">
        <v>2</v>
      </c>
      <c r="IN36" s="231"/>
      <c r="IO36" s="61">
        <v>1</v>
      </c>
      <c r="IP36" s="61">
        <v>1</v>
      </c>
      <c r="IQ36" s="61">
        <v>2</v>
      </c>
      <c r="IR36" s="61">
        <v>0</v>
      </c>
      <c r="IS36" s="61">
        <v>0</v>
      </c>
      <c r="IT36" s="62">
        <v>4</v>
      </c>
      <c r="IU36" s="63">
        <v>6</v>
      </c>
      <c r="IV36" s="60">
        <v>1</v>
      </c>
      <c r="IW36" s="61">
        <v>1</v>
      </c>
      <c r="IX36" s="62">
        <v>2</v>
      </c>
      <c r="IY36" s="231"/>
      <c r="IZ36" s="61">
        <v>3</v>
      </c>
      <c r="JA36" s="61">
        <v>0</v>
      </c>
      <c r="JB36" s="61">
        <v>2</v>
      </c>
      <c r="JC36" s="61">
        <v>0</v>
      </c>
      <c r="JD36" s="61">
        <v>0</v>
      </c>
      <c r="JE36" s="62">
        <v>5</v>
      </c>
      <c r="JF36" s="63">
        <v>7</v>
      </c>
      <c r="JG36" s="60">
        <v>2</v>
      </c>
      <c r="JH36" s="61">
        <v>2</v>
      </c>
      <c r="JI36" s="62">
        <v>4</v>
      </c>
      <c r="JJ36" s="231"/>
      <c r="JK36" s="61">
        <v>3</v>
      </c>
      <c r="JL36" s="61">
        <v>4</v>
      </c>
      <c r="JM36" s="61">
        <v>0</v>
      </c>
      <c r="JN36" s="61">
        <v>0</v>
      </c>
      <c r="JO36" s="61">
        <v>1</v>
      </c>
      <c r="JP36" s="62">
        <v>8</v>
      </c>
      <c r="JQ36" s="63">
        <v>12</v>
      </c>
      <c r="JR36" s="60">
        <v>0</v>
      </c>
      <c r="JS36" s="61">
        <v>0</v>
      </c>
      <c r="JT36" s="62">
        <v>0</v>
      </c>
      <c r="JU36" s="231"/>
      <c r="JV36" s="61">
        <v>0</v>
      </c>
      <c r="JW36" s="61">
        <v>0</v>
      </c>
      <c r="JX36" s="61">
        <v>0</v>
      </c>
      <c r="JY36" s="61">
        <v>0</v>
      </c>
      <c r="JZ36" s="61">
        <v>0</v>
      </c>
      <c r="KA36" s="62">
        <v>0</v>
      </c>
      <c r="KB36" s="63">
        <v>0</v>
      </c>
      <c r="KC36" s="60">
        <v>6</v>
      </c>
      <c r="KD36" s="61">
        <v>5</v>
      </c>
      <c r="KE36" s="62">
        <v>11</v>
      </c>
      <c r="KF36" s="231"/>
      <c r="KG36" s="61">
        <v>7</v>
      </c>
      <c r="KH36" s="61">
        <v>5</v>
      </c>
      <c r="KI36" s="61">
        <v>4</v>
      </c>
      <c r="KJ36" s="61">
        <v>0</v>
      </c>
      <c r="KK36" s="61">
        <v>2</v>
      </c>
      <c r="KL36" s="62">
        <v>18</v>
      </c>
      <c r="KM36" s="63">
        <v>29</v>
      </c>
    </row>
    <row r="37" spans="2:299" ht="21" customHeight="1" x14ac:dyDescent="0.2">
      <c r="B37" s="468" t="s">
        <v>34</v>
      </c>
      <c r="C37" s="291">
        <v>3</v>
      </c>
      <c r="D37" s="72">
        <v>2</v>
      </c>
      <c r="E37" s="73">
        <v>5</v>
      </c>
      <c r="F37" s="228"/>
      <c r="G37" s="72">
        <v>2</v>
      </c>
      <c r="H37" s="72">
        <v>10</v>
      </c>
      <c r="I37" s="72">
        <v>2</v>
      </c>
      <c r="J37" s="72">
        <v>1</v>
      </c>
      <c r="K37" s="72">
        <v>0</v>
      </c>
      <c r="L37" s="74">
        <v>15</v>
      </c>
      <c r="M37" s="75">
        <v>20</v>
      </c>
      <c r="N37" s="60">
        <v>0</v>
      </c>
      <c r="O37" s="61">
        <v>0</v>
      </c>
      <c r="P37" s="62">
        <v>0</v>
      </c>
      <c r="Q37" s="231"/>
      <c r="R37" s="61">
        <v>0</v>
      </c>
      <c r="S37" s="61">
        <v>0</v>
      </c>
      <c r="T37" s="61">
        <v>0</v>
      </c>
      <c r="U37" s="61">
        <v>0</v>
      </c>
      <c r="V37" s="61">
        <v>0</v>
      </c>
      <c r="W37" s="62">
        <v>0</v>
      </c>
      <c r="X37" s="63">
        <v>0</v>
      </c>
      <c r="Y37" s="60">
        <v>0</v>
      </c>
      <c r="Z37" s="61">
        <v>0</v>
      </c>
      <c r="AA37" s="62">
        <v>0</v>
      </c>
      <c r="AB37" s="231"/>
      <c r="AC37" s="61">
        <v>0</v>
      </c>
      <c r="AD37" s="61">
        <v>0</v>
      </c>
      <c r="AE37" s="61">
        <v>0</v>
      </c>
      <c r="AF37" s="61">
        <v>0</v>
      </c>
      <c r="AG37" s="61">
        <v>0</v>
      </c>
      <c r="AH37" s="62">
        <v>0</v>
      </c>
      <c r="AI37" s="63">
        <v>0</v>
      </c>
      <c r="AJ37" s="60">
        <v>0</v>
      </c>
      <c r="AK37" s="61">
        <v>0</v>
      </c>
      <c r="AL37" s="62">
        <v>0</v>
      </c>
      <c r="AM37" s="231"/>
      <c r="AN37" s="61">
        <v>0</v>
      </c>
      <c r="AO37" s="61">
        <v>0</v>
      </c>
      <c r="AP37" s="61">
        <v>0</v>
      </c>
      <c r="AQ37" s="61">
        <v>0</v>
      </c>
      <c r="AR37" s="61">
        <v>0</v>
      </c>
      <c r="AS37" s="62">
        <v>0</v>
      </c>
      <c r="AT37" s="63">
        <v>0</v>
      </c>
      <c r="AU37" s="60">
        <v>1</v>
      </c>
      <c r="AV37" s="61">
        <v>0</v>
      </c>
      <c r="AW37" s="62">
        <v>1</v>
      </c>
      <c r="AX37" s="231"/>
      <c r="AY37" s="61">
        <v>0</v>
      </c>
      <c r="AZ37" s="61">
        <v>5</v>
      </c>
      <c r="BA37" s="61">
        <v>0</v>
      </c>
      <c r="BB37" s="61">
        <v>0</v>
      </c>
      <c r="BC37" s="61">
        <v>0</v>
      </c>
      <c r="BD37" s="62">
        <v>5</v>
      </c>
      <c r="BE37" s="63">
        <v>6</v>
      </c>
      <c r="BF37" s="60">
        <v>2</v>
      </c>
      <c r="BG37" s="61">
        <v>1</v>
      </c>
      <c r="BH37" s="62">
        <v>3</v>
      </c>
      <c r="BI37" s="231"/>
      <c r="BJ37" s="61">
        <v>1</v>
      </c>
      <c r="BK37" s="61">
        <v>1</v>
      </c>
      <c r="BL37" s="61">
        <v>2</v>
      </c>
      <c r="BM37" s="61">
        <v>1</v>
      </c>
      <c r="BN37" s="61">
        <v>0</v>
      </c>
      <c r="BO37" s="62">
        <v>5</v>
      </c>
      <c r="BP37" s="63">
        <v>8</v>
      </c>
      <c r="BQ37" s="60">
        <v>0</v>
      </c>
      <c r="BR37" s="61">
        <v>1</v>
      </c>
      <c r="BS37" s="62">
        <v>1</v>
      </c>
      <c r="BT37" s="231"/>
      <c r="BU37" s="61">
        <v>1</v>
      </c>
      <c r="BV37" s="61">
        <v>4</v>
      </c>
      <c r="BW37" s="61">
        <v>0</v>
      </c>
      <c r="BX37" s="61">
        <v>0</v>
      </c>
      <c r="BY37" s="61">
        <v>0</v>
      </c>
      <c r="BZ37" s="62">
        <v>5</v>
      </c>
      <c r="CA37" s="63">
        <v>6</v>
      </c>
      <c r="CB37" s="60">
        <v>0</v>
      </c>
      <c r="CC37" s="61">
        <v>0</v>
      </c>
      <c r="CD37" s="62">
        <v>0</v>
      </c>
      <c r="CE37" s="231"/>
      <c r="CF37" s="61">
        <v>0</v>
      </c>
      <c r="CG37" s="61">
        <v>0</v>
      </c>
      <c r="CH37" s="61">
        <v>0</v>
      </c>
      <c r="CI37" s="61">
        <v>0</v>
      </c>
      <c r="CJ37" s="61">
        <v>0</v>
      </c>
      <c r="CK37" s="62">
        <v>0</v>
      </c>
      <c r="CL37" s="63">
        <v>0</v>
      </c>
      <c r="CM37" s="60">
        <v>3</v>
      </c>
      <c r="CN37" s="61">
        <v>2</v>
      </c>
      <c r="CO37" s="62">
        <v>5</v>
      </c>
      <c r="CP37" s="231"/>
      <c r="CQ37" s="61">
        <v>2</v>
      </c>
      <c r="CR37" s="61">
        <v>10</v>
      </c>
      <c r="CS37" s="61">
        <v>2</v>
      </c>
      <c r="CT37" s="61">
        <v>1</v>
      </c>
      <c r="CU37" s="61">
        <v>0</v>
      </c>
      <c r="CV37" s="62">
        <v>15</v>
      </c>
      <c r="CW37" s="63">
        <v>20</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4</v>
      </c>
      <c r="GT37" s="72">
        <v>2</v>
      </c>
      <c r="GU37" s="73">
        <v>6</v>
      </c>
      <c r="GV37" s="228"/>
      <c r="GW37" s="72">
        <v>2</v>
      </c>
      <c r="GX37" s="72">
        <v>10</v>
      </c>
      <c r="GY37" s="72">
        <v>3</v>
      </c>
      <c r="GZ37" s="72">
        <v>2</v>
      </c>
      <c r="HA37" s="72">
        <v>2</v>
      </c>
      <c r="HB37" s="74">
        <v>19</v>
      </c>
      <c r="HC37" s="75">
        <v>25</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0</v>
      </c>
      <c r="IP37" s="61">
        <v>5</v>
      </c>
      <c r="IQ37" s="61">
        <v>0</v>
      </c>
      <c r="IR37" s="61">
        <v>0</v>
      </c>
      <c r="IS37" s="61">
        <v>0</v>
      </c>
      <c r="IT37" s="62">
        <v>5</v>
      </c>
      <c r="IU37" s="63">
        <v>6</v>
      </c>
      <c r="IV37" s="60">
        <v>3</v>
      </c>
      <c r="IW37" s="61">
        <v>1</v>
      </c>
      <c r="IX37" s="62">
        <v>4</v>
      </c>
      <c r="IY37" s="231"/>
      <c r="IZ37" s="61">
        <v>1</v>
      </c>
      <c r="JA37" s="61">
        <v>1</v>
      </c>
      <c r="JB37" s="61">
        <v>3</v>
      </c>
      <c r="JC37" s="61">
        <v>1</v>
      </c>
      <c r="JD37" s="61">
        <v>0</v>
      </c>
      <c r="JE37" s="62">
        <v>6</v>
      </c>
      <c r="JF37" s="63">
        <v>10</v>
      </c>
      <c r="JG37" s="60">
        <v>0</v>
      </c>
      <c r="JH37" s="61">
        <v>1</v>
      </c>
      <c r="JI37" s="62">
        <v>1</v>
      </c>
      <c r="JJ37" s="231"/>
      <c r="JK37" s="61">
        <v>1</v>
      </c>
      <c r="JL37" s="61">
        <v>4</v>
      </c>
      <c r="JM37" s="61">
        <v>0</v>
      </c>
      <c r="JN37" s="61">
        <v>0</v>
      </c>
      <c r="JO37" s="61">
        <v>2</v>
      </c>
      <c r="JP37" s="62">
        <v>7</v>
      </c>
      <c r="JQ37" s="63">
        <v>8</v>
      </c>
      <c r="JR37" s="60">
        <v>0</v>
      </c>
      <c r="JS37" s="61">
        <v>0</v>
      </c>
      <c r="JT37" s="62">
        <v>0</v>
      </c>
      <c r="JU37" s="231"/>
      <c r="JV37" s="61">
        <v>0</v>
      </c>
      <c r="JW37" s="61">
        <v>0</v>
      </c>
      <c r="JX37" s="61">
        <v>0</v>
      </c>
      <c r="JY37" s="61">
        <v>0</v>
      </c>
      <c r="JZ37" s="61">
        <v>0</v>
      </c>
      <c r="KA37" s="62">
        <v>0</v>
      </c>
      <c r="KB37" s="63">
        <v>0</v>
      </c>
      <c r="KC37" s="60">
        <v>4</v>
      </c>
      <c r="KD37" s="61">
        <v>2</v>
      </c>
      <c r="KE37" s="62">
        <v>6</v>
      </c>
      <c r="KF37" s="231"/>
      <c r="KG37" s="61">
        <v>2</v>
      </c>
      <c r="KH37" s="61">
        <v>10</v>
      </c>
      <c r="KI37" s="61">
        <v>3</v>
      </c>
      <c r="KJ37" s="61">
        <v>2</v>
      </c>
      <c r="KK37" s="61">
        <v>2</v>
      </c>
      <c r="KL37" s="62">
        <v>19</v>
      </c>
      <c r="KM37" s="63">
        <v>25</v>
      </c>
    </row>
    <row r="38" spans="2:299" ht="21" customHeight="1" x14ac:dyDescent="0.2">
      <c r="B38" s="468" t="s">
        <v>35</v>
      </c>
      <c r="C38" s="291">
        <v>8</v>
      </c>
      <c r="D38" s="72">
        <v>2</v>
      </c>
      <c r="E38" s="73">
        <v>10</v>
      </c>
      <c r="F38" s="228"/>
      <c r="G38" s="72">
        <v>19</v>
      </c>
      <c r="H38" s="72">
        <v>6</v>
      </c>
      <c r="I38" s="72">
        <v>7</v>
      </c>
      <c r="J38" s="72">
        <v>6</v>
      </c>
      <c r="K38" s="72">
        <v>1</v>
      </c>
      <c r="L38" s="74">
        <v>39</v>
      </c>
      <c r="M38" s="75">
        <v>49</v>
      </c>
      <c r="N38" s="60">
        <v>0</v>
      </c>
      <c r="O38" s="61">
        <v>0</v>
      </c>
      <c r="P38" s="62">
        <v>0</v>
      </c>
      <c r="Q38" s="231"/>
      <c r="R38" s="61">
        <v>1</v>
      </c>
      <c r="S38" s="61">
        <v>0</v>
      </c>
      <c r="T38" s="61">
        <v>0</v>
      </c>
      <c r="U38" s="61">
        <v>0</v>
      </c>
      <c r="V38" s="61">
        <v>0</v>
      </c>
      <c r="W38" s="62">
        <v>1</v>
      </c>
      <c r="X38" s="63">
        <v>1</v>
      </c>
      <c r="Y38" s="60">
        <v>0</v>
      </c>
      <c r="Z38" s="61">
        <v>0</v>
      </c>
      <c r="AA38" s="62">
        <v>0</v>
      </c>
      <c r="AB38" s="231"/>
      <c r="AC38" s="61">
        <v>1</v>
      </c>
      <c r="AD38" s="61">
        <v>0</v>
      </c>
      <c r="AE38" s="61">
        <v>0</v>
      </c>
      <c r="AF38" s="61">
        <v>0</v>
      </c>
      <c r="AG38" s="61">
        <v>0</v>
      </c>
      <c r="AH38" s="62">
        <v>1</v>
      </c>
      <c r="AI38" s="63">
        <v>1</v>
      </c>
      <c r="AJ38" s="60">
        <v>2</v>
      </c>
      <c r="AK38" s="61">
        <v>0</v>
      </c>
      <c r="AL38" s="62">
        <v>2</v>
      </c>
      <c r="AM38" s="231"/>
      <c r="AN38" s="61">
        <v>1</v>
      </c>
      <c r="AO38" s="61">
        <v>0</v>
      </c>
      <c r="AP38" s="61">
        <v>1</v>
      </c>
      <c r="AQ38" s="61">
        <v>1</v>
      </c>
      <c r="AR38" s="61">
        <v>0</v>
      </c>
      <c r="AS38" s="62">
        <v>3</v>
      </c>
      <c r="AT38" s="63">
        <v>5</v>
      </c>
      <c r="AU38" s="60">
        <v>3</v>
      </c>
      <c r="AV38" s="61">
        <v>1</v>
      </c>
      <c r="AW38" s="62">
        <v>4</v>
      </c>
      <c r="AX38" s="231"/>
      <c r="AY38" s="61">
        <v>5</v>
      </c>
      <c r="AZ38" s="61">
        <v>0</v>
      </c>
      <c r="BA38" s="61">
        <v>1</v>
      </c>
      <c r="BB38" s="61">
        <v>1</v>
      </c>
      <c r="BC38" s="61">
        <v>0</v>
      </c>
      <c r="BD38" s="62">
        <v>7</v>
      </c>
      <c r="BE38" s="63">
        <v>11</v>
      </c>
      <c r="BF38" s="60">
        <v>1</v>
      </c>
      <c r="BG38" s="61">
        <v>0</v>
      </c>
      <c r="BH38" s="62">
        <v>1</v>
      </c>
      <c r="BI38" s="231"/>
      <c r="BJ38" s="61">
        <v>6</v>
      </c>
      <c r="BK38" s="61">
        <v>2</v>
      </c>
      <c r="BL38" s="61">
        <v>0</v>
      </c>
      <c r="BM38" s="61">
        <v>1</v>
      </c>
      <c r="BN38" s="61">
        <v>0</v>
      </c>
      <c r="BO38" s="62">
        <v>9</v>
      </c>
      <c r="BP38" s="63">
        <v>10</v>
      </c>
      <c r="BQ38" s="60">
        <v>2</v>
      </c>
      <c r="BR38" s="61">
        <v>1</v>
      </c>
      <c r="BS38" s="62">
        <v>3</v>
      </c>
      <c r="BT38" s="231"/>
      <c r="BU38" s="61">
        <v>5</v>
      </c>
      <c r="BV38" s="61">
        <v>4</v>
      </c>
      <c r="BW38" s="61">
        <v>5</v>
      </c>
      <c r="BX38" s="61">
        <v>3</v>
      </c>
      <c r="BY38" s="61">
        <v>1</v>
      </c>
      <c r="BZ38" s="62">
        <v>18</v>
      </c>
      <c r="CA38" s="63">
        <v>21</v>
      </c>
      <c r="CB38" s="60">
        <v>0</v>
      </c>
      <c r="CC38" s="61">
        <v>0</v>
      </c>
      <c r="CD38" s="62">
        <v>0</v>
      </c>
      <c r="CE38" s="231"/>
      <c r="CF38" s="61">
        <v>0</v>
      </c>
      <c r="CG38" s="61">
        <v>0</v>
      </c>
      <c r="CH38" s="61">
        <v>0</v>
      </c>
      <c r="CI38" s="61">
        <v>0</v>
      </c>
      <c r="CJ38" s="61">
        <v>0</v>
      </c>
      <c r="CK38" s="62">
        <v>0</v>
      </c>
      <c r="CL38" s="63">
        <v>0</v>
      </c>
      <c r="CM38" s="60">
        <v>8</v>
      </c>
      <c r="CN38" s="61">
        <v>2</v>
      </c>
      <c r="CO38" s="62">
        <v>10</v>
      </c>
      <c r="CP38" s="231"/>
      <c r="CQ38" s="61">
        <v>19</v>
      </c>
      <c r="CR38" s="61">
        <v>6</v>
      </c>
      <c r="CS38" s="61">
        <v>7</v>
      </c>
      <c r="CT38" s="61">
        <v>6</v>
      </c>
      <c r="CU38" s="61">
        <v>1</v>
      </c>
      <c r="CV38" s="62">
        <v>39</v>
      </c>
      <c r="CW38" s="63">
        <v>49</v>
      </c>
      <c r="CX38" s="113">
        <v>1</v>
      </c>
      <c r="CY38" s="72">
        <v>1</v>
      </c>
      <c r="CZ38" s="73">
        <v>2</v>
      </c>
      <c r="DA38" s="228"/>
      <c r="DB38" s="72">
        <v>5</v>
      </c>
      <c r="DC38" s="72">
        <v>2</v>
      </c>
      <c r="DD38" s="72">
        <v>3</v>
      </c>
      <c r="DE38" s="72">
        <v>2</v>
      </c>
      <c r="DF38" s="72">
        <v>2</v>
      </c>
      <c r="DG38" s="74">
        <v>14</v>
      </c>
      <c r="DH38" s="75">
        <v>16</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2</v>
      </c>
      <c r="EA38" s="61">
        <v>0</v>
      </c>
      <c r="EB38" s="61">
        <v>0</v>
      </c>
      <c r="EC38" s="62">
        <v>2</v>
      </c>
      <c r="ED38" s="63">
        <v>2</v>
      </c>
      <c r="EE38" s="60">
        <v>0</v>
      </c>
      <c r="EF38" s="61">
        <v>0</v>
      </c>
      <c r="EG38" s="62">
        <v>0</v>
      </c>
      <c r="EH38" s="231"/>
      <c r="EI38" s="61">
        <v>0</v>
      </c>
      <c r="EJ38" s="61">
        <v>0</v>
      </c>
      <c r="EK38" s="61">
        <v>0</v>
      </c>
      <c r="EL38" s="61">
        <v>0</v>
      </c>
      <c r="EM38" s="61">
        <v>0</v>
      </c>
      <c r="EN38" s="62">
        <v>0</v>
      </c>
      <c r="EO38" s="63">
        <v>0</v>
      </c>
      <c r="EP38" s="60">
        <v>1</v>
      </c>
      <c r="EQ38" s="61">
        <v>0</v>
      </c>
      <c r="ER38" s="62">
        <v>1</v>
      </c>
      <c r="ES38" s="231"/>
      <c r="ET38" s="61">
        <v>1</v>
      </c>
      <c r="EU38" s="61">
        <v>1</v>
      </c>
      <c r="EV38" s="61">
        <v>0</v>
      </c>
      <c r="EW38" s="61">
        <v>0</v>
      </c>
      <c r="EX38" s="61">
        <v>0</v>
      </c>
      <c r="EY38" s="62">
        <v>2</v>
      </c>
      <c r="EZ38" s="63">
        <v>3</v>
      </c>
      <c r="FA38" s="60">
        <v>0</v>
      </c>
      <c r="FB38" s="61">
        <v>0</v>
      </c>
      <c r="FC38" s="62">
        <v>0</v>
      </c>
      <c r="FD38" s="231"/>
      <c r="FE38" s="61">
        <v>3</v>
      </c>
      <c r="FF38" s="61">
        <v>0</v>
      </c>
      <c r="FG38" s="61">
        <v>0</v>
      </c>
      <c r="FH38" s="61">
        <v>0</v>
      </c>
      <c r="FI38" s="61">
        <v>1</v>
      </c>
      <c r="FJ38" s="62">
        <v>4</v>
      </c>
      <c r="FK38" s="63">
        <v>4</v>
      </c>
      <c r="FL38" s="60">
        <v>0</v>
      </c>
      <c r="FM38" s="61">
        <v>1</v>
      </c>
      <c r="FN38" s="62">
        <v>1</v>
      </c>
      <c r="FO38" s="231"/>
      <c r="FP38" s="61">
        <v>1</v>
      </c>
      <c r="FQ38" s="61">
        <v>1</v>
      </c>
      <c r="FR38" s="61">
        <v>1</v>
      </c>
      <c r="FS38" s="61">
        <v>2</v>
      </c>
      <c r="FT38" s="61">
        <v>1</v>
      </c>
      <c r="FU38" s="62">
        <v>6</v>
      </c>
      <c r="FV38" s="63">
        <v>7</v>
      </c>
      <c r="FW38" s="60">
        <v>0</v>
      </c>
      <c r="FX38" s="61">
        <v>0</v>
      </c>
      <c r="FY38" s="62">
        <v>0</v>
      </c>
      <c r="FZ38" s="231"/>
      <c r="GA38" s="61">
        <v>0</v>
      </c>
      <c r="GB38" s="61">
        <v>0</v>
      </c>
      <c r="GC38" s="61">
        <v>0</v>
      </c>
      <c r="GD38" s="61">
        <v>0</v>
      </c>
      <c r="GE38" s="61">
        <v>0</v>
      </c>
      <c r="GF38" s="62">
        <v>0</v>
      </c>
      <c r="GG38" s="63">
        <v>0</v>
      </c>
      <c r="GH38" s="60">
        <v>1</v>
      </c>
      <c r="GI38" s="61">
        <v>1</v>
      </c>
      <c r="GJ38" s="62">
        <v>2</v>
      </c>
      <c r="GK38" s="231"/>
      <c r="GL38" s="61">
        <v>5</v>
      </c>
      <c r="GM38" s="61">
        <v>2</v>
      </c>
      <c r="GN38" s="61">
        <v>3</v>
      </c>
      <c r="GO38" s="61">
        <v>2</v>
      </c>
      <c r="GP38" s="61">
        <v>2</v>
      </c>
      <c r="GQ38" s="62">
        <v>14</v>
      </c>
      <c r="GR38" s="63">
        <v>16</v>
      </c>
      <c r="GS38" s="113">
        <v>9</v>
      </c>
      <c r="GT38" s="72">
        <v>3</v>
      </c>
      <c r="GU38" s="73">
        <v>12</v>
      </c>
      <c r="GV38" s="228"/>
      <c r="GW38" s="72">
        <v>24</v>
      </c>
      <c r="GX38" s="72">
        <v>8</v>
      </c>
      <c r="GY38" s="72">
        <v>10</v>
      </c>
      <c r="GZ38" s="72">
        <v>8</v>
      </c>
      <c r="HA38" s="72">
        <v>3</v>
      </c>
      <c r="HB38" s="74">
        <v>53</v>
      </c>
      <c r="HC38" s="75">
        <v>65</v>
      </c>
      <c r="HD38" s="60">
        <v>0</v>
      </c>
      <c r="HE38" s="61">
        <v>0</v>
      </c>
      <c r="HF38" s="62">
        <v>0</v>
      </c>
      <c r="HG38" s="231"/>
      <c r="HH38" s="61">
        <v>1</v>
      </c>
      <c r="HI38" s="61">
        <v>0</v>
      </c>
      <c r="HJ38" s="61">
        <v>0</v>
      </c>
      <c r="HK38" s="61">
        <v>0</v>
      </c>
      <c r="HL38" s="61">
        <v>0</v>
      </c>
      <c r="HM38" s="62">
        <v>1</v>
      </c>
      <c r="HN38" s="63">
        <v>1</v>
      </c>
      <c r="HO38" s="60">
        <v>0</v>
      </c>
      <c r="HP38" s="61">
        <v>0</v>
      </c>
      <c r="HQ38" s="62">
        <v>0</v>
      </c>
      <c r="HR38" s="231"/>
      <c r="HS38" s="61">
        <v>1</v>
      </c>
      <c r="HT38" s="61">
        <v>0</v>
      </c>
      <c r="HU38" s="61">
        <v>2</v>
      </c>
      <c r="HV38" s="61">
        <v>0</v>
      </c>
      <c r="HW38" s="61">
        <v>0</v>
      </c>
      <c r="HX38" s="62">
        <v>3</v>
      </c>
      <c r="HY38" s="63">
        <v>3</v>
      </c>
      <c r="HZ38" s="60">
        <v>2</v>
      </c>
      <c r="IA38" s="61">
        <v>0</v>
      </c>
      <c r="IB38" s="62">
        <v>2</v>
      </c>
      <c r="IC38" s="231"/>
      <c r="ID38" s="61">
        <v>1</v>
      </c>
      <c r="IE38" s="61">
        <v>0</v>
      </c>
      <c r="IF38" s="61">
        <v>1</v>
      </c>
      <c r="IG38" s="61">
        <v>1</v>
      </c>
      <c r="IH38" s="61">
        <v>0</v>
      </c>
      <c r="II38" s="62">
        <v>3</v>
      </c>
      <c r="IJ38" s="63">
        <v>5</v>
      </c>
      <c r="IK38" s="60">
        <v>4</v>
      </c>
      <c r="IL38" s="61">
        <v>1</v>
      </c>
      <c r="IM38" s="62">
        <v>5</v>
      </c>
      <c r="IN38" s="231"/>
      <c r="IO38" s="61">
        <v>6</v>
      </c>
      <c r="IP38" s="61">
        <v>1</v>
      </c>
      <c r="IQ38" s="61">
        <v>1</v>
      </c>
      <c r="IR38" s="61">
        <v>1</v>
      </c>
      <c r="IS38" s="61">
        <v>0</v>
      </c>
      <c r="IT38" s="62">
        <v>9</v>
      </c>
      <c r="IU38" s="63">
        <v>14</v>
      </c>
      <c r="IV38" s="60">
        <v>1</v>
      </c>
      <c r="IW38" s="61">
        <v>0</v>
      </c>
      <c r="IX38" s="62">
        <v>1</v>
      </c>
      <c r="IY38" s="231"/>
      <c r="IZ38" s="61">
        <v>9</v>
      </c>
      <c r="JA38" s="61">
        <v>2</v>
      </c>
      <c r="JB38" s="61">
        <v>0</v>
      </c>
      <c r="JC38" s="61">
        <v>1</v>
      </c>
      <c r="JD38" s="61">
        <v>1</v>
      </c>
      <c r="JE38" s="62">
        <v>13</v>
      </c>
      <c r="JF38" s="63">
        <v>14</v>
      </c>
      <c r="JG38" s="60">
        <v>2</v>
      </c>
      <c r="JH38" s="61">
        <v>2</v>
      </c>
      <c r="JI38" s="62">
        <v>4</v>
      </c>
      <c r="JJ38" s="231"/>
      <c r="JK38" s="61">
        <v>6</v>
      </c>
      <c r="JL38" s="61">
        <v>5</v>
      </c>
      <c r="JM38" s="61">
        <v>6</v>
      </c>
      <c r="JN38" s="61">
        <v>5</v>
      </c>
      <c r="JO38" s="61">
        <v>2</v>
      </c>
      <c r="JP38" s="62">
        <v>24</v>
      </c>
      <c r="JQ38" s="63">
        <v>28</v>
      </c>
      <c r="JR38" s="60">
        <v>0</v>
      </c>
      <c r="JS38" s="61">
        <v>0</v>
      </c>
      <c r="JT38" s="62">
        <v>0</v>
      </c>
      <c r="JU38" s="231"/>
      <c r="JV38" s="61">
        <v>0</v>
      </c>
      <c r="JW38" s="61">
        <v>0</v>
      </c>
      <c r="JX38" s="61">
        <v>0</v>
      </c>
      <c r="JY38" s="61">
        <v>0</v>
      </c>
      <c r="JZ38" s="61">
        <v>0</v>
      </c>
      <c r="KA38" s="62">
        <v>0</v>
      </c>
      <c r="KB38" s="63">
        <v>0</v>
      </c>
      <c r="KC38" s="60">
        <v>9</v>
      </c>
      <c r="KD38" s="61">
        <v>3</v>
      </c>
      <c r="KE38" s="62">
        <v>12</v>
      </c>
      <c r="KF38" s="231"/>
      <c r="KG38" s="61">
        <v>24</v>
      </c>
      <c r="KH38" s="61">
        <v>8</v>
      </c>
      <c r="KI38" s="61">
        <v>10</v>
      </c>
      <c r="KJ38" s="61">
        <v>8</v>
      </c>
      <c r="KK38" s="61">
        <v>3</v>
      </c>
      <c r="KL38" s="62">
        <v>53</v>
      </c>
      <c r="KM38" s="63">
        <v>65</v>
      </c>
    </row>
    <row r="39" spans="2:299" ht="21" customHeight="1" x14ac:dyDescent="0.2">
      <c r="B39" s="468" t="s">
        <v>36</v>
      </c>
      <c r="C39" s="291">
        <v>6</v>
      </c>
      <c r="D39" s="72">
        <v>4</v>
      </c>
      <c r="E39" s="73">
        <v>10</v>
      </c>
      <c r="F39" s="228"/>
      <c r="G39" s="72">
        <v>12</v>
      </c>
      <c r="H39" s="72">
        <v>7</v>
      </c>
      <c r="I39" s="72">
        <v>2</v>
      </c>
      <c r="J39" s="72">
        <v>7</v>
      </c>
      <c r="K39" s="72">
        <v>4</v>
      </c>
      <c r="L39" s="74">
        <v>32</v>
      </c>
      <c r="M39" s="75">
        <v>42</v>
      </c>
      <c r="N39" s="60">
        <v>1</v>
      </c>
      <c r="O39" s="61">
        <v>0</v>
      </c>
      <c r="P39" s="62">
        <v>1</v>
      </c>
      <c r="Q39" s="231"/>
      <c r="R39" s="61">
        <v>0</v>
      </c>
      <c r="S39" s="61">
        <v>1</v>
      </c>
      <c r="T39" s="61">
        <v>1</v>
      </c>
      <c r="U39" s="61">
        <v>0</v>
      </c>
      <c r="V39" s="61">
        <v>1</v>
      </c>
      <c r="W39" s="62">
        <v>3</v>
      </c>
      <c r="X39" s="63">
        <v>4</v>
      </c>
      <c r="Y39" s="60">
        <v>1</v>
      </c>
      <c r="Z39" s="61">
        <v>0</v>
      </c>
      <c r="AA39" s="62">
        <v>1</v>
      </c>
      <c r="AB39" s="231"/>
      <c r="AC39" s="61">
        <v>0</v>
      </c>
      <c r="AD39" s="61">
        <v>1</v>
      </c>
      <c r="AE39" s="61">
        <v>0</v>
      </c>
      <c r="AF39" s="61">
        <v>1</v>
      </c>
      <c r="AG39" s="61">
        <v>1</v>
      </c>
      <c r="AH39" s="62">
        <v>3</v>
      </c>
      <c r="AI39" s="63">
        <v>4</v>
      </c>
      <c r="AJ39" s="60">
        <v>1</v>
      </c>
      <c r="AK39" s="61">
        <v>0</v>
      </c>
      <c r="AL39" s="62">
        <v>1</v>
      </c>
      <c r="AM39" s="231"/>
      <c r="AN39" s="61">
        <v>1</v>
      </c>
      <c r="AO39" s="61">
        <v>1</v>
      </c>
      <c r="AP39" s="61">
        <v>0</v>
      </c>
      <c r="AQ39" s="61">
        <v>1</v>
      </c>
      <c r="AR39" s="61">
        <v>0</v>
      </c>
      <c r="AS39" s="62">
        <v>3</v>
      </c>
      <c r="AT39" s="63">
        <v>4</v>
      </c>
      <c r="AU39" s="60">
        <v>0</v>
      </c>
      <c r="AV39" s="61">
        <v>1</v>
      </c>
      <c r="AW39" s="62">
        <v>1</v>
      </c>
      <c r="AX39" s="231"/>
      <c r="AY39" s="61">
        <v>4</v>
      </c>
      <c r="AZ39" s="61">
        <v>1</v>
      </c>
      <c r="BA39" s="61">
        <v>0</v>
      </c>
      <c r="BB39" s="61">
        <v>1</v>
      </c>
      <c r="BC39" s="61">
        <v>1</v>
      </c>
      <c r="BD39" s="62">
        <v>7</v>
      </c>
      <c r="BE39" s="63">
        <v>8</v>
      </c>
      <c r="BF39" s="60">
        <v>3</v>
      </c>
      <c r="BG39" s="61">
        <v>0</v>
      </c>
      <c r="BH39" s="62">
        <v>3</v>
      </c>
      <c r="BI39" s="231"/>
      <c r="BJ39" s="61">
        <v>5</v>
      </c>
      <c r="BK39" s="61">
        <v>2</v>
      </c>
      <c r="BL39" s="61">
        <v>0</v>
      </c>
      <c r="BM39" s="61">
        <v>0</v>
      </c>
      <c r="BN39" s="61">
        <v>1</v>
      </c>
      <c r="BO39" s="62">
        <v>8</v>
      </c>
      <c r="BP39" s="63">
        <v>11</v>
      </c>
      <c r="BQ39" s="60">
        <v>0</v>
      </c>
      <c r="BR39" s="61">
        <v>3</v>
      </c>
      <c r="BS39" s="62">
        <v>3</v>
      </c>
      <c r="BT39" s="231"/>
      <c r="BU39" s="61">
        <v>2</v>
      </c>
      <c r="BV39" s="61">
        <v>1</v>
      </c>
      <c r="BW39" s="61">
        <v>1</v>
      </c>
      <c r="BX39" s="61">
        <v>4</v>
      </c>
      <c r="BY39" s="61">
        <v>0</v>
      </c>
      <c r="BZ39" s="62">
        <v>8</v>
      </c>
      <c r="CA39" s="63">
        <v>11</v>
      </c>
      <c r="CB39" s="60">
        <v>0</v>
      </c>
      <c r="CC39" s="61">
        <v>0</v>
      </c>
      <c r="CD39" s="62">
        <v>0</v>
      </c>
      <c r="CE39" s="231"/>
      <c r="CF39" s="61">
        <v>0</v>
      </c>
      <c r="CG39" s="61">
        <v>0</v>
      </c>
      <c r="CH39" s="61">
        <v>0</v>
      </c>
      <c r="CI39" s="61">
        <v>0</v>
      </c>
      <c r="CJ39" s="61">
        <v>0</v>
      </c>
      <c r="CK39" s="62">
        <v>0</v>
      </c>
      <c r="CL39" s="63">
        <v>0</v>
      </c>
      <c r="CM39" s="60">
        <v>6</v>
      </c>
      <c r="CN39" s="61">
        <v>4</v>
      </c>
      <c r="CO39" s="62">
        <v>10</v>
      </c>
      <c r="CP39" s="231"/>
      <c r="CQ39" s="61">
        <v>12</v>
      </c>
      <c r="CR39" s="61">
        <v>7</v>
      </c>
      <c r="CS39" s="61">
        <v>2</v>
      </c>
      <c r="CT39" s="61">
        <v>7</v>
      </c>
      <c r="CU39" s="61">
        <v>4</v>
      </c>
      <c r="CV39" s="62">
        <v>32</v>
      </c>
      <c r="CW39" s="63">
        <v>42</v>
      </c>
      <c r="CX39" s="113">
        <v>1</v>
      </c>
      <c r="CY39" s="72">
        <v>2</v>
      </c>
      <c r="CZ39" s="73">
        <v>3</v>
      </c>
      <c r="DA39" s="228"/>
      <c r="DB39" s="72">
        <v>2</v>
      </c>
      <c r="DC39" s="72">
        <v>1</v>
      </c>
      <c r="DD39" s="72">
        <v>1</v>
      </c>
      <c r="DE39" s="72">
        <v>1</v>
      </c>
      <c r="DF39" s="72">
        <v>1</v>
      </c>
      <c r="DG39" s="74">
        <v>6</v>
      </c>
      <c r="DH39" s="75">
        <v>9</v>
      </c>
      <c r="DI39" s="60">
        <v>0</v>
      </c>
      <c r="DJ39" s="61">
        <v>0</v>
      </c>
      <c r="DK39" s="62">
        <v>0</v>
      </c>
      <c r="DL39" s="231"/>
      <c r="DM39" s="61">
        <v>0</v>
      </c>
      <c r="DN39" s="61">
        <v>0</v>
      </c>
      <c r="DO39" s="61">
        <v>0</v>
      </c>
      <c r="DP39" s="61">
        <v>0</v>
      </c>
      <c r="DQ39" s="61">
        <v>0</v>
      </c>
      <c r="DR39" s="62">
        <v>0</v>
      </c>
      <c r="DS39" s="63">
        <v>0</v>
      </c>
      <c r="DT39" s="60">
        <v>0</v>
      </c>
      <c r="DU39" s="61">
        <v>0</v>
      </c>
      <c r="DV39" s="62">
        <v>0</v>
      </c>
      <c r="DW39" s="231"/>
      <c r="DX39" s="61">
        <v>0</v>
      </c>
      <c r="DY39" s="61">
        <v>0</v>
      </c>
      <c r="DZ39" s="61">
        <v>0</v>
      </c>
      <c r="EA39" s="61">
        <v>1</v>
      </c>
      <c r="EB39" s="61">
        <v>0</v>
      </c>
      <c r="EC39" s="62">
        <v>1</v>
      </c>
      <c r="ED39" s="63">
        <v>1</v>
      </c>
      <c r="EE39" s="60">
        <v>0</v>
      </c>
      <c r="EF39" s="61">
        <v>0</v>
      </c>
      <c r="EG39" s="62">
        <v>0</v>
      </c>
      <c r="EH39" s="231"/>
      <c r="EI39" s="61">
        <v>0</v>
      </c>
      <c r="EJ39" s="61">
        <v>0</v>
      </c>
      <c r="EK39" s="61">
        <v>0</v>
      </c>
      <c r="EL39" s="61">
        <v>0</v>
      </c>
      <c r="EM39" s="61">
        <v>0</v>
      </c>
      <c r="EN39" s="62">
        <v>0</v>
      </c>
      <c r="EO39" s="63">
        <v>0</v>
      </c>
      <c r="EP39" s="60">
        <v>0</v>
      </c>
      <c r="EQ39" s="61">
        <v>1</v>
      </c>
      <c r="ER39" s="62">
        <v>1</v>
      </c>
      <c r="ES39" s="231"/>
      <c r="ET39" s="61">
        <v>1</v>
      </c>
      <c r="EU39" s="61">
        <v>1</v>
      </c>
      <c r="EV39" s="61">
        <v>0</v>
      </c>
      <c r="EW39" s="61">
        <v>0</v>
      </c>
      <c r="EX39" s="61">
        <v>0</v>
      </c>
      <c r="EY39" s="62">
        <v>2</v>
      </c>
      <c r="EZ39" s="63">
        <v>3</v>
      </c>
      <c r="FA39" s="60">
        <v>0</v>
      </c>
      <c r="FB39" s="61">
        <v>1</v>
      </c>
      <c r="FC39" s="62">
        <v>1</v>
      </c>
      <c r="FD39" s="231"/>
      <c r="FE39" s="61">
        <v>0</v>
      </c>
      <c r="FF39" s="61">
        <v>0</v>
      </c>
      <c r="FG39" s="61">
        <v>1</v>
      </c>
      <c r="FH39" s="61">
        <v>0</v>
      </c>
      <c r="FI39" s="61">
        <v>0</v>
      </c>
      <c r="FJ39" s="62">
        <v>1</v>
      </c>
      <c r="FK39" s="63">
        <v>2</v>
      </c>
      <c r="FL39" s="60">
        <v>1</v>
      </c>
      <c r="FM39" s="61">
        <v>0</v>
      </c>
      <c r="FN39" s="62">
        <v>1</v>
      </c>
      <c r="FO39" s="231"/>
      <c r="FP39" s="61">
        <v>1</v>
      </c>
      <c r="FQ39" s="61">
        <v>0</v>
      </c>
      <c r="FR39" s="61">
        <v>0</v>
      </c>
      <c r="FS39" s="61">
        <v>0</v>
      </c>
      <c r="FT39" s="61">
        <v>1</v>
      </c>
      <c r="FU39" s="62">
        <v>2</v>
      </c>
      <c r="FV39" s="63">
        <v>3</v>
      </c>
      <c r="FW39" s="60">
        <v>0</v>
      </c>
      <c r="FX39" s="61">
        <v>0</v>
      </c>
      <c r="FY39" s="62">
        <v>0</v>
      </c>
      <c r="FZ39" s="231"/>
      <c r="GA39" s="61">
        <v>0</v>
      </c>
      <c r="GB39" s="61">
        <v>0</v>
      </c>
      <c r="GC39" s="61">
        <v>0</v>
      </c>
      <c r="GD39" s="61">
        <v>0</v>
      </c>
      <c r="GE39" s="61">
        <v>0</v>
      </c>
      <c r="GF39" s="62">
        <v>0</v>
      </c>
      <c r="GG39" s="63">
        <v>0</v>
      </c>
      <c r="GH39" s="60">
        <v>1</v>
      </c>
      <c r="GI39" s="61">
        <v>2</v>
      </c>
      <c r="GJ39" s="62">
        <v>3</v>
      </c>
      <c r="GK39" s="231"/>
      <c r="GL39" s="61">
        <v>2</v>
      </c>
      <c r="GM39" s="61">
        <v>1</v>
      </c>
      <c r="GN39" s="61">
        <v>1</v>
      </c>
      <c r="GO39" s="61">
        <v>1</v>
      </c>
      <c r="GP39" s="61">
        <v>1</v>
      </c>
      <c r="GQ39" s="62">
        <v>6</v>
      </c>
      <c r="GR39" s="63">
        <v>9</v>
      </c>
      <c r="GS39" s="113">
        <v>7</v>
      </c>
      <c r="GT39" s="72">
        <v>6</v>
      </c>
      <c r="GU39" s="73">
        <v>13</v>
      </c>
      <c r="GV39" s="228"/>
      <c r="GW39" s="72">
        <v>14</v>
      </c>
      <c r="GX39" s="72">
        <v>8</v>
      </c>
      <c r="GY39" s="72">
        <v>3</v>
      </c>
      <c r="GZ39" s="72">
        <v>8</v>
      </c>
      <c r="HA39" s="72">
        <v>5</v>
      </c>
      <c r="HB39" s="74">
        <v>38</v>
      </c>
      <c r="HC39" s="75">
        <v>51</v>
      </c>
      <c r="HD39" s="60">
        <v>1</v>
      </c>
      <c r="HE39" s="61">
        <v>0</v>
      </c>
      <c r="HF39" s="62">
        <v>1</v>
      </c>
      <c r="HG39" s="231"/>
      <c r="HH39" s="61">
        <v>0</v>
      </c>
      <c r="HI39" s="61">
        <v>1</v>
      </c>
      <c r="HJ39" s="61">
        <v>1</v>
      </c>
      <c r="HK39" s="61">
        <v>0</v>
      </c>
      <c r="HL39" s="61">
        <v>1</v>
      </c>
      <c r="HM39" s="62">
        <v>3</v>
      </c>
      <c r="HN39" s="63">
        <v>4</v>
      </c>
      <c r="HO39" s="60">
        <v>1</v>
      </c>
      <c r="HP39" s="61">
        <v>0</v>
      </c>
      <c r="HQ39" s="62">
        <v>1</v>
      </c>
      <c r="HR39" s="231"/>
      <c r="HS39" s="61">
        <v>0</v>
      </c>
      <c r="HT39" s="61">
        <v>1</v>
      </c>
      <c r="HU39" s="61">
        <v>0</v>
      </c>
      <c r="HV39" s="61">
        <v>2</v>
      </c>
      <c r="HW39" s="61">
        <v>1</v>
      </c>
      <c r="HX39" s="62">
        <v>4</v>
      </c>
      <c r="HY39" s="63">
        <v>5</v>
      </c>
      <c r="HZ39" s="60">
        <v>1</v>
      </c>
      <c r="IA39" s="61">
        <v>0</v>
      </c>
      <c r="IB39" s="62">
        <v>1</v>
      </c>
      <c r="IC39" s="231"/>
      <c r="ID39" s="61">
        <v>1</v>
      </c>
      <c r="IE39" s="61">
        <v>1</v>
      </c>
      <c r="IF39" s="61">
        <v>0</v>
      </c>
      <c r="IG39" s="61">
        <v>1</v>
      </c>
      <c r="IH39" s="61">
        <v>0</v>
      </c>
      <c r="II39" s="62">
        <v>3</v>
      </c>
      <c r="IJ39" s="63">
        <v>4</v>
      </c>
      <c r="IK39" s="60">
        <v>0</v>
      </c>
      <c r="IL39" s="61">
        <v>2</v>
      </c>
      <c r="IM39" s="62">
        <v>2</v>
      </c>
      <c r="IN39" s="231"/>
      <c r="IO39" s="61">
        <v>5</v>
      </c>
      <c r="IP39" s="61">
        <v>2</v>
      </c>
      <c r="IQ39" s="61">
        <v>0</v>
      </c>
      <c r="IR39" s="61">
        <v>1</v>
      </c>
      <c r="IS39" s="61">
        <v>1</v>
      </c>
      <c r="IT39" s="62">
        <v>9</v>
      </c>
      <c r="IU39" s="63">
        <v>11</v>
      </c>
      <c r="IV39" s="60">
        <v>3</v>
      </c>
      <c r="IW39" s="61">
        <v>1</v>
      </c>
      <c r="IX39" s="62">
        <v>4</v>
      </c>
      <c r="IY39" s="231"/>
      <c r="IZ39" s="61">
        <v>5</v>
      </c>
      <c r="JA39" s="61">
        <v>2</v>
      </c>
      <c r="JB39" s="61">
        <v>1</v>
      </c>
      <c r="JC39" s="61">
        <v>0</v>
      </c>
      <c r="JD39" s="61">
        <v>1</v>
      </c>
      <c r="JE39" s="62">
        <v>9</v>
      </c>
      <c r="JF39" s="63">
        <v>13</v>
      </c>
      <c r="JG39" s="60">
        <v>1</v>
      </c>
      <c r="JH39" s="61">
        <v>3</v>
      </c>
      <c r="JI39" s="62">
        <v>4</v>
      </c>
      <c r="JJ39" s="231"/>
      <c r="JK39" s="61">
        <v>3</v>
      </c>
      <c r="JL39" s="61">
        <v>1</v>
      </c>
      <c r="JM39" s="61">
        <v>1</v>
      </c>
      <c r="JN39" s="61">
        <v>4</v>
      </c>
      <c r="JO39" s="61">
        <v>1</v>
      </c>
      <c r="JP39" s="62">
        <v>10</v>
      </c>
      <c r="JQ39" s="63">
        <v>14</v>
      </c>
      <c r="JR39" s="60">
        <v>0</v>
      </c>
      <c r="JS39" s="61">
        <v>0</v>
      </c>
      <c r="JT39" s="62">
        <v>0</v>
      </c>
      <c r="JU39" s="231"/>
      <c r="JV39" s="61">
        <v>0</v>
      </c>
      <c r="JW39" s="61">
        <v>0</v>
      </c>
      <c r="JX39" s="61">
        <v>0</v>
      </c>
      <c r="JY39" s="61">
        <v>0</v>
      </c>
      <c r="JZ39" s="61">
        <v>0</v>
      </c>
      <c r="KA39" s="62">
        <v>0</v>
      </c>
      <c r="KB39" s="63">
        <v>0</v>
      </c>
      <c r="KC39" s="60">
        <v>7</v>
      </c>
      <c r="KD39" s="61">
        <v>6</v>
      </c>
      <c r="KE39" s="62">
        <v>13</v>
      </c>
      <c r="KF39" s="231"/>
      <c r="KG39" s="61">
        <v>14</v>
      </c>
      <c r="KH39" s="61">
        <v>8</v>
      </c>
      <c r="KI39" s="61">
        <v>3</v>
      </c>
      <c r="KJ39" s="61">
        <v>8</v>
      </c>
      <c r="KK39" s="61">
        <v>5</v>
      </c>
      <c r="KL39" s="62">
        <v>38</v>
      </c>
      <c r="KM39" s="63">
        <v>51</v>
      </c>
    </row>
    <row r="40" spans="2:299" ht="21" customHeight="1" thickBot="1" x14ac:dyDescent="0.25">
      <c r="B40" s="469" t="s">
        <v>37</v>
      </c>
      <c r="C40" s="292">
        <v>0</v>
      </c>
      <c r="D40" s="77">
        <v>0</v>
      </c>
      <c r="E40" s="78">
        <v>0</v>
      </c>
      <c r="F40" s="229"/>
      <c r="G40" s="77">
        <v>1</v>
      </c>
      <c r="H40" s="77">
        <v>1</v>
      </c>
      <c r="I40" s="77">
        <v>2</v>
      </c>
      <c r="J40" s="77">
        <v>0</v>
      </c>
      <c r="K40" s="77">
        <v>0</v>
      </c>
      <c r="L40" s="79">
        <v>4</v>
      </c>
      <c r="M40" s="80">
        <v>4</v>
      </c>
      <c r="N40" s="64">
        <v>0</v>
      </c>
      <c r="O40" s="65">
        <v>0</v>
      </c>
      <c r="P40" s="66">
        <v>0</v>
      </c>
      <c r="Q40" s="232"/>
      <c r="R40" s="65">
        <v>0</v>
      </c>
      <c r="S40" s="65">
        <v>0</v>
      </c>
      <c r="T40" s="65">
        <v>0</v>
      </c>
      <c r="U40" s="65">
        <v>0</v>
      </c>
      <c r="V40" s="65">
        <v>0</v>
      </c>
      <c r="W40" s="66">
        <v>0</v>
      </c>
      <c r="X40" s="67">
        <v>0</v>
      </c>
      <c r="Y40" s="64">
        <v>0</v>
      </c>
      <c r="Z40" s="65">
        <v>0</v>
      </c>
      <c r="AA40" s="66">
        <v>0</v>
      </c>
      <c r="AB40" s="232"/>
      <c r="AC40" s="65">
        <v>0</v>
      </c>
      <c r="AD40" s="65">
        <v>0</v>
      </c>
      <c r="AE40" s="65">
        <v>1</v>
      </c>
      <c r="AF40" s="65">
        <v>0</v>
      </c>
      <c r="AG40" s="65">
        <v>0</v>
      </c>
      <c r="AH40" s="66">
        <v>1</v>
      </c>
      <c r="AI40" s="67">
        <v>1</v>
      </c>
      <c r="AJ40" s="64">
        <v>0</v>
      </c>
      <c r="AK40" s="65">
        <v>0</v>
      </c>
      <c r="AL40" s="66">
        <v>0</v>
      </c>
      <c r="AM40" s="232"/>
      <c r="AN40" s="65">
        <v>1</v>
      </c>
      <c r="AO40" s="65">
        <v>0</v>
      </c>
      <c r="AP40" s="65">
        <v>1</v>
      </c>
      <c r="AQ40" s="65">
        <v>0</v>
      </c>
      <c r="AR40" s="65">
        <v>0</v>
      </c>
      <c r="AS40" s="66">
        <v>2</v>
      </c>
      <c r="AT40" s="67">
        <v>2</v>
      </c>
      <c r="AU40" s="64">
        <v>0</v>
      </c>
      <c r="AV40" s="65">
        <v>0</v>
      </c>
      <c r="AW40" s="66">
        <v>0</v>
      </c>
      <c r="AX40" s="232"/>
      <c r="AY40" s="65">
        <v>0</v>
      </c>
      <c r="AZ40" s="65">
        <v>0</v>
      </c>
      <c r="BA40" s="65">
        <v>0</v>
      </c>
      <c r="BB40" s="65">
        <v>0</v>
      </c>
      <c r="BC40" s="65">
        <v>0</v>
      </c>
      <c r="BD40" s="66">
        <v>0</v>
      </c>
      <c r="BE40" s="67">
        <v>0</v>
      </c>
      <c r="BF40" s="64">
        <v>0</v>
      </c>
      <c r="BG40" s="65">
        <v>0</v>
      </c>
      <c r="BH40" s="66">
        <v>0</v>
      </c>
      <c r="BI40" s="232"/>
      <c r="BJ40" s="65">
        <v>0</v>
      </c>
      <c r="BK40" s="65">
        <v>1</v>
      </c>
      <c r="BL40" s="65">
        <v>0</v>
      </c>
      <c r="BM40" s="65">
        <v>0</v>
      </c>
      <c r="BN40" s="65">
        <v>0</v>
      </c>
      <c r="BO40" s="66">
        <v>1</v>
      </c>
      <c r="BP40" s="67">
        <v>1</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0</v>
      </c>
      <c r="CO40" s="66">
        <v>0</v>
      </c>
      <c r="CP40" s="232"/>
      <c r="CQ40" s="65">
        <v>1</v>
      </c>
      <c r="CR40" s="65">
        <v>1</v>
      </c>
      <c r="CS40" s="65">
        <v>2</v>
      </c>
      <c r="CT40" s="65">
        <v>0</v>
      </c>
      <c r="CU40" s="65">
        <v>0</v>
      </c>
      <c r="CV40" s="66">
        <v>4</v>
      </c>
      <c r="CW40" s="67">
        <v>4</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0</v>
      </c>
      <c r="GU40" s="78">
        <v>0</v>
      </c>
      <c r="GV40" s="229"/>
      <c r="GW40" s="77">
        <v>1</v>
      </c>
      <c r="GX40" s="77">
        <v>1</v>
      </c>
      <c r="GY40" s="77">
        <v>2</v>
      </c>
      <c r="GZ40" s="77">
        <v>0</v>
      </c>
      <c r="HA40" s="77">
        <v>0</v>
      </c>
      <c r="HB40" s="79">
        <v>4</v>
      </c>
      <c r="HC40" s="80">
        <v>4</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0</v>
      </c>
      <c r="IB40" s="66">
        <v>0</v>
      </c>
      <c r="IC40" s="232"/>
      <c r="ID40" s="65">
        <v>1</v>
      </c>
      <c r="IE40" s="65">
        <v>0</v>
      </c>
      <c r="IF40" s="65">
        <v>1</v>
      </c>
      <c r="IG40" s="65">
        <v>0</v>
      </c>
      <c r="IH40" s="65">
        <v>0</v>
      </c>
      <c r="II40" s="66">
        <v>2</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0</v>
      </c>
      <c r="JD40" s="65">
        <v>0</v>
      </c>
      <c r="JE40" s="66">
        <v>1</v>
      </c>
      <c r="JF40" s="67">
        <v>1</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0</v>
      </c>
      <c r="KE40" s="66">
        <v>0</v>
      </c>
      <c r="KF40" s="232"/>
      <c r="KG40" s="65">
        <v>1</v>
      </c>
      <c r="KH40" s="65">
        <v>1</v>
      </c>
      <c r="KI40" s="65">
        <v>2</v>
      </c>
      <c r="KJ40" s="65">
        <v>0</v>
      </c>
      <c r="KK40" s="65">
        <v>0</v>
      </c>
      <c r="KL40" s="66">
        <v>4</v>
      </c>
      <c r="KM40" s="67">
        <v>4</v>
      </c>
    </row>
    <row r="41" spans="2:299" ht="32.25" customHeight="1" x14ac:dyDescent="0.2">
      <c r="C41" s="287" t="s">
        <v>125</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539">
        <f>第１表!F2</f>
        <v>6</v>
      </c>
      <c r="G1" s="539"/>
      <c r="H1" s="235">
        <f>第１表!G2</f>
        <v>1</v>
      </c>
      <c r="I1" s="538">
        <f>H1</f>
        <v>1</v>
      </c>
      <c r="J1" s="538"/>
    </row>
    <row r="2" spans="2:299" ht="24" customHeight="1" thickBot="1" x14ac:dyDescent="0.25">
      <c r="B2" s="15" t="s">
        <v>151</v>
      </c>
    </row>
    <row r="3" spans="2:299" ht="21" customHeight="1" thickBot="1" x14ac:dyDescent="0.25">
      <c r="B3" s="525" t="s">
        <v>38</v>
      </c>
      <c r="C3" s="520" t="s">
        <v>96</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0"/>
      <c r="AG3" s="520"/>
      <c r="AH3" s="520"/>
      <c r="AI3" s="520"/>
      <c r="AJ3" s="520"/>
      <c r="AK3" s="520"/>
      <c r="AL3" s="520"/>
      <c r="AM3" s="520"/>
      <c r="AN3" s="520"/>
      <c r="AO3" s="520"/>
      <c r="AP3" s="520"/>
      <c r="AQ3" s="520"/>
      <c r="AR3" s="520"/>
      <c r="AS3" s="520"/>
      <c r="AT3" s="520"/>
      <c r="AU3" s="520"/>
      <c r="AV3" s="520"/>
      <c r="AW3" s="520"/>
      <c r="AX3" s="520"/>
      <c r="AY3" s="520"/>
      <c r="AZ3" s="520"/>
      <c r="BA3" s="520"/>
      <c r="BB3" s="520"/>
      <c r="BC3" s="520"/>
      <c r="BD3" s="520"/>
      <c r="BE3" s="520"/>
      <c r="BF3" s="520"/>
      <c r="BG3" s="520"/>
      <c r="BH3" s="520"/>
      <c r="BI3" s="520"/>
      <c r="BJ3" s="520"/>
      <c r="BK3" s="520"/>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0"/>
      <c r="CO3" s="520"/>
      <c r="CP3" s="520"/>
      <c r="CQ3" s="520"/>
      <c r="CR3" s="520"/>
      <c r="CS3" s="520"/>
      <c r="CT3" s="520"/>
      <c r="CU3" s="520"/>
      <c r="CV3" s="520"/>
      <c r="CW3" s="521"/>
      <c r="CX3" s="520" t="s">
        <v>103</v>
      </c>
      <c r="CY3" s="520"/>
      <c r="CZ3" s="520"/>
      <c r="DA3" s="520"/>
      <c r="DB3" s="520"/>
      <c r="DC3" s="520"/>
      <c r="DD3" s="520"/>
      <c r="DE3" s="520"/>
      <c r="DF3" s="520"/>
      <c r="DG3" s="520"/>
      <c r="DH3" s="520"/>
      <c r="DI3" s="520"/>
      <c r="DJ3" s="520"/>
      <c r="DK3" s="520"/>
      <c r="DL3" s="520"/>
      <c r="DM3" s="520"/>
      <c r="DN3" s="520"/>
      <c r="DO3" s="520"/>
      <c r="DP3" s="520"/>
      <c r="DQ3" s="520"/>
      <c r="DR3" s="520"/>
      <c r="DS3" s="520"/>
      <c r="DT3" s="520"/>
      <c r="DU3" s="520"/>
      <c r="DV3" s="520"/>
      <c r="DW3" s="520"/>
      <c r="DX3" s="520"/>
      <c r="DY3" s="520"/>
      <c r="DZ3" s="520"/>
      <c r="EA3" s="520"/>
      <c r="EB3" s="520"/>
      <c r="EC3" s="520"/>
      <c r="ED3" s="520"/>
      <c r="EE3" s="520"/>
      <c r="EF3" s="520"/>
      <c r="EG3" s="520"/>
      <c r="EH3" s="520"/>
      <c r="EI3" s="520"/>
      <c r="EJ3" s="520"/>
      <c r="EK3" s="520"/>
      <c r="EL3" s="520"/>
      <c r="EM3" s="520"/>
      <c r="EN3" s="520"/>
      <c r="EO3" s="520"/>
      <c r="EP3" s="520"/>
      <c r="EQ3" s="520"/>
      <c r="ER3" s="520"/>
      <c r="ES3" s="520"/>
      <c r="ET3" s="520"/>
      <c r="EU3" s="520"/>
      <c r="EV3" s="520"/>
      <c r="EW3" s="520"/>
      <c r="EX3" s="520"/>
      <c r="EY3" s="520"/>
      <c r="EZ3" s="520"/>
      <c r="FA3" s="520"/>
      <c r="FB3" s="520"/>
      <c r="FC3" s="520"/>
      <c r="FD3" s="520"/>
      <c r="FE3" s="520"/>
      <c r="FF3" s="520"/>
      <c r="FG3" s="520"/>
      <c r="FH3" s="520"/>
      <c r="FI3" s="520"/>
      <c r="FJ3" s="520"/>
      <c r="FK3" s="520"/>
      <c r="FL3" s="520"/>
      <c r="FM3" s="520"/>
      <c r="FN3" s="520"/>
      <c r="FO3" s="520"/>
      <c r="FP3" s="520"/>
      <c r="FQ3" s="520"/>
      <c r="FR3" s="520"/>
      <c r="FS3" s="520"/>
      <c r="FT3" s="520"/>
      <c r="FU3" s="520"/>
      <c r="FV3" s="520"/>
      <c r="FW3" s="520"/>
      <c r="FX3" s="520"/>
      <c r="FY3" s="520"/>
      <c r="FZ3" s="520"/>
      <c r="GA3" s="520"/>
      <c r="GB3" s="520"/>
      <c r="GC3" s="520"/>
      <c r="GD3" s="520"/>
      <c r="GE3" s="520"/>
      <c r="GF3" s="520"/>
      <c r="GG3" s="520"/>
      <c r="GH3" s="520"/>
      <c r="GI3" s="520"/>
      <c r="GJ3" s="520"/>
      <c r="GK3" s="520"/>
      <c r="GL3" s="520"/>
      <c r="GM3" s="520"/>
      <c r="GN3" s="520"/>
      <c r="GO3" s="520"/>
      <c r="GP3" s="520"/>
      <c r="GQ3" s="520"/>
      <c r="GR3" s="521"/>
      <c r="GS3" s="520" t="s">
        <v>104</v>
      </c>
      <c r="GT3" s="520"/>
      <c r="GU3" s="520"/>
      <c r="GV3" s="520"/>
      <c r="GW3" s="520"/>
      <c r="GX3" s="520"/>
      <c r="GY3" s="520"/>
      <c r="GZ3" s="520"/>
      <c r="HA3" s="520"/>
      <c r="HB3" s="520"/>
      <c r="HC3" s="520"/>
      <c r="HD3" s="520"/>
      <c r="HE3" s="520"/>
      <c r="HF3" s="520"/>
      <c r="HG3" s="520"/>
      <c r="HH3" s="520"/>
      <c r="HI3" s="520"/>
      <c r="HJ3" s="520"/>
      <c r="HK3" s="520"/>
      <c r="HL3" s="520"/>
      <c r="HM3" s="520"/>
      <c r="HN3" s="520"/>
      <c r="HO3" s="520"/>
      <c r="HP3" s="520"/>
      <c r="HQ3" s="520"/>
      <c r="HR3" s="520"/>
      <c r="HS3" s="520"/>
      <c r="HT3" s="520"/>
      <c r="HU3" s="520"/>
      <c r="HV3" s="520"/>
      <c r="HW3" s="520"/>
      <c r="HX3" s="520"/>
      <c r="HY3" s="520"/>
      <c r="HZ3" s="520"/>
      <c r="IA3" s="520"/>
      <c r="IB3" s="520"/>
      <c r="IC3" s="520"/>
      <c r="ID3" s="520"/>
      <c r="IE3" s="520"/>
      <c r="IF3" s="520"/>
      <c r="IG3" s="520"/>
      <c r="IH3" s="520"/>
      <c r="II3" s="520"/>
      <c r="IJ3" s="520"/>
      <c r="IK3" s="520"/>
      <c r="IL3" s="520"/>
      <c r="IM3" s="520"/>
      <c r="IN3" s="520"/>
      <c r="IO3" s="520"/>
      <c r="IP3" s="520"/>
      <c r="IQ3" s="520"/>
      <c r="IR3" s="520"/>
      <c r="IS3" s="520"/>
      <c r="IT3" s="520"/>
      <c r="IU3" s="520"/>
      <c r="IV3" s="520"/>
      <c r="IW3" s="520"/>
      <c r="IX3" s="520"/>
      <c r="IY3" s="520"/>
      <c r="IZ3" s="520"/>
      <c r="JA3" s="520"/>
      <c r="JB3" s="520"/>
      <c r="JC3" s="520"/>
      <c r="JD3" s="520"/>
      <c r="JE3" s="520"/>
      <c r="JF3" s="520"/>
      <c r="JG3" s="520"/>
      <c r="JH3" s="520"/>
      <c r="JI3" s="520"/>
      <c r="JJ3" s="520"/>
      <c r="JK3" s="520"/>
      <c r="JL3" s="520"/>
      <c r="JM3" s="520"/>
      <c r="JN3" s="520"/>
      <c r="JO3" s="520"/>
      <c r="JP3" s="520"/>
      <c r="JQ3" s="520"/>
      <c r="JR3" s="520"/>
      <c r="JS3" s="520"/>
      <c r="JT3" s="520"/>
      <c r="JU3" s="520"/>
      <c r="JV3" s="520"/>
      <c r="JW3" s="520"/>
      <c r="JX3" s="520"/>
      <c r="JY3" s="520"/>
      <c r="JZ3" s="520"/>
      <c r="KA3" s="520"/>
      <c r="KB3" s="520"/>
      <c r="KC3" s="520"/>
      <c r="KD3" s="520"/>
      <c r="KE3" s="520"/>
      <c r="KF3" s="520"/>
      <c r="KG3" s="520"/>
      <c r="KH3" s="520"/>
      <c r="KI3" s="520"/>
      <c r="KJ3" s="520"/>
      <c r="KK3" s="520"/>
      <c r="KL3" s="520"/>
      <c r="KM3" s="521"/>
    </row>
    <row r="4" spans="2:299" ht="21" customHeight="1" thickBot="1" x14ac:dyDescent="0.25">
      <c r="B4" s="537"/>
      <c r="C4" s="522" t="s">
        <v>39</v>
      </c>
      <c r="D4" s="523"/>
      <c r="E4" s="523"/>
      <c r="F4" s="523"/>
      <c r="G4" s="523"/>
      <c r="H4" s="523"/>
      <c r="I4" s="523"/>
      <c r="J4" s="523"/>
      <c r="K4" s="523"/>
      <c r="L4" s="523"/>
      <c r="M4" s="523"/>
      <c r="N4" s="523"/>
      <c r="O4" s="523"/>
      <c r="P4" s="523"/>
      <c r="Q4" s="523"/>
      <c r="R4" s="523"/>
      <c r="S4" s="523"/>
      <c r="T4" s="523"/>
      <c r="U4" s="523"/>
      <c r="V4" s="523"/>
      <c r="W4" s="523"/>
      <c r="X4" s="523"/>
      <c r="Y4" s="523"/>
      <c r="Z4" s="523"/>
      <c r="AA4" s="523"/>
      <c r="AB4" s="523"/>
      <c r="AC4" s="523"/>
      <c r="AD4" s="523"/>
      <c r="AE4" s="523"/>
      <c r="AF4" s="523"/>
      <c r="AG4" s="523"/>
      <c r="AH4" s="523"/>
      <c r="AI4" s="523"/>
      <c r="AJ4" s="523"/>
      <c r="AK4" s="523"/>
      <c r="AL4" s="523"/>
      <c r="AM4" s="523"/>
      <c r="AN4" s="523"/>
      <c r="AO4" s="523"/>
      <c r="AP4" s="523"/>
      <c r="AQ4" s="523"/>
      <c r="AR4" s="523"/>
      <c r="AS4" s="523"/>
      <c r="AT4" s="523"/>
      <c r="AU4" s="523"/>
      <c r="AV4" s="523"/>
      <c r="AW4" s="523"/>
      <c r="AX4" s="523"/>
      <c r="AY4" s="523"/>
      <c r="AZ4" s="523"/>
      <c r="BA4" s="523"/>
      <c r="BB4" s="523"/>
      <c r="BC4" s="523"/>
      <c r="BD4" s="523"/>
      <c r="BE4" s="523"/>
      <c r="BF4" s="523"/>
      <c r="BG4" s="523"/>
      <c r="BH4" s="523"/>
      <c r="BI4" s="523"/>
      <c r="BJ4" s="523"/>
      <c r="BK4" s="523"/>
      <c r="BL4" s="523"/>
      <c r="BM4" s="523"/>
      <c r="BN4" s="523"/>
      <c r="BO4" s="523"/>
      <c r="BP4" s="523"/>
      <c r="BQ4" s="523"/>
      <c r="BR4" s="523"/>
      <c r="BS4" s="523"/>
      <c r="BT4" s="523"/>
      <c r="BU4" s="523"/>
      <c r="BV4" s="523"/>
      <c r="BW4" s="523"/>
      <c r="BX4" s="523"/>
      <c r="BY4" s="523"/>
      <c r="BZ4" s="523"/>
      <c r="CA4" s="524"/>
      <c r="CB4" s="525" t="s">
        <v>40</v>
      </c>
      <c r="CC4" s="526"/>
      <c r="CD4" s="526"/>
      <c r="CE4" s="526"/>
      <c r="CF4" s="526"/>
      <c r="CG4" s="526"/>
      <c r="CH4" s="526"/>
      <c r="CI4" s="526"/>
      <c r="CJ4" s="526"/>
      <c r="CK4" s="526"/>
      <c r="CL4" s="527"/>
      <c r="CM4" s="525" t="s">
        <v>41</v>
      </c>
      <c r="CN4" s="526"/>
      <c r="CO4" s="526"/>
      <c r="CP4" s="526"/>
      <c r="CQ4" s="526"/>
      <c r="CR4" s="526"/>
      <c r="CS4" s="526"/>
      <c r="CT4" s="526"/>
      <c r="CU4" s="526"/>
      <c r="CV4" s="526"/>
      <c r="CW4" s="527"/>
      <c r="CX4" s="522" t="s">
        <v>39</v>
      </c>
      <c r="CY4" s="523"/>
      <c r="CZ4" s="523"/>
      <c r="DA4" s="523"/>
      <c r="DB4" s="523"/>
      <c r="DC4" s="523"/>
      <c r="DD4" s="523"/>
      <c r="DE4" s="523"/>
      <c r="DF4" s="523"/>
      <c r="DG4" s="523"/>
      <c r="DH4" s="523"/>
      <c r="DI4" s="523"/>
      <c r="DJ4" s="523"/>
      <c r="DK4" s="523"/>
      <c r="DL4" s="523"/>
      <c r="DM4" s="523"/>
      <c r="DN4" s="523"/>
      <c r="DO4" s="523"/>
      <c r="DP4" s="523"/>
      <c r="DQ4" s="523"/>
      <c r="DR4" s="523"/>
      <c r="DS4" s="523"/>
      <c r="DT4" s="523"/>
      <c r="DU4" s="523"/>
      <c r="DV4" s="523"/>
      <c r="DW4" s="523"/>
      <c r="DX4" s="523"/>
      <c r="DY4" s="523"/>
      <c r="DZ4" s="523"/>
      <c r="EA4" s="523"/>
      <c r="EB4" s="523"/>
      <c r="EC4" s="523"/>
      <c r="ED4" s="523"/>
      <c r="EE4" s="523"/>
      <c r="EF4" s="523"/>
      <c r="EG4" s="523"/>
      <c r="EH4" s="523"/>
      <c r="EI4" s="523"/>
      <c r="EJ4" s="523"/>
      <c r="EK4" s="523"/>
      <c r="EL4" s="523"/>
      <c r="EM4" s="523"/>
      <c r="EN4" s="523"/>
      <c r="EO4" s="523"/>
      <c r="EP4" s="523"/>
      <c r="EQ4" s="523"/>
      <c r="ER4" s="523"/>
      <c r="ES4" s="523"/>
      <c r="ET4" s="523"/>
      <c r="EU4" s="523"/>
      <c r="EV4" s="523"/>
      <c r="EW4" s="523"/>
      <c r="EX4" s="523"/>
      <c r="EY4" s="523"/>
      <c r="EZ4" s="523"/>
      <c r="FA4" s="523"/>
      <c r="FB4" s="523"/>
      <c r="FC4" s="523"/>
      <c r="FD4" s="523"/>
      <c r="FE4" s="523"/>
      <c r="FF4" s="523"/>
      <c r="FG4" s="523"/>
      <c r="FH4" s="523"/>
      <c r="FI4" s="523"/>
      <c r="FJ4" s="523"/>
      <c r="FK4" s="523"/>
      <c r="FL4" s="523"/>
      <c r="FM4" s="523"/>
      <c r="FN4" s="523"/>
      <c r="FO4" s="523"/>
      <c r="FP4" s="523"/>
      <c r="FQ4" s="523"/>
      <c r="FR4" s="523"/>
      <c r="FS4" s="523"/>
      <c r="FT4" s="523"/>
      <c r="FU4" s="523"/>
      <c r="FV4" s="524"/>
      <c r="FW4" s="525" t="s">
        <v>40</v>
      </c>
      <c r="FX4" s="526"/>
      <c r="FY4" s="526"/>
      <c r="FZ4" s="526"/>
      <c r="GA4" s="526"/>
      <c r="GB4" s="526"/>
      <c r="GC4" s="526"/>
      <c r="GD4" s="526"/>
      <c r="GE4" s="526"/>
      <c r="GF4" s="526"/>
      <c r="GG4" s="527"/>
      <c r="GH4" s="525" t="s">
        <v>41</v>
      </c>
      <c r="GI4" s="526"/>
      <c r="GJ4" s="526"/>
      <c r="GK4" s="526"/>
      <c r="GL4" s="526"/>
      <c r="GM4" s="526"/>
      <c r="GN4" s="526"/>
      <c r="GO4" s="526"/>
      <c r="GP4" s="526"/>
      <c r="GQ4" s="526"/>
      <c r="GR4" s="527"/>
      <c r="GS4" s="522" t="s">
        <v>39</v>
      </c>
      <c r="GT4" s="523"/>
      <c r="GU4" s="523"/>
      <c r="GV4" s="523"/>
      <c r="GW4" s="523"/>
      <c r="GX4" s="523"/>
      <c r="GY4" s="523"/>
      <c r="GZ4" s="523"/>
      <c r="HA4" s="523"/>
      <c r="HB4" s="523"/>
      <c r="HC4" s="523"/>
      <c r="HD4" s="523"/>
      <c r="HE4" s="523"/>
      <c r="HF4" s="523"/>
      <c r="HG4" s="523"/>
      <c r="HH4" s="523"/>
      <c r="HI4" s="523"/>
      <c r="HJ4" s="523"/>
      <c r="HK4" s="523"/>
      <c r="HL4" s="523"/>
      <c r="HM4" s="523"/>
      <c r="HN4" s="523"/>
      <c r="HO4" s="523"/>
      <c r="HP4" s="523"/>
      <c r="HQ4" s="523"/>
      <c r="HR4" s="523"/>
      <c r="HS4" s="523"/>
      <c r="HT4" s="523"/>
      <c r="HU4" s="523"/>
      <c r="HV4" s="523"/>
      <c r="HW4" s="523"/>
      <c r="HX4" s="523"/>
      <c r="HY4" s="523"/>
      <c r="HZ4" s="523"/>
      <c r="IA4" s="523"/>
      <c r="IB4" s="523"/>
      <c r="IC4" s="523"/>
      <c r="ID4" s="523"/>
      <c r="IE4" s="523"/>
      <c r="IF4" s="523"/>
      <c r="IG4" s="523"/>
      <c r="IH4" s="523"/>
      <c r="II4" s="523"/>
      <c r="IJ4" s="523"/>
      <c r="IK4" s="523"/>
      <c r="IL4" s="523"/>
      <c r="IM4" s="523"/>
      <c r="IN4" s="523"/>
      <c r="IO4" s="523"/>
      <c r="IP4" s="523"/>
      <c r="IQ4" s="523"/>
      <c r="IR4" s="523"/>
      <c r="IS4" s="523"/>
      <c r="IT4" s="523"/>
      <c r="IU4" s="523"/>
      <c r="IV4" s="523"/>
      <c r="IW4" s="523"/>
      <c r="IX4" s="523"/>
      <c r="IY4" s="523"/>
      <c r="IZ4" s="523"/>
      <c r="JA4" s="523"/>
      <c r="JB4" s="523"/>
      <c r="JC4" s="523"/>
      <c r="JD4" s="523"/>
      <c r="JE4" s="523"/>
      <c r="JF4" s="523"/>
      <c r="JG4" s="523"/>
      <c r="JH4" s="523"/>
      <c r="JI4" s="523"/>
      <c r="JJ4" s="523"/>
      <c r="JK4" s="523"/>
      <c r="JL4" s="523"/>
      <c r="JM4" s="523"/>
      <c r="JN4" s="523"/>
      <c r="JO4" s="523"/>
      <c r="JP4" s="523"/>
      <c r="JQ4" s="524"/>
      <c r="JR4" s="525" t="s">
        <v>40</v>
      </c>
      <c r="JS4" s="526"/>
      <c r="JT4" s="526"/>
      <c r="JU4" s="526"/>
      <c r="JV4" s="526"/>
      <c r="JW4" s="526"/>
      <c r="JX4" s="526"/>
      <c r="JY4" s="526"/>
      <c r="JZ4" s="526"/>
      <c r="KA4" s="526"/>
      <c r="KB4" s="527"/>
      <c r="KC4" s="525" t="s">
        <v>41</v>
      </c>
      <c r="KD4" s="526"/>
      <c r="KE4" s="526"/>
      <c r="KF4" s="526"/>
      <c r="KG4" s="526"/>
      <c r="KH4" s="526"/>
      <c r="KI4" s="526"/>
      <c r="KJ4" s="526"/>
      <c r="KK4" s="526"/>
      <c r="KL4" s="526"/>
      <c r="KM4" s="527"/>
    </row>
    <row r="5" spans="2:299" ht="21" customHeight="1" thickBot="1" x14ac:dyDescent="0.25">
      <c r="B5" s="531"/>
      <c r="C5" s="531"/>
      <c r="D5" s="532"/>
      <c r="E5" s="532"/>
      <c r="F5" s="532"/>
      <c r="G5" s="532"/>
      <c r="H5" s="532"/>
      <c r="I5" s="532"/>
      <c r="J5" s="532"/>
      <c r="K5" s="532"/>
      <c r="L5" s="532"/>
      <c r="M5" s="533"/>
      <c r="N5" s="534" t="s">
        <v>97</v>
      </c>
      <c r="O5" s="535"/>
      <c r="P5" s="535"/>
      <c r="Q5" s="535"/>
      <c r="R5" s="535"/>
      <c r="S5" s="535"/>
      <c r="T5" s="535"/>
      <c r="U5" s="535"/>
      <c r="V5" s="535"/>
      <c r="W5" s="535"/>
      <c r="X5" s="536"/>
      <c r="Y5" s="534" t="s">
        <v>98</v>
      </c>
      <c r="Z5" s="535"/>
      <c r="AA5" s="535"/>
      <c r="AB5" s="535"/>
      <c r="AC5" s="535"/>
      <c r="AD5" s="535"/>
      <c r="AE5" s="535"/>
      <c r="AF5" s="535"/>
      <c r="AG5" s="535"/>
      <c r="AH5" s="535"/>
      <c r="AI5" s="536"/>
      <c r="AJ5" s="534" t="s">
        <v>99</v>
      </c>
      <c r="AK5" s="535"/>
      <c r="AL5" s="535"/>
      <c r="AM5" s="535"/>
      <c r="AN5" s="535"/>
      <c r="AO5" s="535"/>
      <c r="AP5" s="535"/>
      <c r="AQ5" s="535"/>
      <c r="AR5" s="535"/>
      <c r="AS5" s="535"/>
      <c r="AT5" s="536"/>
      <c r="AU5" s="534" t="s">
        <v>100</v>
      </c>
      <c r="AV5" s="535"/>
      <c r="AW5" s="535"/>
      <c r="AX5" s="535"/>
      <c r="AY5" s="535"/>
      <c r="AZ5" s="535"/>
      <c r="BA5" s="535"/>
      <c r="BB5" s="535"/>
      <c r="BC5" s="535"/>
      <c r="BD5" s="535"/>
      <c r="BE5" s="536"/>
      <c r="BF5" s="534" t="s">
        <v>101</v>
      </c>
      <c r="BG5" s="535"/>
      <c r="BH5" s="535"/>
      <c r="BI5" s="535"/>
      <c r="BJ5" s="535"/>
      <c r="BK5" s="535"/>
      <c r="BL5" s="535"/>
      <c r="BM5" s="535"/>
      <c r="BN5" s="535"/>
      <c r="BO5" s="535"/>
      <c r="BP5" s="536"/>
      <c r="BQ5" s="534" t="s">
        <v>102</v>
      </c>
      <c r="BR5" s="535"/>
      <c r="BS5" s="535"/>
      <c r="BT5" s="535"/>
      <c r="BU5" s="535"/>
      <c r="BV5" s="535"/>
      <c r="BW5" s="535"/>
      <c r="BX5" s="535"/>
      <c r="BY5" s="535"/>
      <c r="BZ5" s="535"/>
      <c r="CA5" s="536"/>
      <c r="CB5" s="528"/>
      <c r="CC5" s="529"/>
      <c r="CD5" s="529"/>
      <c r="CE5" s="529"/>
      <c r="CF5" s="529"/>
      <c r="CG5" s="529"/>
      <c r="CH5" s="529"/>
      <c r="CI5" s="529"/>
      <c r="CJ5" s="529"/>
      <c r="CK5" s="529"/>
      <c r="CL5" s="530"/>
      <c r="CM5" s="528"/>
      <c r="CN5" s="529"/>
      <c r="CO5" s="529"/>
      <c r="CP5" s="529"/>
      <c r="CQ5" s="529"/>
      <c r="CR5" s="529"/>
      <c r="CS5" s="529"/>
      <c r="CT5" s="529"/>
      <c r="CU5" s="529"/>
      <c r="CV5" s="529"/>
      <c r="CW5" s="530"/>
      <c r="CX5" s="531"/>
      <c r="CY5" s="532"/>
      <c r="CZ5" s="532"/>
      <c r="DA5" s="532"/>
      <c r="DB5" s="532"/>
      <c r="DC5" s="532"/>
      <c r="DD5" s="532"/>
      <c r="DE5" s="532"/>
      <c r="DF5" s="532"/>
      <c r="DG5" s="532"/>
      <c r="DH5" s="533"/>
      <c r="DI5" s="534" t="s">
        <v>97</v>
      </c>
      <c r="DJ5" s="535"/>
      <c r="DK5" s="535"/>
      <c r="DL5" s="535"/>
      <c r="DM5" s="535"/>
      <c r="DN5" s="535"/>
      <c r="DO5" s="535"/>
      <c r="DP5" s="535"/>
      <c r="DQ5" s="535"/>
      <c r="DR5" s="535"/>
      <c r="DS5" s="536"/>
      <c r="DT5" s="534" t="s">
        <v>98</v>
      </c>
      <c r="DU5" s="535"/>
      <c r="DV5" s="535"/>
      <c r="DW5" s="535"/>
      <c r="DX5" s="535"/>
      <c r="DY5" s="535"/>
      <c r="DZ5" s="535"/>
      <c r="EA5" s="535"/>
      <c r="EB5" s="535"/>
      <c r="EC5" s="535"/>
      <c r="ED5" s="536"/>
      <c r="EE5" s="534" t="s">
        <v>99</v>
      </c>
      <c r="EF5" s="535"/>
      <c r="EG5" s="535"/>
      <c r="EH5" s="535"/>
      <c r="EI5" s="535"/>
      <c r="EJ5" s="535"/>
      <c r="EK5" s="535"/>
      <c r="EL5" s="535"/>
      <c r="EM5" s="535"/>
      <c r="EN5" s="535"/>
      <c r="EO5" s="536"/>
      <c r="EP5" s="534" t="s">
        <v>100</v>
      </c>
      <c r="EQ5" s="535"/>
      <c r="ER5" s="535"/>
      <c r="ES5" s="535"/>
      <c r="ET5" s="535"/>
      <c r="EU5" s="535"/>
      <c r="EV5" s="535"/>
      <c r="EW5" s="535"/>
      <c r="EX5" s="535"/>
      <c r="EY5" s="535"/>
      <c r="EZ5" s="536"/>
      <c r="FA5" s="534" t="s">
        <v>101</v>
      </c>
      <c r="FB5" s="535"/>
      <c r="FC5" s="535"/>
      <c r="FD5" s="535"/>
      <c r="FE5" s="535"/>
      <c r="FF5" s="535"/>
      <c r="FG5" s="535"/>
      <c r="FH5" s="535"/>
      <c r="FI5" s="535"/>
      <c r="FJ5" s="535"/>
      <c r="FK5" s="536"/>
      <c r="FL5" s="534" t="s">
        <v>102</v>
      </c>
      <c r="FM5" s="535"/>
      <c r="FN5" s="535"/>
      <c r="FO5" s="535"/>
      <c r="FP5" s="535"/>
      <c r="FQ5" s="535"/>
      <c r="FR5" s="535"/>
      <c r="FS5" s="535"/>
      <c r="FT5" s="535"/>
      <c r="FU5" s="535"/>
      <c r="FV5" s="536"/>
      <c r="FW5" s="528"/>
      <c r="FX5" s="529"/>
      <c r="FY5" s="529"/>
      <c r="FZ5" s="529"/>
      <c r="GA5" s="529"/>
      <c r="GB5" s="529"/>
      <c r="GC5" s="529"/>
      <c r="GD5" s="529"/>
      <c r="GE5" s="529"/>
      <c r="GF5" s="529"/>
      <c r="GG5" s="530"/>
      <c r="GH5" s="528"/>
      <c r="GI5" s="529"/>
      <c r="GJ5" s="529"/>
      <c r="GK5" s="529"/>
      <c r="GL5" s="529"/>
      <c r="GM5" s="529"/>
      <c r="GN5" s="529"/>
      <c r="GO5" s="529"/>
      <c r="GP5" s="529"/>
      <c r="GQ5" s="529"/>
      <c r="GR5" s="530"/>
      <c r="GS5" s="531"/>
      <c r="GT5" s="532"/>
      <c r="GU5" s="532"/>
      <c r="GV5" s="532"/>
      <c r="GW5" s="532"/>
      <c r="GX5" s="532"/>
      <c r="GY5" s="532"/>
      <c r="GZ5" s="532"/>
      <c r="HA5" s="532"/>
      <c r="HB5" s="532"/>
      <c r="HC5" s="533"/>
      <c r="HD5" s="534" t="s">
        <v>97</v>
      </c>
      <c r="HE5" s="535"/>
      <c r="HF5" s="535"/>
      <c r="HG5" s="535"/>
      <c r="HH5" s="535"/>
      <c r="HI5" s="535"/>
      <c r="HJ5" s="535"/>
      <c r="HK5" s="535"/>
      <c r="HL5" s="535"/>
      <c r="HM5" s="535"/>
      <c r="HN5" s="536"/>
      <c r="HO5" s="534" t="s">
        <v>98</v>
      </c>
      <c r="HP5" s="535"/>
      <c r="HQ5" s="535"/>
      <c r="HR5" s="535"/>
      <c r="HS5" s="535"/>
      <c r="HT5" s="535"/>
      <c r="HU5" s="535"/>
      <c r="HV5" s="535"/>
      <c r="HW5" s="535"/>
      <c r="HX5" s="535"/>
      <c r="HY5" s="536"/>
      <c r="HZ5" s="534" t="s">
        <v>99</v>
      </c>
      <c r="IA5" s="535"/>
      <c r="IB5" s="535"/>
      <c r="IC5" s="535"/>
      <c r="ID5" s="535"/>
      <c r="IE5" s="535"/>
      <c r="IF5" s="535"/>
      <c r="IG5" s="535"/>
      <c r="IH5" s="535"/>
      <c r="II5" s="535"/>
      <c r="IJ5" s="536"/>
      <c r="IK5" s="534" t="s">
        <v>100</v>
      </c>
      <c r="IL5" s="535"/>
      <c r="IM5" s="535"/>
      <c r="IN5" s="535"/>
      <c r="IO5" s="535"/>
      <c r="IP5" s="535"/>
      <c r="IQ5" s="535"/>
      <c r="IR5" s="535"/>
      <c r="IS5" s="535"/>
      <c r="IT5" s="535"/>
      <c r="IU5" s="536"/>
      <c r="IV5" s="534" t="s">
        <v>101</v>
      </c>
      <c r="IW5" s="535"/>
      <c r="IX5" s="535"/>
      <c r="IY5" s="535"/>
      <c r="IZ5" s="535"/>
      <c r="JA5" s="535"/>
      <c r="JB5" s="535"/>
      <c r="JC5" s="535"/>
      <c r="JD5" s="535"/>
      <c r="JE5" s="535"/>
      <c r="JF5" s="536"/>
      <c r="JG5" s="534" t="s">
        <v>102</v>
      </c>
      <c r="JH5" s="535"/>
      <c r="JI5" s="535"/>
      <c r="JJ5" s="535"/>
      <c r="JK5" s="535"/>
      <c r="JL5" s="535"/>
      <c r="JM5" s="535"/>
      <c r="JN5" s="535"/>
      <c r="JO5" s="535"/>
      <c r="JP5" s="535"/>
      <c r="JQ5" s="536"/>
      <c r="JR5" s="528"/>
      <c r="JS5" s="529"/>
      <c r="JT5" s="529"/>
      <c r="JU5" s="529"/>
      <c r="JV5" s="529"/>
      <c r="JW5" s="529"/>
      <c r="JX5" s="529"/>
      <c r="JY5" s="529"/>
      <c r="JZ5" s="529"/>
      <c r="KA5" s="529"/>
      <c r="KB5" s="530"/>
      <c r="KC5" s="528"/>
      <c r="KD5" s="529"/>
      <c r="KE5" s="529"/>
      <c r="KF5" s="529"/>
      <c r="KG5" s="529"/>
      <c r="KH5" s="529"/>
      <c r="KI5" s="529"/>
      <c r="KJ5" s="529"/>
      <c r="KK5" s="529"/>
      <c r="KL5" s="529"/>
      <c r="KM5" s="530"/>
    </row>
    <row r="6" spans="2:299" ht="30" customHeight="1" thickBot="1" x14ac:dyDescent="0.25">
      <c r="B6" s="327" t="s">
        <v>42</v>
      </c>
      <c r="C6" s="43" t="s">
        <v>43</v>
      </c>
      <c r="D6" s="41" t="s">
        <v>44</v>
      </c>
      <c r="E6" s="42" t="s">
        <v>45</v>
      </c>
      <c r="F6" s="44" t="s">
        <v>46</v>
      </c>
      <c r="G6" s="41" t="s">
        <v>47</v>
      </c>
      <c r="H6" s="41" t="s">
        <v>48</v>
      </c>
      <c r="I6" s="41" t="s">
        <v>49</v>
      </c>
      <c r="J6" s="41" t="s">
        <v>50</v>
      </c>
      <c r="K6" s="41" t="s">
        <v>51</v>
      </c>
      <c r="L6" s="42" t="s">
        <v>45</v>
      </c>
      <c r="M6" s="326" t="s">
        <v>52</v>
      </c>
      <c r="N6" s="330" t="s">
        <v>43</v>
      </c>
      <c r="O6" s="331" t="s">
        <v>44</v>
      </c>
      <c r="P6" s="332" t="s">
        <v>45</v>
      </c>
      <c r="Q6" s="333" t="s">
        <v>46</v>
      </c>
      <c r="R6" s="331" t="s">
        <v>47</v>
      </c>
      <c r="S6" s="331" t="s">
        <v>48</v>
      </c>
      <c r="T6" s="331" t="s">
        <v>49</v>
      </c>
      <c r="U6" s="331" t="s">
        <v>50</v>
      </c>
      <c r="V6" s="331" t="s">
        <v>51</v>
      </c>
      <c r="W6" s="332" t="s">
        <v>45</v>
      </c>
      <c r="X6" s="329" t="s">
        <v>52</v>
      </c>
      <c r="Y6" s="330" t="s">
        <v>43</v>
      </c>
      <c r="Z6" s="331" t="s">
        <v>44</v>
      </c>
      <c r="AA6" s="332" t="s">
        <v>45</v>
      </c>
      <c r="AB6" s="333" t="s">
        <v>46</v>
      </c>
      <c r="AC6" s="331" t="s">
        <v>47</v>
      </c>
      <c r="AD6" s="331" t="s">
        <v>48</v>
      </c>
      <c r="AE6" s="331" t="s">
        <v>49</v>
      </c>
      <c r="AF6" s="331" t="s">
        <v>50</v>
      </c>
      <c r="AG6" s="331" t="s">
        <v>51</v>
      </c>
      <c r="AH6" s="332" t="s">
        <v>45</v>
      </c>
      <c r="AI6" s="334" t="s">
        <v>52</v>
      </c>
      <c r="AJ6" s="330" t="s">
        <v>43</v>
      </c>
      <c r="AK6" s="331" t="s">
        <v>44</v>
      </c>
      <c r="AL6" s="332" t="s">
        <v>45</v>
      </c>
      <c r="AM6" s="333" t="s">
        <v>46</v>
      </c>
      <c r="AN6" s="331" t="s">
        <v>47</v>
      </c>
      <c r="AO6" s="331" t="s">
        <v>48</v>
      </c>
      <c r="AP6" s="331" t="s">
        <v>49</v>
      </c>
      <c r="AQ6" s="331" t="s">
        <v>50</v>
      </c>
      <c r="AR6" s="331" t="s">
        <v>51</v>
      </c>
      <c r="AS6" s="332" t="s">
        <v>45</v>
      </c>
      <c r="AT6" s="334" t="s">
        <v>52</v>
      </c>
      <c r="AU6" s="330" t="s">
        <v>43</v>
      </c>
      <c r="AV6" s="331" t="s">
        <v>44</v>
      </c>
      <c r="AW6" s="332" t="s">
        <v>45</v>
      </c>
      <c r="AX6" s="333" t="s">
        <v>46</v>
      </c>
      <c r="AY6" s="331" t="s">
        <v>47</v>
      </c>
      <c r="AZ6" s="331" t="s">
        <v>48</v>
      </c>
      <c r="BA6" s="331" t="s">
        <v>49</v>
      </c>
      <c r="BB6" s="331" t="s">
        <v>50</v>
      </c>
      <c r="BC6" s="331" t="s">
        <v>51</v>
      </c>
      <c r="BD6" s="332" t="s">
        <v>45</v>
      </c>
      <c r="BE6" s="334" t="s">
        <v>52</v>
      </c>
      <c r="BF6" s="330" t="s">
        <v>43</v>
      </c>
      <c r="BG6" s="331" t="s">
        <v>44</v>
      </c>
      <c r="BH6" s="332" t="s">
        <v>45</v>
      </c>
      <c r="BI6" s="333" t="s">
        <v>46</v>
      </c>
      <c r="BJ6" s="331" t="s">
        <v>47</v>
      </c>
      <c r="BK6" s="331" t="s">
        <v>48</v>
      </c>
      <c r="BL6" s="331" t="s">
        <v>49</v>
      </c>
      <c r="BM6" s="331" t="s">
        <v>50</v>
      </c>
      <c r="BN6" s="331" t="s">
        <v>51</v>
      </c>
      <c r="BO6" s="332" t="s">
        <v>45</v>
      </c>
      <c r="BP6" s="334" t="s">
        <v>52</v>
      </c>
      <c r="BQ6" s="330" t="s">
        <v>43</v>
      </c>
      <c r="BR6" s="331" t="s">
        <v>44</v>
      </c>
      <c r="BS6" s="332" t="s">
        <v>45</v>
      </c>
      <c r="BT6" s="333" t="s">
        <v>46</v>
      </c>
      <c r="BU6" s="331" t="s">
        <v>47</v>
      </c>
      <c r="BV6" s="331" t="s">
        <v>48</v>
      </c>
      <c r="BW6" s="331" t="s">
        <v>49</v>
      </c>
      <c r="BX6" s="331" t="s">
        <v>50</v>
      </c>
      <c r="BY6" s="331" t="s">
        <v>51</v>
      </c>
      <c r="BZ6" s="332" t="s">
        <v>45</v>
      </c>
      <c r="CA6" s="334" t="s">
        <v>52</v>
      </c>
      <c r="CB6" s="330" t="s">
        <v>43</v>
      </c>
      <c r="CC6" s="331" t="s">
        <v>44</v>
      </c>
      <c r="CD6" s="332" t="s">
        <v>45</v>
      </c>
      <c r="CE6" s="333" t="s">
        <v>46</v>
      </c>
      <c r="CF6" s="331" t="s">
        <v>47</v>
      </c>
      <c r="CG6" s="331" t="s">
        <v>48</v>
      </c>
      <c r="CH6" s="331" t="s">
        <v>49</v>
      </c>
      <c r="CI6" s="331" t="s">
        <v>50</v>
      </c>
      <c r="CJ6" s="331" t="s">
        <v>51</v>
      </c>
      <c r="CK6" s="332" t="s">
        <v>45</v>
      </c>
      <c r="CL6" s="334" t="s">
        <v>52</v>
      </c>
      <c r="CM6" s="330" t="s">
        <v>43</v>
      </c>
      <c r="CN6" s="331" t="s">
        <v>44</v>
      </c>
      <c r="CO6" s="332" t="s">
        <v>45</v>
      </c>
      <c r="CP6" s="333" t="s">
        <v>46</v>
      </c>
      <c r="CQ6" s="331" t="s">
        <v>47</v>
      </c>
      <c r="CR6" s="331" t="s">
        <v>48</v>
      </c>
      <c r="CS6" s="331" t="s">
        <v>49</v>
      </c>
      <c r="CT6" s="331" t="s">
        <v>50</v>
      </c>
      <c r="CU6" s="331" t="s">
        <v>51</v>
      </c>
      <c r="CV6" s="332" t="s">
        <v>45</v>
      </c>
      <c r="CW6" s="334" t="s">
        <v>52</v>
      </c>
      <c r="CX6" s="43" t="s">
        <v>43</v>
      </c>
      <c r="CY6" s="41" t="s">
        <v>44</v>
      </c>
      <c r="CZ6" s="42" t="s">
        <v>45</v>
      </c>
      <c r="DA6" s="44" t="s">
        <v>46</v>
      </c>
      <c r="DB6" s="41" t="s">
        <v>47</v>
      </c>
      <c r="DC6" s="41" t="s">
        <v>48</v>
      </c>
      <c r="DD6" s="41" t="s">
        <v>49</v>
      </c>
      <c r="DE6" s="41" t="s">
        <v>50</v>
      </c>
      <c r="DF6" s="41" t="s">
        <v>51</v>
      </c>
      <c r="DG6" s="42" t="s">
        <v>45</v>
      </c>
      <c r="DH6" s="326" t="s">
        <v>52</v>
      </c>
      <c r="DI6" s="330" t="s">
        <v>43</v>
      </c>
      <c r="DJ6" s="331" t="s">
        <v>44</v>
      </c>
      <c r="DK6" s="332" t="s">
        <v>45</v>
      </c>
      <c r="DL6" s="333" t="s">
        <v>46</v>
      </c>
      <c r="DM6" s="331" t="s">
        <v>47</v>
      </c>
      <c r="DN6" s="331" t="s">
        <v>48</v>
      </c>
      <c r="DO6" s="331" t="s">
        <v>49</v>
      </c>
      <c r="DP6" s="331" t="s">
        <v>50</v>
      </c>
      <c r="DQ6" s="331" t="s">
        <v>51</v>
      </c>
      <c r="DR6" s="332" t="s">
        <v>45</v>
      </c>
      <c r="DS6" s="334" t="s">
        <v>52</v>
      </c>
      <c r="DT6" s="330" t="s">
        <v>43</v>
      </c>
      <c r="DU6" s="331" t="s">
        <v>44</v>
      </c>
      <c r="DV6" s="332" t="s">
        <v>45</v>
      </c>
      <c r="DW6" s="333" t="s">
        <v>46</v>
      </c>
      <c r="DX6" s="331" t="s">
        <v>47</v>
      </c>
      <c r="DY6" s="331" t="s">
        <v>48</v>
      </c>
      <c r="DZ6" s="331" t="s">
        <v>49</v>
      </c>
      <c r="EA6" s="331" t="s">
        <v>50</v>
      </c>
      <c r="EB6" s="331" t="s">
        <v>51</v>
      </c>
      <c r="EC6" s="332" t="s">
        <v>45</v>
      </c>
      <c r="ED6" s="334" t="s">
        <v>52</v>
      </c>
      <c r="EE6" s="330" t="s">
        <v>43</v>
      </c>
      <c r="EF6" s="331" t="s">
        <v>44</v>
      </c>
      <c r="EG6" s="332" t="s">
        <v>45</v>
      </c>
      <c r="EH6" s="333" t="s">
        <v>46</v>
      </c>
      <c r="EI6" s="331" t="s">
        <v>47</v>
      </c>
      <c r="EJ6" s="331" t="s">
        <v>48</v>
      </c>
      <c r="EK6" s="331" t="s">
        <v>49</v>
      </c>
      <c r="EL6" s="331" t="s">
        <v>50</v>
      </c>
      <c r="EM6" s="331" t="s">
        <v>51</v>
      </c>
      <c r="EN6" s="332" t="s">
        <v>45</v>
      </c>
      <c r="EO6" s="334" t="s">
        <v>52</v>
      </c>
      <c r="EP6" s="330" t="s">
        <v>43</v>
      </c>
      <c r="EQ6" s="331" t="s">
        <v>44</v>
      </c>
      <c r="ER6" s="332" t="s">
        <v>45</v>
      </c>
      <c r="ES6" s="333" t="s">
        <v>46</v>
      </c>
      <c r="ET6" s="331" t="s">
        <v>47</v>
      </c>
      <c r="EU6" s="331" t="s">
        <v>48</v>
      </c>
      <c r="EV6" s="331" t="s">
        <v>49</v>
      </c>
      <c r="EW6" s="331" t="s">
        <v>50</v>
      </c>
      <c r="EX6" s="331" t="s">
        <v>51</v>
      </c>
      <c r="EY6" s="332" t="s">
        <v>45</v>
      </c>
      <c r="EZ6" s="334" t="s">
        <v>52</v>
      </c>
      <c r="FA6" s="330" t="s">
        <v>43</v>
      </c>
      <c r="FB6" s="331" t="s">
        <v>44</v>
      </c>
      <c r="FC6" s="332" t="s">
        <v>45</v>
      </c>
      <c r="FD6" s="333" t="s">
        <v>46</v>
      </c>
      <c r="FE6" s="331" t="s">
        <v>47</v>
      </c>
      <c r="FF6" s="331" t="s">
        <v>48</v>
      </c>
      <c r="FG6" s="331" t="s">
        <v>49</v>
      </c>
      <c r="FH6" s="331" t="s">
        <v>50</v>
      </c>
      <c r="FI6" s="331" t="s">
        <v>51</v>
      </c>
      <c r="FJ6" s="332" t="s">
        <v>45</v>
      </c>
      <c r="FK6" s="334" t="s">
        <v>52</v>
      </c>
      <c r="FL6" s="330" t="s">
        <v>43</v>
      </c>
      <c r="FM6" s="331" t="s">
        <v>44</v>
      </c>
      <c r="FN6" s="332" t="s">
        <v>45</v>
      </c>
      <c r="FO6" s="333" t="s">
        <v>46</v>
      </c>
      <c r="FP6" s="331" t="s">
        <v>47</v>
      </c>
      <c r="FQ6" s="331" t="s">
        <v>48</v>
      </c>
      <c r="FR6" s="331" t="s">
        <v>49</v>
      </c>
      <c r="FS6" s="331" t="s">
        <v>50</v>
      </c>
      <c r="FT6" s="331" t="s">
        <v>51</v>
      </c>
      <c r="FU6" s="332" t="s">
        <v>45</v>
      </c>
      <c r="FV6" s="334" t="s">
        <v>52</v>
      </c>
      <c r="FW6" s="330" t="s">
        <v>43</v>
      </c>
      <c r="FX6" s="331" t="s">
        <v>44</v>
      </c>
      <c r="FY6" s="332" t="s">
        <v>45</v>
      </c>
      <c r="FZ6" s="333" t="s">
        <v>46</v>
      </c>
      <c r="GA6" s="331" t="s">
        <v>47</v>
      </c>
      <c r="GB6" s="331" t="s">
        <v>48</v>
      </c>
      <c r="GC6" s="331" t="s">
        <v>49</v>
      </c>
      <c r="GD6" s="331" t="s">
        <v>50</v>
      </c>
      <c r="GE6" s="331" t="s">
        <v>51</v>
      </c>
      <c r="GF6" s="332" t="s">
        <v>45</v>
      </c>
      <c r="GG6" s="334" t="s">
        <v>52</v>
      </c>
      <c r="GH6" s="330" t="s">
        <v>43</v>
      </c>
      <c r="GI6" s="331" t="s">
        <v>44</v>
      </c>
      <c r="GJ6" s="332" t="s">
        <v>45</v>
      </c>
      <c r="GK6" s="333" t="s">
        <v>46</v>
      </c>
      <c r="GL6" s="331" t="s">
        <v>47</v>
      </c>
      <c r="GM6" s="331" t="s">
        <v>48</v>
      </c>
      <c r="GN6" s="331" t="s">
        <v>49</v>
      </c>
      <c r="GO6" s="331" t="s">
        <v>50</v>
      </c>
      <c r="GP6" s="331" t="s">
        <v>51</v>
      </c>
      <c r="GQ6" s="332" t="s">
        <v>45</v>
      </c>
      <c r="GR6" s="334" t="s">
        <v>52</v>
      </c>
      <c r="GS6" s="43" t="s">
        <v>43</v>
      </c>
      <c r="GT6" s="41" t="s">
        <v>44</v>
      </c>
      <c r="GU6" s="42" t="s">
        <v>45</v>
      </c>
      <c r="GV6" s="44" t="s">
        <v>46</v>
      </c>
      <c r="GW6" s="41" t="s">
        <v>47</v>
      </c>
      <c r="GX6" s="41" t="s">
        <v>48</v>
      </c>
      <c r="GY6" s="41" t="s">
        <v>49</v>
      </c>
      <c r="GZ6" s="41" t="s">
        <v>50</v>
      </c>
      <c r="HA6" s="41" t="s">
        <v>51</v>
      </c>
      <c r="HB6" s="42" t="s">
        <v>45</v>
      </c>
      <c r="HC6" s="326" t="s">
        <v>52</v>
      </c>
      <c r="HD6" s="330" t="s">
        <v>43</v>
      </c>
      <c r="HE6" s="331" t="s">
        <v>44</v>
      </c>
      <c r="HF6" s="332" t="s">
        <v>45</v>
      </c>
      <c r="HG6" s="333" t="s">
        <v>46</v>
      </c>
      <c r="HH6" s="331" t="s">
        <v>47</v>
      </c>
      <c r="HI6" s="331" t="s">
        <v>48</v>
      </c>
      <c r="HJ6" s="331" t="s">
        <v>49</v>
      </c>
      <c r="HK6" s="331" t="s">
        <v>50</v>
      </c>
      <c r="HL6" s="331" t="s">
        <v>51</v>
      </c>
      <c r="HM6" s="332" t="s">
        <v>45</v>
      </c>
      <c r="HN6" s="334" t="s">
        <v>52</v>
      </c>
      <c r="HO6" s="330" t="s">
        <v>43</v>
      </c>
      <c r="HP6" s="331" t="s">
        <v>44</v>
      </c>
      <c r="HQ6" s="332" t="s">
        <v>45</v>
      </c>
      <c r="HR6" s="333" t="s">
        <v>46</v>
      </c>
      <c r="HS6" s="331" t="s">
        <v>47</v>
      </c>
      <c r="HT6" s="331" t="s">
        <v>48</v>
      </c>
      <c r="HU6" s="331" t="s">
        <v>49</v>
      </c>
      <c r="HV6" s="331" t="s">
        <v>50</v>
      </c>
      <c r="HW6" s="331" t="s">
        <v>51</v>
      </c>
      <c r="HX6" s="332" t="s">
        <v>45</v>
      </c>
      <c r="HY6" s="334" t="s">
        <v>52</v>
      </c>
      <c r="HZ6" s="330" t="s">
        <v>43</v>
      </c>
      <c r="IA6" s="331" t="s">
        <v>44</v>
      </c>
      <c r="IB6" s="332" t="s">
        <v>45</v>
      </c>
      <c r="IC6" s="333" t="s">
        <v>46</v>
      </c>
      <c r="ID6" s="331" t="s">
        <v>47</v>
      </c>
      <c r="IE6" s="331" t="s">
        <v>48</v>
      </c>
      <c r="IF6" s="331" t="s">
        <v>49</v>
      </c>
      <c r="IG6" s="331" t="s">
        <v>50</v>
      </c>
      <c r="IH6" s="331" t="s">
        <v>51</v>
      </c>
      <c r="II6" s="332" t="s">
        <v>45</v>
      </c>
      <c r="IJ6" s="334" t="s">
        <v>52</v>
      </c>
      <c r="IK6" s="330" t="s">
        <v>43</v>
      </c>
      <c r="IL6" s="331" t="s">
        <v>44</v>
      </c>
      <c r="IM6" s="332" t="s">
        <v>45</v>
      </c>
      <c r="IN6" s="333" t="s">
        <v>46</v>
      </c>
      <c r="IO6" s="331" t="s">
        <v>47</v>
      </c>
      <c r="IP6" s="331" t="s">
        <v>48</v>
      </c>
      <c r="IQ6" s="331" t="s">
        <v>49</v>
      </c>
      <c r="IR6" s="331" t="s">
        <v>50</v>
      </c>
      <c r="IS6" s="331" t="s">
        <v>51</v>
      </c>
      <c r="IT6" s="332" t="s">
        <v>45</v>
      </c>
      <c r="IU6" s="334" t="s">
        <v>52</v>
      </c>
      <c r="IV6" s="330" t="s">
        <v>43</v>
      </c>
      <c r="IW6" s="331" t="s">
        <v>44</v>
      </c>
      <c r="IX6" s="332" t="s">
        <v>45</v>
      </c>
      <c r="IY6" s="333" t="s">
        <v>46</v>
      </c>
      <c r="IZ6" s="331" t="s">
        <v>47</v>
      </c>
      <c r="JA6" s="331" t="s">
        <v>48</v>
      </c>
      <c r="JB6" s="331" t="s">
        <v>49</v>
      </c>
      <c r="JC6" s="331" t="s">
        <v>50</v>
      </c>
      <c r="JD6" s="331" t="s">
        <v>51</v>
      </c>
      <c r="JE6" s="332" t="s">
        <v>45</v>
      </c>
      <c r="JF6" s="334" t="s">
        <v>52</v>
      </c>
      <c r="JG6" s="330" t="s">
        <v>43</v>
      </c>
      <c r="JH6" s="331" t="s">
        <v>44</v>
      </c>
      <c r="JI6" s="332" t="s">
        <v>45</v>
      </c>
      <c r="JJ6" s="333" t="s">
        <v>46</v>
      </c>
      <c r="JK6" s="331" t="s">
        <v>47</v>
      </c>
      <c r="JL6" s="331" t="s">
        <v>48</v>
      </c>
      <c r="JM6" s="331" t="s">
        <v>49</v>
      </c>
      <c r="JN6" s="331" t="s">
        <v>50</v>
      </c>
      <c r="JO6" s="331" t="s">
        <v>51</v>
      </c>
      <c r="JP6" s="332" t="s">
        <v>45</v>
      </c>
      <c r="JQ6" s="334" t="s">
        <v>52</v>
      </c>
      <c r="JR6" s="330" t="s">
        <v>43</v>
      </c>
      <c r="JS6" s="331" t="s">
        <v>44</v>
      </c>
      <c r="JT6" s="332" t="s">
        <v>45</v>
      </c>
      <c r="JU6" s="333" t="s">
        <v>46</v>
      </c>
      <c r="JV6" s="331" t="s">
        <v>47</v>
      </c>
      <c r="JW6" s="331" t="s">
        <v>48</v>
      </c>
      <c r="JX6" s="331" t="s">
        <v>49</v>
      </c>
      <c r="JY6" s="331" t="s">
        <v>50</v>
      </c>
      <c r="JZ6" s="331" t="s">
        <v>51</v>
      </c>
      <c r="KA6" s="332" t="s">
        <v>45</v>
      </c>
      <c r="KB6" s="334" t="s">
        <v>52</v>
      </c>
      <c r="KC6" s="330" t="s">
        <v>43</v>
      </c>
      <c r="KD6" s="331" t="s">
        <v>44</v>
      </c>
      <c r="KE6" s="332" t="s">
        <v>45</v>
      </c>
      <c r="KF6" s="333" t="s">
        <v>46</v>
      </c>
      <c r="KG6" s="331" t="s">
        <v>47</v>
      </c>
      <c r="KH6" s="331" t="s">
        <v>48</v>
      </c>
      <c r="KI6" s="331" t="s">
        <v>49</v>
      </c>
      <c r="KJ6" s="331" t="s">
        <v>50</v>
      </c>
      <c r="KK6" s="331" t="s">
        <v>51</v>
      </c>
      <c r="KL6" s="332" t="s">
        <v>45</v>
      </c>
      <c r="KM6" s="334" t="s">
        <v>52</v>
      </c>
    </row>
    <row r="7" spans="2:299" ht="21" customHeight="1" x14ac:dyDescent="0.2">
      <c r="B7" s="466" t="s">
        <v>4</v>
      </c>
      <c r="C7" s="290">
        <v>3400</v>
      </c>
      <c r="D7" s="68">
        <v>3265</v>
      </c>
      <c r="E7" s="69">
        <v>6665</v>
      </c>
      <c r="F7" s="227"/>
      <c r="G7" s="68">
        <v>4329</v>
      </c>
      <c r="H7" s="68">
        <v>4062</v>
      </c>
      <c r="I7" s="68">
        <v>2398</v>
      </c>
      <c r="J7" s="68">
        <v>1976</v>
      </c>
      <c r="K7" s="68">
        <v>1303</v>
      </c>
      <c r="L7" s="70">
        <v>14068</v>
      </c>
      <c r="M7" s="71">
        <v>20733</v>
      </c>
      <c r="N7" s="56">
        <v>113</v>
      </c>
      <c r="O7" s="57">
        <v>119</v>
      </c>
      <c r="P7" s="58">
        <v>232</v>
      </c>
      <c r="Q7" s="227"/>
      <c r="R7" s="57">
        <v>124</v>
      </c>
      <c r="S7" s="57">
        <v>131</v>
      </c>
      <c r="T7" s="57">
        <v>84</v>
      </c>
      <c r="U7" s="57">
        <v>88</v>
      </c>
      <c r="V7" s="57">
        <v>72</v>
      </c>
      <c r="W7" s="58">
        <v>499</v>
      </c>
      <c r="X7" s="59">
        <v>731</v>
      </c>
      <c r="Y7" s="56">
        <v>247</v>
      </c>
      <c r="Z7" s="57">
        <v>262</v>
      </c>
      <c r="AA7" s="58">
        <v>509</v>
      </c>
      <c r="AB7" s="227"/>
      <c r="AC7" s="57">
        <v>265</v>
      </c>
      <c r="AD7" s="57">
        <v>299</v>
      </c>
      <c r="AE7" s="57">
        <v>152</v>
      </c>
      <c r="AF7" s="57">
        <v>142</v>
      </c>
      <c r="AG7" s="57">
        <v>125</v>
      </c>
      <c r="AH7" s="58">
        <v>983</v>
      </c>
      <c r="AI7" s="59">
        <v>1492</v>
      </c>
      <c r="AJ7" s="56">
        <v>370</v>
      </c>
      <c r="AK7" s="57">
        <v>422</v>
      </c>
      <c r="AL7" s="58">
        <v>792</v>
      </c>
      <c r="AM7" s="227"/>
      <c r="AN7" s="57">
        <v>490</v>
      </c>
      <c r="AO7" s="57">
        <v>449</v>
      </c>
      <c r="AP7" s="57">
        <v>253</v>
      </c>
      <c r="AQ7" s="57">
        <v>232</v>
      </c>
      <c r="AR7" s="57">
        <v>178</v>
      </c>
      <c r="AS7" s="58">
        <v>1602</v>
      </c>
      <c r="AT7" s="59">
        <v>2394</v>
      </c>
      <c r="AU7" s="56">
        <v>780</v>
      </c>
      <c r="AV7" s="57">
        <v>730</v>
      </c>
      <c r="AW7" s="58">
        <v>1510</v>
      </c>
      <c r="AX7" s="227"/>
      <c r="AY7" s="57">
        <v>1009</v>
      </c>
      <c r="AZ7" s="57">
        <v>832</v>
      </c>
      <c r="BA7" s="57">
        <v>471</v>
      </c>
      <c r="BB7" s="57">
        <v>384</v>
      </c>
      <c r="BC7" s="57">
        <v>260</v>
      </c>
      <c r="BD7" s="58">
        <v>2956</v>
      </c>
      <c r="BE7" s="59">
        <v>4466</v>
      </c>
      <c r="BF7" s="56">
        <v>1083</v>
      </c>
      <c r="BG7" s="57">
        <v>898</v>
      </c>
      <c r="BH7" s="58">
        <v>1981</v>
      </c>
      <c r="BI7" s="227"/>
      <c r="BJ7" s="57">
        <v>1307</v>
      </c>
      <c r="BK7" s="57">
        <v>1146</v>
      </c>
      <c r="BL7" s="57">
        <v>658</v>
      </c>
      <c r="BM7" s="57">
        <v>523</v>
      </c>
      <c r="BN7" s="57">
        <v>323</v>
      </c>
      <c r="BO7" s="58">
        <v>3957</v>
      </c>
      <c r="BP7" s="59">
        <v>5938</v>
      </c>
      <c r="BQ7" s="56">
        <v>807</v>
      </c>
      <c r="BR7" s="57">
        <v>834</v>
      </c>
      <c r="BS7" s="58">
        <v>1641</v>
      </c>
      <c r="BT7" s="227"/>
      <c r="BU7" s="57">
        <v>1134</v>
      </c>
      <c r="BV7" s="57">
        <v>1205</v>
      </c>
      <c r="BW7" s="57">
        <v>780</v>
      </c>
      <c r="BX7" s="57">
        <v>607</v>
      </c>
      <c r="BY7" s="57">
        <v>345</v>
      </c>
      <c r="BZ7" s="58">
        <v>4071</v>
      </c>
      <c r="CA7" s="59">
        <v>5712</v>
      </c>
      <c r="CB7" s="56">
        <v>0</v>
      </c>
      <c r="CC7" s="57">
        <v>0</v>
      </c>
      <c r="CD7" s="58">
        <v>0</v>
      </c>
      <c r="CE7" s="227"/>
      <c r="CF7" s="57">
        <v>0</v>
      </c>
      <c r="CG7" s="57">
        <v>0</v>
      </c>
      <c r="CH7" s="57">
        <v>0</v>
      </c>
      <c r="CI7" s="57">
        <v>0</v>
      </c>
      <c r="CJ7" s="57">
        <v>0</v>
      </c>
      <c r="CK7" s="58">
        <v>0</v>
      </c>
      <c r="CL7" s="59">
        <v>0</v>
      </c>
      <c r="CM7" s="56">
        <v>3400</v>
      </c>
      <c r="CN7" s="57">
        <v>3265</v>
      </c>
      <c r="CO7" s="58">
        <v>6665</v>
      </c>
      <c r="CP7" s="227"/>
      <c r="CQ7" s="57">
        <v>4329</v>
      </c>
      <c r="CR7" s="57">
        <v>4062</v>
      </c>
      <c r="CS7" s="57">
        <v>2398</v>
      </c>
      <c r="CT7" s="57">
        <v>1976</v>
      </c>
      <c r="CU7" s="57">
        <v>1303</v>
      </c>
      <c r="CV7" s="58">
        <v>14068</v>
      </c>
      <c r="CW7" s="59">
        <v>20733</v>
      </c>
      <c r="CX7" s="112">
        <v>1216</v>
      </c>
      <c r="CY7" s="68">
        <v>1392</v>
      </c>
      <c r="CZ7" s="69">
        <v>2608</v>
      </c>
      <c r="DA7" s="227"/>
      <c r="DB7" s="68">
        <v>1791</v>
      </c>
      <c r="DC7" s="68">
        <v>1598</v>
      </c>
      <c r="DD7" s="68">
        <v>1097</v>
      </c>
      <c r="DE7" s="68">
        <v>1073</v>
      </c>
      <c r="DF7" s="68">
        <v>698</v>
      </c>
      <c r="DG7" s="70">
        <v>6257</v>
      </c>
      <c r="DH7" s="71">
        <v>8865</v>
      </c>
      <c r="DI7" s="56">
        <v>32</v>
      </c>
      <c r="DJ7" s="57">
        <v>36</v>
      </c>
      <c r="DK7" s="58">
        <v>68</v>
      </c>
      <c r="DL7" s="227"/>
      <c r="DM7" s="57">
        <v>25</v>
      </c>
      <c r="DN7" s="57">
        <v>27</v>
      </c>
      <c r="DO7" s="57">
        <v>21</v>
      </c>
      <c r="DP7" s="57">
        <v>15</v>
      </c>
      <c r="DQ7" s="57">
        <v>11</v>
      </c>
      <c r="DR7" s="58">
        <v>99</v>
      </c>
      <c r="DS7" s="59">
        <v>167</v>
      </c>
      <c r="DT7" s="56">
        <v>97</v>
      </c>
      <c r="DU7" s="57">
        <v>92</v>
      </c>
      <c r="DV7" s="58">
        <v>189</v>
      </c>
      <c r="DW7" s="227"/>
      <c r="DX7" s="57">
        <v>75</v>
      </c>
      <c r="DY7" s="57">
        <v>68</v>
      </c>
      <c r="DZ7" s="57">
        <v>46</v>
      </c>
      <c r="EA7" s="57">
        <v>31</v>
      </c>
      <c r="EB7" s="57">
        <v>31</v>
      </c>
      <c r="EC7" s="58">
        <v>251</v>
      </c>
      <c r="ED7" s="59">
        <v>440</v>
      </c>
      <c r="EE7" s="56">
        <v>165</v>
      </c>
      <c r="EF7" s="57">
        <v>197</v>
      </c>
      <c r="EG7" s="58">
        <v>362</v>
      </c>
      <c r="EH7" s="227"/>
      <c r="EI7" s="57">
        <v>201</v>
      </c>
      <c r="EJ7" s="57">
        <v>157</v>
      </c>
      <c r="EK7" s="57">
        <v>72</v>
      </c>
      <c r="EL7" s="57">
        <v>73</v>
      </c>
      <c r="EM7" s="57">
        <v>69</v>
      </c>
      <c r="EN7" s="58">
        <v>572</v>
      </c>
      <c r="EO7" s="59">
        <v>934</v>
      </c>
      <c r="EP7" s="56">
        <v>359</v>
      </c>
      <c r="EQ7" s="57">
        <v>327</v>
      </c>
      <c r="ER7" s="58">
        <v>686</v>
      </c>
      <c r="ES7" s="227"/>
      <c r="ET7" s="57">
        <v>344</v>
      </c>
      <c r="EU7" s="57">
        <v>292</v>
      </c>
      <c r="EV7" s="57">
        <v>174</v>
      </c>
      <c r="EW7" s="57">
        <v>137</v>
      </c>
      <c r="EX7" s="57">
        <v>90</v>
      </c>
      <c r="EY7" s="58">
        <v>1037</v>
      </c>
      <c r="EZ7" s="59">
        <v>1723</v>
      </c>
      <c r="FA7" s="56">
        <v>329</v>
      </c>
      <c r="FB7" s="57">
        <v>433</v>
      </c>
      <c r="FC7" s="58">
        <v>762</v>
      </c>
      <c r="FD7" s="227"/>
      <c r="FE7" s="57">
        <v>551</v>
      </c>
      <c r="FF7" s="57">
        <v>447</v>
      </c>
      <c r="FG7" s="57">
        <v>284</v>
      </c>
      <c r="FH7" s="57">
        <v>265</v>
      </c>
      <c r="FI7" s="57">
        <v>175</v>
      </c>
      <c r="FJ7" s="58">
        <v>1722</v>
      </c>
      <c r="FK7" s="59">
        <v>2484</v>
      </c>
      <c r="FL7" s="56">
        <v>234</v>
      </c>
      <c r="FM7" s="57">
        <v>307</v>
      </c>
      <c r="FN7" s="58">
        <v>541</v>
      </c>
      <c r="FO7" s="227"/>
      <c r="FP7" s="57">
        <v>595</v>
      </c>
      <c r="FQ7" s="57">
        <v>607</v>
      </c>
      <c r="FR7" s="57">
        <v>500</v>
      </c>
      <c r="FS7" s="57">
        <v>552</v>
      </c>
      <c r="FT7" s="57">
        <v>322</v>
      </c>
      <c r="FU7" s="58">
        <v>2576</v>
      </c>
      <c r="FV7" s="59">
        <v>3117</v>
      </c>
      <c r="FW7" s="56">
        <v>0</v>
      </c>
      <c r="FX7" s="57">
        <v>0</v>
      </c>
      <c r="FY7" s="58">
        <v>0</v>
      </c>
      <c r="FZ7" s="227"/>
      <c r="GA7" s="57">
        <v>0</v>
      </c>
      <c r="GB7" s="57">
        <v>0</v>
      </c>
      <c r="GC7" s="57">
        <v>0</v>
      </c>
      <c r="GD7" s="57">
        <v>0</v>
      </c>
      <c r="GE7" s="57">
        <v>0</v>
      </c>
      <c r="GF7" s="58">
        <v>0</v>
      </c>
      <c r="GG7" s="59">
        <v>0</v>
      </c>
      <c r="GH7" s="56">
        <v>1216</v>
      </c>
      <c r="GI7" s="57">
        <v>1392</v>
      </c>
      <c r="GJ7" s="58">
        <v>2608</v>
      </c>
      <c r="GK7" s="227"/>
      <c r="GL7" s="57">
        <v>1791</v>
      </c>
      <c r="GM7" s="57">
        <v>1598</v>
      </c>
      <c r="GN7" s="57">
        <v>1097</v>
      </c>
      <c r="GO7" s="57">
        <v>1073</v>
      </c>
      <c r="GP7" s="57">
        <v>698</v>
      </c>
      <c r="GQ7" s="58">
        <v>6257</v>
      </c>
      <c r="GR7" s="59">
        <v>8865</v>
      </c>
      <c r="GS7" s="112">
        <v>4616</v>
      </c>
      <c r="GT7" s="68">
        <v>4657</v>
      </c>
      <c r="GU7" s="69">
        <v>9273</v>
      </c>
      <c r="GV7" s="227"/>
      <c r="GW7" s="68">
        <v>6120</v>
      </c>
      <c r="GX7" s="68">
        <v>5660</v>
      </c>
      <c r="GY7" s="68">
        <v>3495</v>
      </c>
      <c r="GZ7" s="68">
        <v>3049</v>
      </c>
      <c r="HA7" s="68">
        <v>2001</v>
      </c>
      <c r="HB7" s="70">
        <v>20325</v>
      </c>
      <c r="HC7" s="71">
        <v>29598</v>
      </c>
      <c r="HD7" s="56">
        <v>145</v>
      </c>
      <c r="HE7" s="57">
        <v>155</v>
      </c>
      <c r="HF7" s="58">
        <v>300</v>
      </c>
      <c r="HG7" s="227"/>
      <c r="HH7" s="57">
        <v>149</v>
      </c>
      <c r="HI7" s="57">
        <v>158</v>
      </c>
      <c r="HJ7" s="57">
        <v>105</v>
      </c>
      <c r="HK7" s="57">
        <v>103</v>
      </c>
      <c r="HL7" s="57">
        <v>83</v>
      </c>
      <c r="HM7" s="58">
        <v>598</v>
      </c>
      <c r="HN7" s="59">
        <v>898</v>
      </c>
      <c r="HO7" s="56">
        <v>344</v>
      </c>
      <c r="HP7" s="57">
        <v>354</v>
      </c>
      <c r="HQ7" s="58">
        <v>698</v>
      </c>
      <c r="HR7" s="227"/>
      <c r="HS7" s="57">
        <v>340</v>
      </c>
      <c r="HT7" s="57">
        <v>367</v>
      </c>
      <c r="HU7" s="57">
        <v>198</v>
      </c>
      <c r="HV7" s="57">
        <v>173</v>
      </c>
      <c r="HW7" s="57">
        <v>156</v>
      </c>
      <c r="HX7" s="58">
        <v>1234</v>
      </c>
      <c r="HY7" s="59">
        <v>1932</v>
      </c>
      <c r="HZ7" s="56">
        <v>535</v>
      </c>
      <c r="IA7" s="57">
        <v>619</v>
      </c>
      <c r="IB7" s="58">
        <v>1154</v>
      </c>
      <c r="IC7" s="227"/>
      <c r="ID7" s="57">
        <v>691</v>
      </c>
      <c r="IE7" s="57">
        <v>606</v>
      </c>
      <c r="IF7" s="57">
        <v>325</v>
      </c>
      <c r="IG7" s="57">
        <v>305</v>
      </c>
      <c r="IH7" s="57">
        <v>247</v>
      </c>
      <c r="II7" s="58">
        <v>2174</v>
      </c>
      <c r="IJ7" s="59">
        <v>3328</v>
      </c>
      <c r="IK7" s="56">
        <v>1139</v>
      </c>
      <c r="IL7" s="57">
        <v>1057</v>
      </c>
      <c r="IM7" s="58">
        <v>2196</v>
      </c>
      <c r="IN7" s="227"/>
      <c r="IO7" s="57">
        <v>1353</v>
      </c>
      <c r="IP7" s="57">
        <v>1124</v>
      </c>
      <c r="IQ7" s="57">
        <v>645</v>
      </c>
      <c r="IR7" s="57">
        <v>521</v>
      </c>
      <c r="IS7" s="57">
        <v>350</v>
      </c>
      <c r="IT7" s="58">
        <v>3993</v>
      </c>
      <c r="IU7" s="59">
        <v>6189</v>
      </c>
      <c r="IV7" s="56">
        <v>1412</v>
      </c>
      <c r="IW7" s="57">
        <v>1331</v>
      </c>
      <c r="IX7" s="58">
        <v>2743</v>
      </c>
      <c r="IY7" s="227"/>
      <c r="IZ7" s="57">
        <v>1858</v>
      </c>
      <c r="JA7" s="57">
        <v>1593</v>
      </c>
      <c r="JB7" s="57">
        <v>942</v>
      </c>
      <c r="JC7" s="57">
        <v>788</v>
      </c>
      <c r="JD7" s="57">
        <v>498</v>
      </c>
      <c r="JE7" s="58">
        <v>5679</v>
      </c>
      <c r="JF7" s="59">
        <v>8422</v>
      </c>
      <c r="JG7" s="56">
        <v>1041</v>
      </c>
      <c r="JH7" s="57">
        <v>1141</v>
      </c>
      <c r="JI7" s="58">
        <v>2182</v>
      </c>
      <c r="JJ7" s="227"/>
      <c r="JK7" s="57">
        <v>1729</v>
      </c>
      <c r="JL7" s="57">
        <v>1812</v>
      </c>
      <c r="JM7" s="57">
        <v>1280</v>
      </c>
      <c r="JN7" s="57">
        <v>1159</v>
      </c>
      <c r="JO7" s="57">
        <v>667</v>
      </c>
      <c r="JP7" s="58">
        <v>6647</v>
      </c>
      <c r="JQ7" s="59">
        <v>8829</v>
      </c>
      <c r="JR7" s="56">
        <v>0</v>
      </c>
      <c r="JS7" s="57">
        <v>0</v>
      </c>
      <c r="JT7" s="58">
        <v>0</v>
      </c>
      <c r="JU7" s="227"/>
      <c r="JV7" s="57">
        <v>0</v>
      </c>
      <c r="JW7" s="57">
        <v>0</v>
      </c>
      <c r="JX7" s="57">
        <v>0</v>
      </c>
      <c r="JY7" s="57">
        <v>0</v>
      </c>
      <c r="JZ7" s="57">
        <v>0</v>
      </c>
      <c r="KA7" s="58">
        <v>0</v>
      </c>
      <c r="KB7" s="59">
        <v>0</v>
      </c>
      <c r="KC7" s="56">
        <v>4616</v>
      </c>
      <c r="KD7" s="57">
        <v>4657</v>
      </c>
      <c r="KE7" s="58">
        <v>9273</v>
      </c>
      <c r="KF7" s="227"/>
      <c r="KG7" s="57">
        <v>6120</v>
      </c>
      <c r="KH7" s="57">
        <v>5660</v>
      </c>
      <c r="KI7" s="57">
        <v>3495</v>
      </c>
      <c r="KJ7" s="57">
        <v>3049</v>
      </c>
      <c r="KK7" s="57">
        <v>2001</v>
      </c>
      <c r="KL7" s="58">
        <v>20325</v>
      </c>
      <c r="KM7" s="59">
        <v>29598</v>
      </c>
    </row>
    <row r="8" spans="2:299" ht="21" customHeight="1" x14ac:dyDescent="0.2">
      <c r="B8" s="467" t="s">
        <v>5</v>
      </c>
      <c r="C8" s="291">
        <v>1505</v>
      </c>
      <c r="D8" s="72">
        <v>1642</v>
      </c>
      <c r="E8" s="73">
        <v>3147</v>
      </c>
      <c r="F8" s="228"/>
      <c r="G8" s="72">
        <v>1596</v>
      </c>
      <c r="H8" s="72">
        <v>1972</v>
      </c>
      <c r="I8" s="72">
        <v>1096</v>
      </c>
      <c r="J8" s="72">
        <v>885</v>
      </c>
      <c r="K8" s="72">
        <v>575</v>
      </c>
      <c r="L8" s="74">
        <v>6124</v>
      </c>
      <c r="M8" s="75">
        <v>9271</v>
      </c>
      <c r="N8" s="60">
        <v>49</v>
      </c>
      <c r="O8" s="61">
        <v>49</v>
      </c>
      <c r="P8" s="62">
        <v>98</v>
      </c>
      <c r="Q8" s="228"/>
      <c r="R8" s="61">
        <v>43</v>
      </c>
      <c r="S8" s="61">
        <v>59</v>
      </c>
      <c r="T8" s="61">
        <v>42</v>
      </c>
      <c r="U8" s="61">
        <v>40</v>
      </c>
      <c r="V8" s="61">
        <v>26</v>
      </c>
      <c r="W8" s="62">
        <v>210</v>
      </c>
      <c r="X8" s="63">
        <v>308</v>
      </c>
      <c r="Y8" s="60">
        <v>98</v>
      </c>
      <c r="Z8" s="61">
        <v>131</v>
      </c>
      <c r="AA8" s="62">
        <v>229</v>
      </c>
      <c r="AB8" s="228"/>
      <c r="AC8" s="61">
        <v>75</v>
      </c>
      <c r="AD8" s="61">
        <v>128</v>
      </c>
      <c r="AE8" s="61">
        <v>59</v>
      </c>
      <c r="AF8" s="61">
        <v>65</v>
      </c>
      <c r="AG8" s="61">
        <v>49</v>
      </c>
      <c r="AH8" s="62">
        <v>376</v>
      </c>
      <c r="AI8" s="63">
        <v>605</v>
      </c>
      <c r="AJ8" s="60">
        <v>150</v>
      </c>
      <c r="AK8" s="61">
        <v>214</v>
      </c>
      <c r="AL8" s="62">
        <v>364</v>
      </c>
      <c r="AM8" s="228"/>
      <c r="AN8" s="61">
        <v>168</v>
      </c>
      <c r="AO8" s="61">
        <v>196</v>
      </c>
      <c r="AP8" s="61">
        <v>109</v>
      </c>
      <c r="AQ8" s="61">
        <v>101</v>
      </c>
      <c r="AR8" s="61">
        <v>75</v>
      </c>
      <c r="AS8" s="62">
        <v>649</v>
      </c>
      <c r="AT8" s="63">
        <v>1013</v>
      </c>
      <c r="AU8" s="60">
        <v>355</v>
      </c>
      <c r="AV8" s="61">
        <v>365</v>
      </c>
      <c r="AW8" s="62">
        <v>720</v>
      </c>
      <c r="AX8" s="228"/>
      <c r="AY8" s="61">
        <v>333</v>
      </c>
      <c r="AZ8" s="61">
        <v>402</v>
      </c>
      <c r="BA8" s="61">
        <v>217</v>
      </c>
      <c r="BB8" s="61">
        <v>176</v>
      </c>
      <c r="BC8" s="61">
        <v>106</v>
      </c>
      <c r="BD8" s="62">
        <v>1234</v>
      </c>
      <c r="BE8" s="63">
        <v>1954</v>
      </c>
      <c r="BF8" s="60">
        <v>502</v>
      </c>
      <c r="BG8" s="61">
        <v>471</v>
      </c>
      <c r="BH8" s="62">
        <v>973</v>
      </c>
      <c r="BI8" s="228"/>
      <c r="BJ8" s="61">
        <v>542</v>
      </c>
      <c r="BK8" s="61">
        <v>566</v>
      </c>
      <c r="BL8" s="61">
        <v>301</v>
      </c>
      <c r="BM8" s="61">
        <v>235</v>
      </c>
      <c r="BN8" s="61">
        <v>145</v>
      </c>
      <c r="BO8" s="62">
        <v>1789</v>
      </c>
      <c r="BP8" s="63">
        <v>2762</v>
      </c>
      <c r="BQ8" s="60">
        <v>351</v>
      </c>
      <c r="BR8" s="61">
        <v>412</v>
      </c>
      <c r="BS8" s="62">
        <v>763</v>
      </c>
      <c r="BT8" s="228"/>
      <c r="BU8" s="61">
        <v>435</v>
      </c>
      <c r="BV8" s="61">
        <v>621</v>
      </c>
      <c r="BW8" s="61">
        <v>368</v>
      </c>
      <c r="BX8" s="61">
        <v>268</v>
      </c>
      <c r="BY8" s="61">
        <v>174</v>
      </c>
      <c r="BZ8" s="62">
        <v>1866</v>
      </c>
      <c r="CA8" s="63">
        <v>2629</v>
      </c>
      <c r="CB8" s="60">
        <v>0</v>
      </c>
      <c r="CC8" s="61">
        <v>0</v>
      </c>
      <c r="CD8" s="62">
        <v>0</v>
      </c>
      <c r="CE8" s="228"/>
      <c r="CF8" s="61">
        <v>0</v>
      </c>
      <c r="CG8" s="61">
        <v>0</v>
      </c>
      <c r="CH8" s="61">
        <v>0</v>
      </c>
      <c r="CI8" s="61">
        <v>0</v>
      </c>
      <c r="CJ8" s="61">
        <v>0</v>
      </c>
      <c r="CK8" s="62">
        <v>0</v>
      </c>
      <c r="CL8" s="63">
        <v>0</v>
      </c>
      <c r="CM8" s="60">
        <v>1505</v>
      </c>
      <c r="CN8" s="61">
        <v>1642</v>
      </c>
      <c r="CO8" s="62">
        <v>3147</v>
      </c>
      <c r="CP8" s="228"/>
      <c r="CQ8" s="61">
        <v>1596</v>
      </c>
      <c r="CR8" s="61">
        <v>1972</v>
      </c>
      <c r="CS8" s="61">
        <v>1096</v>
      </c>
      <c r="CT8" s="61">
        <v>885</v>
      </c>
      <c r="CU8" s="61">
        <v>575</v>
      </c>
      <c r="CV8" s="62">
        <v>6124</v>
      </c>
      <c r="CW8" s="63">
        <v>9271</v>
      </c>
      <c r="CX8" s="113">
        <v>471</v>
      </c>
      <c r="CY8" s="72">
        <v>640</v>
      </c>
      <c r="CZ8" s="73">
        <v>1111</v>
      </c>
      <c r="DA8" s="228"/>
      <c r="DB8" s="72">
        <v>654</v>
      </c>
      <c r="DC8" s="72">
        <v>754</v>
      </c>
      <c r="DD8" s="72">
        <v>476</v>
      </c>
      <c r="DE8" s="72">
        <v>477</v>
      </c>
      <c r="DF8" s="72">
        <v>306</v>
      </c>
      <c r="DG8" s="74">
        <v>2667</v>
      </c>
      <c r="DH8" s="75">
        <v>3778</v>
      </c>
      <c r="DI8" s="60">
        <v>12</v>
      </c>
      <c r="DJ8" s="61">
        <v>15</v>
      </c>
      <c r="DK8" s="62">
        <v>27</v>
      </c>
      <c r="DL8" s="228"/>
      <c r="DM8" s="61">
        <v>8</v>
      </c>
      <c r="DN8" s="61">
        <v>12</v>
      </c>
      <c r="DO8" s="61">
        <v>7</v>
      </c>
      <c r="DP8" s="61">
        <v>9</v>
      </c>
      <c r="DQ8" s="61">
        <v>6</v>
      </c>
      <c r="DR8" s="62">
        <v>42</v>
      </c>
      <c r="DS8" s="63">
        <v>69</v>
      </c>
      <c r="DT8" s="60">
        <v>42</v>
      </c>
      <c r="DU8" s="61">
        <v>43</v>
      </c>
      <c r="DV8" s="62">
        <v>85</v>
      </c>
      <c r="DW8" s="228"/>
      <c r="DX8" s="61">
        <v>14</v>
      </c>
      <c r="DY8" s="61">
        <v>32</v>
      </c>
      <c r="DZ8" s="61">
        <v>20</v>
      </c>
      <c r="EA8" s="61">
        <v>15</v>
      </c>
      <c r="EB8" s="61">
        <v>14</v>
      </c>
      <c r="EC8" s="62">
        <v>95</v>
      </c>
      <c r="ED8" s="63">
        <v>180</v>
      </c>
      <c r="EE8" s="60">
        <v>52</v>
      </c>
      <c r="EF8" s="61">
        <v>91</v>
      </c>
      <c r="EG8" s="62">
        <v>143</v>
      </c>
      <c r="EH8" s="228"/>
      <c r="EI8" s="61">
        <v>76</v>
      </c>
      <c r="EJ8" s="61">
        <v>81</v>
      </c>
      <c r="EK8" s="61">
        <v>34</v>
      </c>
      <c r="EL8" s="61">
        <v>34</v>
      </c>
      <c r="EM8" s="61">
        <v>32</v>
      </c>
      <c r="EN8" s="62">
        <v>257</v>
      </c>
      <c r="EO8" s="63">
        <v>400</v>
      </c>
      <c r="EP8" s="60">
        <v>143</v>
      </c>
      <c r="EQ8" s="61">
        <v>156</v>
      </c>
      <c r="ER8" s="62">
        <v>299</v>
      </c>
      <c r="ES8" s="228"/>
      <c r="ET8" s="61">
        <v>135</v>
      </c>
      <c r="EU8" s="61">
        <v>126</v>
      </c>
      <c r="EV8" s="61">
        <v>70</v>
      </c>
      <c r="EW8" s="61">
        <v>63</v>
      </c>
      <c r="EX8" s="61">
        <v>30</v>
      </c>
      <c r="EY8" s="62">
        <v>424</v>
      </c>
      <c r="EZ8" s="63">
        <v>723</v>
      </c>
      <c r="FA8" s="60">
        <v>125</v>
      </c>
      <c r="FB8" s="61">
        <v>204</v>
      </c>
      <c r="FC8" s="62">
        <v>329</v>
      </c>
      <c r="FD8" s="228"/>
      <c r="FE8" s="61">
        <v>210</v>
      </c>
      <c r="FF8" s="61">
        <v>222</v>
      </c>
      <c r="FG8" s="61">
        <v>122</v>
      </c>
      <c r="FH8" s="61">
        <v>125</v>
      </c>
      <c r="FI8" s="61">
        <v>70</v>
      </c>
      <c r="FJ8" s="62">
        <v>749</v>
      </c>
      <c r="FK8" s="63">
        <v>1078</v>
      </c>
      <c r="FL8" s="60">
        <v>97</v>
      </c>
      <c r="FM8" s="61">
        <v>131</v>
      </c>
      <c r="FN8" s="62">
        <v>228</v>
      </c>
      <c r="FO8" s="228"/>
      <c r="FP8" s="61">
        <v>211</v>
      </c>
      <c r="FQ8" s="61">
        <v>281</v>
      </c>
      <c r="FR8" s="61">
        <v>223</v>
      </c>
      <c r="FS8" s="61">
        <v>231</v>
      </c>
      <c r="FT8" s="61">
        <v>154</v>
      </c>
      <c r="FU8" s="62">
        <v>1100</v>
      </c>
      <c r="FV8" s="63">
        <v>1328</v>
      </c>
      <c r="FW8" s="60">
        <v>0</v>
      </c>
      <c r="FX8" s="61">
        <v>0</v>
      </c>
      <c r="FY8" s="62">
        <v>0</v>
      </c>
      <c r="FZ8" s="228"/>
      <c r="GA8" s="61">
        <v>0</v>
      </c>
      <c r="GB8" s="61">
        <v>0</v>
      </c>
      <c r="GC8" s="61">
        <v>0</v>
      </c>
      <c r="GD8" s="61">
        <v>0</v>
      </c>
      <c r="GE8" s="61">
        <v>0</v>
      </c>
      <c r="GF8" s="62">
        <v>0</v>
      </c>
      <c r="GG8" s="63">
        <v>0</v>
      </c>
      <c r="GH8" s="60">
        <v>471</v>
      </c>
      <c r="GI8" s="61">
        <v>640</v>
      </c>
      <c r="GJ8" s="62">
        <v>1111</v>
      </c>
      <c r="GK8" s="228"/>
      <c r="GL8" s="61">
        <v>654</v>
      </c>
      <c r="GM8" s="61">
        <v>754</v>
      </c>
      <c r="GN8" s="61">
        <v>476</v>
      </c>
      <c r="GO8" s="61">
        <v>477</v>
      </c>
      <c r="GP8" s="61">
        <v>306</v>
      </c>
      <c r="GQ8" s="62">
        <v>2667</v>
      </c>
      <c r="GR8" s="63">
        <v>3778</v>
      </c>
      <c r="GS8" s="113">
        <v>1976</v>
      </c>
      <c r="GT8" s="72">
        <v>2282</v>
      </c>
      <c r="GU8" s="73">
        <v>4258</v>
      </c>
      <c r="GV8" s="228"/>
      <c r="GW8" s="72">
        <v>2250</v>
      </c>
      <c r="GX8" s="72">
        <v>2726</v>
      </c>
      <c r="GY8" s="72">
        <v>1572</v>
      </c>
      <c r="GZ8" s="72">
        <v>1362</v>
      </c>
      <c r="HA8" s="72">
        <v>881</v>
      </c>
      <c r="HB8" s="74">
        <v>8791</v>
      </c>
      <c r="HC8" s="75">
        <v>13049</v>
      </c>
      <c r="HD8" s="60">
        <v>61</v>
      </c>
      <c r="HE8" s="61">
        <v>64</v>
      </c>
      <c r="HF8" s="62">
        <v>125</v>
      </c>
      <c r="HG8" s="228"/>
      <c r="HH8" s="61">
        <v>51</v>
      </c>
      <c r="HI8" s="61">
        <v>71</v>
      </c>
      <c r="HJ8" s="61">
        <v>49</v>
      </c>
      <c r="HK8" s="61">
        <v>49</v>
      </c>
      <c r="HL8" s="61">
        <v>32</v>
      </c>
      <c r="HM8" s="62">
        <v>252</v>
      </c>
      <c r="HN8" s="63">
        <v>377</v>
      </c>
      <c r="HO8" s="60">
        <v>140</v>
      </c>
      <c r="HP8" s="61">
        <v>174</v>
      </c>
      <c r="HQ8" s="62">
        <v>314</v>
      </c>
      <c r="HR8" s="228"/>
      <c r="HS8" s="61">
        <v>89</v>
      </c>
      <c r="HT8" s="61">
        <v>160</v>
      </c>
      <c r="HU8" s="61">
        <v>79</v>
      </c>
      <c r="HV8" s="61">
        <v>80</v>
      </c>
      <c r="HW8" s="61">
        <v>63</v>
      </c>
      <c r="HX8" s="62">
        <v>471</v>
      </c>
      <c r="HY8" s="63">
        <v>785</v>
      </c>
      <c r="HZ8" s="60">
        <v>202</v>
      </c>
      <c r="IA8" s="61">
        <v>305</v>
      </c>
      <c r="IB8" s="62">
        <v>507</v>
      </c>
      <c r="IC8" s="228"/>
      <c r="ID8" s="61">
        <v>244</v>
      </c>
      <c r="IE8" s="61">
        <v>277</v>
      </c>
      <c r="IF8" s="61">
        <v>143</v>
      </c>
      <c r="IG8" s="61">
        <v>135</v>
      </c>
      <c r="IH8" s="61">
        <v>107</v>
      </c>
      <c r="II8" s="62">
        <v>906</v>
      </c>
      <c r="IJ8" s="63">
        <v>1413</v>
      </c>
      <c r="IK8" s="60">
        <v>498</v>
      </c>
      <c r="IL8" s="61">
        <v>521</v>
      </c>
      <c r="IM8" s="62">
        <v>1019</v>
      </c>
      <c r="IN8" s="228"/>
      <c r="IO8" s="61">
        <v>468</v>
      </c>
      <c r="IP8" s="61">
        <v>528</v>
      </c>
      <c r="IQ8" s="61">
        <v>287</v>
      </c>
      <c r="IR8" s="61">
        <v>239</v>
      </c>
      <c r="IS8" s="61">
        <v>136</v>
      </c>
      <c r="IT8" s="62">
        <v>1658</v>
      </c>
      <c r="IU8" s="63">
        <v>2677</v>
      </c>
      <c r="IV8" s="60">
        <v>627</v>
      </c>
      <c r="IW8" s="61">
        <v>675</v>
      </c>
      <c r="IX8" s="62">
        <v>1302</v>
      </c>
      <c r="IY8" s="228"/>
      <c r="IZ8" s="61">
        <v>752</v>
      </c>
      <c r="JA8" s="61">
        <v>788</v>
      </c>
      <c r="JB8" s="61">
        <v>423</v>
      </c>
      <c r="JC8" s="61">
        <v>360</v>
      </c>
      <c r="JD8" s="61">
        <v>215</v>
      </c>
      <c r="JE8" s="62">
        <v>2538</v>
      </c>
      <c r="JF8" s="63">
        <v>3840</v>
      </c>
      <c r="JG8" s="60">
        <v>448</v>
      </c>
      <c r="JH8" s="61">
        <v>543</v>
      </c>
      <c r="JI8" s="62">
        <v>991</v>
      </c>
      <c r="JJ8" s="228"/>
      <c r="JK8" s="61">
        <v>646</v>
      </c>
      <c r="JL8" s="61">
        <v>902</v>
      </c>
      <c r="JM8" s="61">
        <v>591</v>
      </c>
      <c r="JN8" s="61">
        <v>499</v>
      </c>
      <c r="JO8" s="61">
        <v>328</v>
      </c>
      <c r="JP8" s="62">
        <v>2966</v>
      </c>
      <c r="JQ8" s="63">
        <v>3957</v>
      </c>
      <c r="JR8" s="60">
        <v>0</v>
      </c>
      <c r="JS8" s="61">
        <v>0</v>
      </c>
      <c r="JT8" s="62">
        <v>0</v>
      </c>
      <c r="JU8" s="228"/>
      <c r="JV8" s="61">
        <v>0</v>
      </c>
      <c r="JW8" s="61">
        <v>0</v>
      </c>
      <c r="JX8" s="61">
        <v>0</v>
      </c>
      <c r="JY8" s="61">
        <v>0</v>
      </c>
      <c r="JZ8" s="61">
        <v>0</v>
      </c>
      <c r="KA8" s="62">
        <v>0</v>
      </c>
      <c r="KB8" s="63">
        <v>0</v>
      </c>
      <c r="KC8" s="60">
        <v>1976</v>
      </c>
      <c r="KD8" s="61">
        <v>2282</v>
      </c>
      <c r="KE8" s="62">
        <v>4258</v>
      </c>
      <c r="KF8" s="228"/>
      <c r="KG8" s="61">
        <v>2250</v>
      </c>
      <c r="KH8" s="61">
        <v>2726</v>
      </c>
      <c r="KI8" s="61">
        <v>1572</v>
      </c>
      <c r="KJ8" s="61">
        <v>1362</v>
      </c>
      <c r="KK8" s="61">
        <v>881</v>
      </c>
      <c r="KL8" s="62">
        <v>8791</v>
      </c>
      <c r="KM8" s="63">
        <v>13049</v>
      </c>
    </row>
    <row r="9" spans="2:299" ht="21" customHeight="1" x14ac:dyDescent="0.2">
      <c r="B9" s="468" t="s">
        <v>6</v>
      </c>
      <c r="C9" s="291">
        <v>438</v>
      </c>
      <c r="D9" s="72">
        <v>411</v>
      </c>
      <c r="E9" s="73">
        <v>849</v>
      </c>
      <c r="F9" s="228"/>
      <c r="G9" s="72">
        <v>761</v>
      </c>
      <c r="H9" s="72">
        <v>583</v>
      </c>
      <c r="I9" s="72">
        <v>356</v>
      </c>
      <c r="J9" s="72">
        <v>303</v>
      </c>
      <c r="K9" s="72">
        <v>215</v>
      </c>
      <c r="L9" s="74">
        <v>2218</v>
      </c>
      <c r="M9" s="75">
        <v>3067</v>
      </c>
      <c r="N9" s="60">
        <v>26</v>
      </c>
      <c r="O9" s="61">
        <v>20</v>
      </c>
      <c r="P9" s="62">
        <v>46</v>
      </c>
      <c r="Q9" s="228"/>
      <c r="R9" s="61">
        <v>24</v>
      </c>
      <c r="S9" s="61">
        <v>25</v>
      </c>
      <c r="T9" s="61">
        <v>8</v>
      </c>
      <c r="U9" s="61">
        <v>12</v>
      </c>
      <c r="V9" s="61">
        <v>14</v>
      </c>
      <c r="W9" s="62">
        <v>83</v>
      </c>
      <c r="X9" s="63">
        <v>129</v>
      </c>
      <c r="Y9" s="60">
        <v>35</v>
      </c>
      <c r="Z9" s="61">
        <v>33</v>
      </c>
      <c r="AA9" s="62">
        <v>68</v>
      </c>
      <c r="AB9" s="228"/>
      <c r="AC9" s="61">
        <v>47</v>
      </c>
      <c r="AD9" s="61">
        <v>51</v>
      </c>
      <c r="AE9" s="61">
        <v>20</v>
      </c>
      <c r="AF9" s="61">
        <v>22</v>
      </c>
      <c r="AG9" s="61">
        <v>18</v>
      </c>
      <c r="AH9" s="62">
        <v>158</v>
      </c>
      <c r="AI9" s="63">
        <v>226</v>
      </c>
      <c r="AJ9" s="60">
        <v>54</v>
      </c>
      <c r="AK9" s="61">
        <v>47</v>
      </c>
      <c r="AL9" s="62">
        <v>101</v>
      </c>
      <c r="AM9" s="228"/>
      <c r="AN9" s="61">
        <v>96</v>
      </c>
      <c r="AO9" s="61">
        <v>67</v>
      </c>
      <c r="AP9" s="61">
        <v>46</v>
      </c>
      <c r="AQ9" s="61">
        <v>40</v>
      </c>
      <c r="AR9" s="61">
        <v>32</v>
      </c>
      <c r="AS9" s="62">
        <v>281</v>
      </c>
      <c r="AT9" s="63">
        <v>382</v>
      </c>
      <c r="AU9" s="60">
        <v>100</v>
      </c>
      <c r="AV9" s="61">
        <v>81</v>
      </c>
      <c r="AW9" s="62">
        <v>181</v>
      </c>
      <c r="AX9" s="228"/>
      <c r="AY9" s="61">
        <v>185</v>
      </c>
      <c r="AZ9" s="61">
        <v>119</v>
      </c>
      <c r="BA9" s="61">
        <v>61</v>
      </c>
      <c r="BB9" s="61">
        <v>54</v>
      </c>
      <c r="BC9" s="61">
        <v>41</v>
      </c>
      <c r="BD9" s="62">
        <v>460</v>
      </c>
      <c r="BE9" s="63">
        <v>641</v>
      </c>
      <c r="BF9" s="60">
        <v>120</v>
      </c>
      <c r="BG9" s="61">
        <v>109</v>
      </c>
      <c r="BH9" s="62">
        <v>229</v>
      </c>
      <c r="BI9" s="228"/>
      <c r="BJ9" s="61">
        <v>209</v>
      </c>
      <c r="BK9" s="61">
        <v>150</v>
      </c>
      <c r="BL9" s="61">
        <v>97</v>
      </c>
      <c r="BM9" s="61">
        <v>82</v>
      </c>
      <c r="BN9" s="61">
        <v>46</v>
      </c>
      <c r="BO9" s="62">
        <v>584</v>
      </c>
      <c r="BP9" s="63">
        <v>813</v>
      </c>
      <c r="BQ9" s="60">
        <v>103</v>
      </c>
      <c r="BR9" s="61">
        <v>121</v>
      </c>
      <c r="BS9" s="62">
        <v>224</v>
      </c>
      <c r="BT9" s="228"/>
      <c r="BU9" s="61">
        <v>200</v>
      </c>
      <c r="BV9" s="61">
        <v>171</v>
      </c>
      <c r="BW9" s="61">
        <v>124</v>
      </c>
      <c r="BX9" s="61">
        <v>93</v>
      </c>
      <c r="BY9" s="61">
        <v>64</v>
      </c>
      <c r="BZ9" s="62">
        <v>652</v>
      </c>
      <c r="CA9" s="63">
        <v>876</v>
      </c>
      <c r="CB9" s="60">
        <v>0</v>
      </c>
      <c r="CC9" s="61">
        <v>0</v>
      </c>
      <c r="CD9" s="62">
        <v>0</v>
      </c>
      <c r="CE9" s="228"/>
      <c r="CF9" s="61">
        <v>0</v>
      </c>
      <c r="CG9" s="61">
        <v>0</v>
      </c>
      <c r="CH9" s="61">
        <v>0</v>
      </c>
      <c r="CI9" s="61">
        <v>0</v>
      </c>
      <c r="CJ9" s="61">
        <v>0</v>
      </c>
      <c r="CK9" s="62">
        <v>0</v>
      </c>
      <c r="CL9" s="63">
        <v>0</v>
      </c>
      <c r="CM9" s="60">
        <v>438</v>
      </c>
      <c r="CN9" s="61">
        <v>411</v>
      </c>
      <c r="CO9" s="62">
        <v>849</v>
      </c>
      <c r="CP9" s="228"/>
      <c r="CQ9" s="61">
        <v>761</v>
      </c>
      <c r="CR9" s="61">
        <v>583</v>
      </c>
      <c r="CS9" s="61">
        <v>356</v>
      </c>
      <c r="CT9" s="61">
        <v>303</v>
      </c>
      <c r="CU9" s="61">
        <v>215</v>
      </c>
      <c r="CV9" s="62">
        <v>2218</v>
      </c>
      <c r="CW9" s="63">
        <v>3067</v>
      </c>
      <c r="CX9" s="113">
        <v>223</v>
      </c>
      <c r="CY9" s="72">
        <v>238</v>
      </c>
      <c r="CZ9" s="73">
        <v>461</v>
      </c>
      <c r="DA9" s="228"/>
      <c r="DB9" s="72">
        <v>384</v>
      </c>
      <c r="DC9" s="72">
        <v>274</v>
      </c>
      <c r="DD9" s="72">
        <v>183</v>
      </c>
      <c r="DE9" s="72">
        <v>182</v>
      </c>
      <c r="DF9" s="72">
        <v>120</v>
      </c>
      <c r="DG9" s="74">
        <v>1143</v>
      </c>
      <c r="DH9" s="75">
        <v>1604</v>
      </c>
      <c r="DI9" s="60">
        <v>3</v>
      </c>
      <c r="DJ9" s="61">
        <v>8</v>
      </c>
      <c r="DK9" s="62">
        <v>11</v>
      </c>
      <c r="DL9" s="228"/>
      <c r="DM9" s="61">
        <v>7</v>
      </c>
      <c r="DN9" s="61">
        <v>5</v>
      </c>
      <c r="DO9" s="61">
        <v>4</v>
      </c>
      <c r="DP9" s="61">
        <v>1</v>
      </c>
      <c r="DQ9" s="61">
        <v>2</v>
      </c>
      <c r="DR9" s="62">
        <v>19</v>
      </c>
      <c r="DS9" s="63">
        <v>30</v>
      </c>
      <c r="DT9" s="60">
        <v>11</v>
      </c>
      <c r="DU9" s="61">
        <v>21</v>
      </c>
      <c r="DV9" s="62">
        <v>32</v>
      </c>
      <c r="DW9" s="228"/>
      <c r="DX9" s="61">
        <v>19</v>
      </c>
      <c r="DY9" s="61">
        <v>10</v>
      </c>
      <c r="DZ9" s="61">
        <v>11</v>
      </c>
      <c r="EA9" s="61">
        <v>5</v>
      </c>
      <c r="EB9" s="61">
        <v>1</v>
      </c>
      <c r="EC9" s="62">
        <v>46</v>
      </c>
      <c r="ED9" s="63">
        <v>78</v>
      </c>
      <c r="EE9" s="60">
        <v>35</v>
      </c>
      <c r="EF9" s="61">
        <v>29</v>
      </c>
      <c r="EG9" s="62">
        <v>64</v>
      </c>
      <c r="EH9" s="228"/>
      <c r="EI9" s="61">
        <v>43</v>
      </c>
      <c r="EJ9" s="61">
        <v>18</v>
      </c>
      <c r="EK9" s="61">
        <v>12</v>
      </c>
      <c r="EL9" s="61">
        <v>12</v>
      </c>
      <c r="EM9" s="61">
        <v>13</v>
      </c>
      <c r="EN9" s="62">
        <v>98</v>
      </c>
      <c r="EO9" s="63">
        <v>162</v>
      </c>
      <c r="EP9" s="60">
        <v>73</v>
      </c>
      <c r="EQ9" s="61">
        <v>42</v>
      </c>
      <c r="ER9" s="62">
        <v>115</v>
      </c>
      <c r="ES9" s="228"/>
      <c r="ET9" s="61">
        <v>73</v>
      </c>
      <c r="EU9" s="61">
        <v>56</v>
      </c>
      <c r="EV9" s="61">
        <v>26</v>
      </c>
      <c r="EW9" s="61">
        <v>22</v>
      </c>
      <c r="EX9" s="61">
        <v>23</v>
      </c>
      <c r="EY9" s="62">
        <v>200</v>
      </c>
      <c r="EZ9" s="63">
        <v>315</v>
      </c>
      <c r="FA9" s="60">
        <v>56</v>
      </c>
      <c r="FB9" s="61">
        <v>83</v>
      </c>
      <c r="FC9" s="62">
        <v>139</v>
      </c>
      <c r="FD9" s="228"/>
      <c r="FE9" s="61">
        <v>112</v>
      </c>
      <c r="FF9" s="61">
        <v>73</v>
      </c>
      <c r="FG9" s="61">
        <v>63</v>
      </c>
      <c r="FH9" s="61">
        <v>42</v>
      </c>
      <c r="FI9" s="61">
        <v>33</v>
      </c>
      <c r="FJ9" s="62">
        <v>323</v>
      </c>
      <c r="FK9" s="63">
        <v>462</v>
      </c>
      <c r="FL9" s="60">
        <v>45</v>
      </c>
      <c r="FM9" s="61">
        <v>55</v>
      </c>
      <c r="FN9" s="62">
        <v>100</v>
      </c>
      <c r="FO9" s="228"/>
      <c r="FP9" s="61">
        <v>130</v>
      </c>
      <c r="FQ9" s="61">
        <v>112</v>
      </c>
      <c r="FR9" s="61">
        <v>67</v>
      </c>
      <c r="FS9" s="61">
        <v>100</v>
      </c>
      <c r="FT9" s="61">
        <v>48</v>
      </c>
      <c r="FU9" s="62">
        <v>457</v>
      </c>
      <c r="FV9" s="63">
        <v>557</v>
      </c>
      <c r="FW9" s="60">
        <v>0</v>
      </c>
      <c r="FX9" s="61">
        <v>0</v>
      </c>
      <c r="FY9" s="62">
        <v>0</v>
      </c>
      <c r="FZ9" s="228"/>
      <c r="GA9" s="61">
        <v>0</v>
      </c>
      <c r="GB9" s="61">
        <v>0</v>
      </c>
      <c r="GC9" s="61">
        <v>0</v>
      </c>
      <c r="GD9" s="61">
        <v>0</v>
      </c>
      <c r="GE9" s="61">
        <v>0</v>
      </c>
      <c r="GF9" s="62">
        <v>0</v>
      </c>
      <c r="GG9" s="63">
        <v>0</v>
      </c>
      <c r="GH9" s="60">
        <v>223</v>
      </c>
      <c r="GI9" s="61">
        <v>238</v>
      </c>
      <c r="GJ9" s="62">
        <v>461</v>
      </c>
      <c r="GK9" s="228"/>
      <c r="GL9" s="61">
        <v>384</v>
      </c>
      <c r="GM9" s="61">
        <v>274</v>
      </c>
      <c r="GN9" s="61">
        <v>183</v>
      </c>
      <c r="GO9" s="61">
        <v>182</v>
      </c>
      <c r="GP9" s="61">
        <v>120</v>
      </c>
      <c r="GQ9" s="62">
        <v>1143</v>
      </c>
      <c r="GR9" s="63">
        <v>1604</v>
      </c>
      <c r="GS9" s="113">
        <v>661</v>
      </c>
      <c r="GT9" s="72">
        <v>649</v>
      </c>
      <c r="GU9" s="73">
        <v>1310</v>
      </c>
      <c r="GV9" s="228"/>
      <c r="GW9" s="72">
        <v>1145</v>
      </c>
      <c r="GX9" s="72">
        <v>857</v>
      </c>
      <c r="GY9" s="72">
        <v>539</v>
      </c>
      <c r="GZ9" s="72">
        <v>485</v>
      </c>
      <c r="HA9" s="72">
        <v>335</v>
      </c>
      <c r="HB9" s="74">
        <v>3361</v>
      </c>
      <c r="HC9" s="75">
        <v>4671</v>
      </c>
      <c r="HD9" s="60">
        <v>29</v>
      </c>
      <c r="HE9" s="61">
        <v>28</v>
      </c>
      <c r="HF9" s="62">
        <v>57</v>
      </c>
      <c r="HG9" s="228"/>
      <c r="HH9" s="61">
        <v>31</v>
      </c>
      <c r="HI9" s="61">
        <v>30</v>
      </c>
      <c r="HJ9" s="61">
        <v>12</v>
      </c>
      <c r="HK9" s="61">
        <v>13</v>
      </c>
      <c r="HL9" s="61">
        <v>16</v>
      </c>
      <c r="HM9" s="62">
        <v>102</v>
      </c>
      <c r="HN9" s="63">
        <v>159</v>
      </c>
      <c r="HO9" s="60">
        <v>46</v>
      </c>
      <c r="HP9" s="61">
        <v>54</v>
      </c>
      <c r="HQ9" s="62">
        <v>100</v>
      </c>
      <c r="HR9" s="228"/>
      <c r="HS9" s="61">
        <v>66</v>
      </c>
      <c r="HT9" s="61">
        <v>61</v>
      </c>
      <c r="HU9" s="61">
        <v>31</v>
      </c>
      <c r="HV9" s="61">
        <v>27</v>
      </c>
      <c r="HW9" s="61">
        <v>19</v>
      </c>
      <c r="HX9" s="62">
        <v>204</v>
      </c>
      <c r="HY9" s="63">
        <v>304</v>
      </c>
      <c r="HZ9" s="60">
        <v>89</v>
      </c>
      <c r="IA9" s="61">
        <v>76</v>
      </c>
      <c r="IB9" s="62">
        <v>165</v>
      </c>
      <c r="IC9" s="228"/>
      <c r="ID9" s="61">
        <v>139</v>
      </c>
      <c r="IE9" s="61">
        <v>85</v>
      </c>
      <c r="IF9" s="61">
        <v>58</v>
      </c>
      <c r="IG9" s="61">
        <v>52</v>
      </c>
      <c r="IH9" s="61">
        <v>45</v>
      </c>
      <c r="II9" s="62">
        <v>379</v>
      </c>
      <c r="IJ9" s="63">
        <v>544</v>
      </c>
      <c r="IK9" s="60">
        <v>173</v>
      </c>
      <c r="IL9" s="61">
        <v>123</v>
      </c>
      <c r="IM9" s="62">
        <v>296</v>
      </c>
      <c r="IN9" s="228"/>
      <c r="IO9" s="61">
        <v>258</v>
      </c>
      <c r="IP9" s="61">
        <v>175</v>
      </c>
      <c r="IQ9" s="61">
        <v>87</v>
      </c>
      <c r="IR9" s="61">
        <v>76</v>
      </c>
      <c r="IS9" s="61">
        <v>64</v>
      </c>
      <c r="IT9" s="62">
        <v>660</v>
      </c>
      <c r="IU9" s="63">
        <v>956</v>
      </c>
      <c r="IV9" s="60">
        <v>176</v>
      </c>
      <c r="IW9" s="61">
        <v>192</v>
      </c>
      <c r="IX9" s="62">
        <v>368</v>
      </c>
      <c r="IY9" s="228"/>
      <c r="IZ9" s="61">
        <v>321</v>
      </c>
      <c r="JA9" s="61">
        <v>223</v>
      </c>
      <c r="JB9" s="61">
        <v>160</v>
      </c>
      <c r="JC9" s="61">
        <v>124</v>
      </c>
      <c r="JD9" s="61">
        <v>79</v>
      </c>
      <c r="JE9" s="62">
        <v>907</v>
      </c>
      <c r="JF9" s="63">
        <v>1275</v>
      </c>
      <c r="JG9" s="60">
        <v>148</v>
      </c>
      <c r="JH9" s="61">
        <v>176</v>
      </c>
      <c r="JI9" s="62">
        <v>324</v>
      </c>
      <c r="JJ9" s="228"/>
      <c r="JK9" s="61">
        <v>330</v>
      </c>
      <c r="JL9" s="61">
        <v>283</v>
      </c>
      <c r="JM9" s="61">
        <v>191</v>
      </c>
      <c r="JN9" s="61">
        <v>193</v>
      </c>
      <c r="JO9" s="61">
        <v>112</v>
      </c>
      <c r="JP9" s="62">
        <v>1109</v>
      </c>
      <c r="JQ9" s="63">
        <v>1433</v>
      </c>
      <c r="JR9" s="60">
        <v>0</v>
      </c>
      <c r="JS9" s="61">
        <v>0</v>
      </c>
      <c r="JT9" s="62">
        <v>0</v>
      </c>
      <c r="JU9" s="228"/>
      <c r="JV9" s="61">
        <v>0</v>
      </c>
      <c r="JW9" s="61">
        <v>0</v>
      </c>
      <c r="JX9" s="61">
        <v>0</v>
      </c>
      <c r="JY9" s="61">
        <v>0</v>
      </c>
      <c r="JZ9" s="61">
        <v>0</v>
      </c>
      <c r="KA9" s="62">
        <v>0</v>
      </c>
      <c r="KB9" s="63">
        <v>0</v>
      </c>
      <c r="KC9" s="60">
        <v>661</v>
      </c>
      <c r="KD9" s="61">
        <v>649</v>
      </c>
      <c r="KE9" s="62">
        <v>1310</v>
      </c>
      <c r="KF9" s="228"/>
      <c r="KG9" s="61">
        <v>1145</v>
      </c>
      <c r="KH9" s="61">
        <v>857</v>
      </c>
      <c r="KI9" s="61">
        <v>539</v>
      </c>
      <c r="KJ9" s="61">
        <v>485</v>
      </c>
      <c r="KK9" s="61">
        <v>335</v>
      </c>
      <c r="KL9" s="62">
        <v>3361</v>
      </c>
      <c r="KM9" s="63">
        <v>4671</v>
      </c>
    </row>
    <row r="10" spans="2:299" ht="21" customHeight="1" x14ac:dyDescent="0.2">
      <c r="B10" s="468" t="s">
        <v>14</v>
      </c>
      <c r="C10" s="291">
        <v>186</v>
      </c>
      <c r="D10" s="72">
        <v>195</v>
      </c>
      <c r="E10" s="73">
        <v>381</v>
      </c>
      <c r="F10" s="228"/>
      <c r="G10" s="72">
        <v>227</v>
      </c>
      <c r="H10" s="72">
        <v>268</v>
      </c>
      <c r="I10" s="72">
        <v>156</v>
      </c>
      <c r="J10" s="72">
        <v>134</v>
      </c>
      <c r="K10" s="72">
        <v>83</v>
      </c>
      <c r="L10" s="74">
        <v>868</v>
      </c>
      <c r="M10" s="75">
        <v>1249</v>
      </c>
      <c r="N10" s="60">
        <v>0</v>
      </c>
      <c r="O10" s="61">
        <v>7</v>
      </c>
      <c r="P10" s="62">
        <v>7</v>
      </c>
      <c r="Q10" s="228"/>
      <c r="R10" s="61">
        <v>6</v>
      </c>
      <c r="S10" s="61">
        <v>7</v>
      </c>
      <c r="T10" s="61">
        <v>8</v>
      </c>
      <c r="U10" s="61">
        <v>7</v>
      </c>
      <c r="V10" s="61">
        <v>5</v>
      </c>
      <c r="W10" s="62">
        <v>33</v>
      </c>
      <c r="X10" s="63">
        <v>40</v>
      </c>
      <c r="Y10" s="60">
        <v>19</v>
      </c>
      <c r="Z10" s="61">
        <v>23</v>
      </c>
      <c r="AA10" s="62">
        <v>42</v>
      </c>
      <c r="AB10" s="228"/>
      <c r="AC10" s="61">
        <v>22</v>
      </c>
      <c r="AD10" s="61">
        <v>21</v>
      </c>
      <c r="AE10" s="61">
        <v>12</v>
      </c>
      <c r="AF10" s="61">
        <v>11</v>
      </c>
      <c r="AG10" s="61">
        <v>10</v>
      </c>
      <c r="AH10" s="62">
        <v>76</v>
      </c>
      <c r="AI10" s="63">
        <v>118</v>
      </c>
      <c r="AJ10" s="60">
        <v>24</v>
      </c>
      <c r="AK10" s="61">
        <v>34</v>
      </c>
      <c r="AL10" s="62">
        <v>58</v>
      </c>
      <c r="AM10" s="228"/>
      <c r="AN10" s="61">
        <v>20</v>
      </c>
      <c r="AO10" s="61">
        <v>39</v>
      </c>
      <c r="AP10" s="61">
        <v>13</v>
      </c>
      <c r="AQ10" s="61">
        <v>14</v>
      </c>
      <c r="AR10" s="61">
        <v>15</v>
      </c>
      <c r="AS10" s="62">
        <v>101</v>
      </c>
      <c r="AT10" s="63">
        <v>159</v>
      </c>
      <c r="AU10" s="60">
        <v>42</v>
      </c>
      <c r="AV10" s="61">
        <v>43</v>
      </c>
      <c r="AW10" s="62">
        <v>85</v>
      </c>
      <c r="AX10" s="228"/>
      <c r="AY10" s="61">
        <v>59</v>
      </c>
      <c r="AZ10" s="61">
        <v>57</v>
      </c>
      <c r="BA10" s="61">
        <v>29</v>
      </c>
      <c r="BB10" s="61">
        <v>23</v>
      </c>
      <c r="BC10" s="61">
        <v>18</v>
      </c>
      <c r="BD10" s="62">
        <v>186</v>
      </c>
      <c r="BE10" s="63">
        <v>271</v>
      </c>
      <c r="BF10" s="60">
        <v>61</v>
      </c>
      <c r="BG10" s="61">
        <v>45</v>
      </c>
      <c r="BH10" s="62">
        <v>106</v>
      </c>
      <c r="BI10" s="228"/>
      <c r="BJ10" s="61">
        <v>61</v>
      </c>
      <c r="BK10" s="61">
        <v>84</v>
      </c>
      <c r="BL10" s="61">
        <v>53</v>
      </c>
      <c r="BM10" s="61">
        <v>32</v>
      </c>
      <c r="BN10" s="61">
        <v>22</v>
      </c>
      <c r="BO10" s="62">
        <v>252</v>
      </c>
      <c r="BP10" s="63">
        <v>358</v>
      </c>
      <c r="BQ10" s="60">
        <v>40</v>
      </c>
      <c r="BR10" s="61">
        <v>43</v>
      </c>
      <c r="BS10" s="62">
        <v>83</v>
      </c>
      <c r="BT10" s="228"/>
      <c r="BU10" s="61">
        <v>59</v>
      </c>
      <c r="BV10" s="61">
        <v>60</v>
      </c>
      <c r="BW10" s="61">
        <v>41</v>
      </c>
      <c r="BX10" s="61">
        <v>47</v>
      </c>
      <c r="BY10" s="61">
        <v>13</v>
      </c>
      <c r="BZ10" s="62">
        <v>220</v>
      </c>
      <c r="CA10" s="63">
        <v>303</v>
      </c>
      <c r="CB10" s="60">
        <v>0</v>
      </c>
      <c r="CC10" s="61">
        <v>0</v>
      </c>
      <c r="CD10" s="62">
        <v>0</v>
      </c>
      <c r="CE10" s="228"/>
      <c r="CF10" s="61">
        <v>0</v>
      </c>
      <c r="CG10" s="61">
        <v>0</v>
      </c>
      <c r="CH10" s="61">
        <v>0</v>
      </c>
      <c r="CI10" s="61">
        <v>0</v>
      </c>
      <c r="CJ10" s="61">
        <v>0</v>
      </c>
      <c r="CK10" s="62">
        <v>0</v>
      </c>
      <c r="CL10" s="63">
        <v>0</v>
      </c>
      <c r="CM10" s="60">
        <v>186</v>
      </c>
      <c r="CN10" s="61">
        <v>195</v>
      </c>
      <c r="CO10" s="62">
        <v>381</v>
      </c>
      <c r="CP10" s="228"/>
      <c r="CQ10" s="61">
        <v>227</v>
      </c>
      <c r="CR10" s="61">
        <v>268</v>
      </c>
      <c r="CS10" s="61">
        <v>156</v>
      </c>
      <c r="CT10" s="61">
        <v>134</v>
      </c>
      <c r="CU10" s="61">
        <v>83</v>
      </c>
      <c r="CV10" s="62">
        <v>868</v>
      </c>
      <c r="CW10" s="63">
        <v>1249</v>
      </c>
      <c r="CX10" s="113">
        <v>60</v>
      </c>
      <c r="CY10" s="72">
        <v>73</v>
      </c>
      <c r="CZ10" s="73">
        <v>133</v>
      </c>
      <c r="DA10" s="228"/>
      <c r="DB10" s="72">
        <v>102</v>
      </c>
      <c r="DC10" s="72">
        <v>125</v>
      </c>
      <c r="DD10" s="72">
        <v>77</v>
      </c>
      <c r="DE10" s="72">
        <v>74</v>
      </c>
      <c r="DF10" s="72">
        <v>41</v>
      </c>
      <c r="DG10" s="74">
        <v>419</v>
      </c>
      <c r="DH10" s="75">
        <v>552</v>
      </c>
      <c r="DI10" s="60">
        <v>1</v>
      </c>
      <c r="DJ10" s="61">
        <v>3</v>
      </c>
      <c r="DK10" s="62">
        <v>4</v>
      </c>
      <c r="DL10" s="228"/>
      <c r="DM10" s="61">
        <v>2</v>
      </c>
      <c r="DN10" s="61">
        <v>4</v>
      </c>
      <c r="DO10" s="61">
        <v>1</v>
      </c>
      <c r="DP10" s="61">
        <v>2</v>
      </c>
      <c r="DQ10" s="61">
        <v>1</v>
      </c>
      <c r="DR10" s="62">
        <v>10</v>
      </c>
      <c r="DS10" s="63">
        <v>14</v>
      </c>
      <c r="DT10" s="60">
        <v>5</v>
      </c>
      <c r="DU10" s="61">
        <v>1</v>
      </c>
      <c r="DV10" s="62">
        <v>6</v>
      </c>
      <c r="DW10" s="228"/>
      <c r="DX10" s="61">
        <v>5</v>
      </c>
      <c r="DY10" s="61">
        <v>7</v>
      </c>
      <c r="DZ10" s="61">
        <v>5</v>
      </c>
      <c r="EA10" s="61">
        <v>0</v>
      </c>
      <c r="EB10" s="61">
        <v>0</v>
      </c>
      <c r="EC10" s="62">
        <v>17</v>
      </c>
      <c r="ED10" s="63">
        <v>23</v>
      </c>
      <c r="EE10" s="60">
        <v>13</v>
      </c>
      <c r="EF10" s="61">
        <v>12</v>
      </c>
      <c r="EG10" s="62">
        <v>25</v>
      </c>
      <c r="EH10" s="228"/>
      <c r="EI10" s="61">
        <v>9</v>
      </c>
      <c r="EJ10" s="61">
        <v>13</v>
      </c>
      <c r="EK10" s="61">
        <v>3</v>
      </c>
      <c r="EL10" s="61">
        <v>5</v>
      </c>
      <c r="EM10" s="61">
        <v>7</v>
      </c>
      <c r="EN10" s="62">
        <v>37</v>
      </c>
      <c r="EO10" s="63">
        <v>62</v>
      </c>
      <c r="EP10" s="60">
        <v>19</v>
      </c>
      <c r="EQ10" s="61">
        <v>16</v>
      </c>
      <c r="ER10" s="62">
        <v>35</v>
      </c>
      <c r="ES10" s="228"/>
      <c r="ET10" s="61">
        <v>16</v>
      </c>
      <c r="EU10" s="61">
        <v>26</v>
      </c>
      <c r="EV10" s="61">
        <v>16</v>
      </c>
      <c r="EW10" s="61">
        <v>10</v>
      </c>
      <c r="EX10" s="61">
        <v>7</v>
      </c>
      <c r="EY10" s="62">
        <v>75</v>
      </c>
      <c r="EZ10" s="63">
        <v>110</v>
      </c>
      <c r="FA10" s="60">
        <v>11</v>
      </c>
      <c r="FB10" s="61">
        <v>23</v>
      </c>
      <c r="FC10" s="62">
        <v>34</v>
      </c>
      <c r="FD10" s="228"/>
      <c r="FE10" s="61">
        <v>36</v>
      </c>
      <c r="FF10" s="61">
        <v>30</v>
      </c>
      <c r="FG10" s="61">
        <v>14</v>
      </c>
      <c r="FH10" s="61">
        <v>21</v>
      </c>
      <c r="FI10" s="61">
        <v>12</v>
      </c>
      <c r="FJ10" s="62">
        <v>113</v>
      </c>
      <c r="FK10" s="63">
        <v>147</v>
      </c>
      <c r="FL10" s="60">
        <v>11</v>
      </c>
      <c r="FM10" s="61">
        <v>18</v>
      </c>
      <c r="FN10" s="62">
        <v>29</v>
      </c>
      <c r="FO10" s="228"/>
      <c r="FP10" s="61">
        <v>34</v>
      </c>
      <c r="FQ10" s="61">
        <v>45</v>
      </c>
      <c r="FR10" s="61">
        <v>38</v>
      </c>
      <c r="FS10" s="61">
        <v>36</v>
      </c>
      <c r="FT10" s="61">
        <v>14</v>
      </c>
      <c r="FU10" s="62">
        <v>167</v>
      </c>
      <c r="FV10" s="63">
        <v>196</v>
      </c>
      <c r="FW10" s="60">
        <v>0</v>
      </c>
      <c r="FX10" s="61">
        <v>0</v>
      </c>
      <c r="FY10" s="62">
        <v>0</v>
      </c>
      <c r="FZ10" s="228"/>
      <c r="GA10" s="61">
        <v>0</v>
      </c>
      <c r="GB10" s="61">
        <v>0</v>
      </c>
      <c r="GC10" s="61">
        <v>0</v>
      </c>
      <c r="GD10" s="61">
        <v>0</v>
      </c>
      <c r="GE10" s="61">
        <v>0</v>
      </c>
      <c r="GF10" s="62">
        <v>0</v>
      </c>
      <c r="GG10" s="63">
        <v>0</v>
      </c>
      <c r="GH10" s="60">
        <v>60</v>
      </c>
      <c r="GI10" s="61">
        <v>73</v>
      </c>
      <c r="GJ10" s="62">
        <v>133</v>
      </c>
      <c r="GK10" s="228"/>
      <c r="GL10" s="61">
        <v>102</v>
      </c>
      <c r="GM10" s="61">
        <v>125</v>
      </c>
      <c r="GN10" s="61">
        <v>77</v>
      </c>
      <c r="GO10" s="61">
        <v>74</v>
      </c>
      <c r="GP10" s="61">
        <v>41</v>
      </c>
      <c r="GQ10" s="62">
        <v>419</v>
      </c>
      <c r="GR10" s="63">
        <v>552</v>
      </c>
      <c r="GS10" s="113">
        <v>246</v>
      </c>
      <c r="GT10" s="72">
        <v>268</v>
      </c>
      <c r="GU10" s="73">
        <v>514</v>
      </c>
      <c r="GV10" s="228"/>
      <c r="GW10" s="72">
        <v>329</v>
      </c>
      <c r="GX10" s="72">
        <v>393</v>
      </c>
      <c r="GY10" s="72">
        <v>233</v>
      </c>
      <c r="GZ10" s="72">
        <v>208</v>
      </c>
      <c r="HA10" s="72">
        <v>124</v>
      </c>
      <c r="HB10" s="74">
        <v>1287</v>
      </c>
      <c r="HC10" s="75">
        <v>1801</v>
      </c>
      <c r="HD10" s="60">
        <v>1</v>
      </c>
      <c r="HE10" s="61">
        <v>10</v>
      </c>
      <c r="HF10" s="62">
        <v>11</v>
      </c>
      <c r="HG10" s="228"/>
      <c r="HH10" s="61">
        <v>8</v>
      </c>
      <c r="HI10" s="61">
        <v>11</v>
      </c>
      <c r="HJ10" s="61">
        <v>9</v>
      </c>
      <c r="HK10" s="61">
        <v>9</v>
      </c>
      <c r="HL10" s="61">
        <v>6</v>
      </c>
      <c r="HM10" s="62">
        <v>43</v>
      </c>
      <c r="HN10" s="63">
        <v>54</v>
      </c>
      <c r="HO10" s="60">
        <v>24</v>
      </c>
      <c r="HP10" s="61">
        <v>24</v>
      </c>
      <c r="HQ10" s="62">
        <v>48</v>
      </c>
      <c r="HR10" s="228"/>
      <c r="HS10" s="61">
        <v>27</v>
      </c>
      <c r="HT10" s="61">
        <v>28</v>
      </c>
      <c r="HU10" s="61">
        <v>17</v>
      </c>
      <c r="HV10" s="61">
        <v>11</v>
      </c>
      <c r="HW10" s="61">
        <v>10</v>
      </c>
      <c r="HX10" s="62">
        <v>93</v>
      </c>
      <c r="HY10" s="63">
        <v>141</v>
      </c>
      <c r="HZ10" s="60">
        <v>37</v>
      </c>
      <c r="IA10" s="61">
        <v>46</v>
      </c>
      <c r="IB10" s="62">
        <v>83</v>
      </c>
      <c r="IC10" s="228"/>
      <c r="ID10" s="61">
        <v>29</v>
      </c>
      <c r="IE10" s="61">
        <v>52</v>
      </c>
      <c r="IF10" s="61">
        <v>16</v>
      </c>
      <c r="IG10" s="61">
        <v>19</v>
      </c>
      <c r="IH10" s="61">
        <v>22</v>
      </c>
      <c r="II10" s="62">
        <v>138</v>
      </c>
      <c r="IJ10" s="63">
        <v>221</v>
      </c>
      <c r="IK10" s="60">
        <v>61</v>
      </c>
      <c r="IL10" s="61">
        <v>59</v>
      </c>
      <c r="IM10" s="62">
        <v>120</v>
      </c>
      <c r="IN10" s="228"/>
      <c r="IO10" s="61">
        <v>75</v>
      </c>
      <c r="IP10" s="61">
        <v>83</v>
      </c>
      <c r="IQ10" s="61">
        <v>45</v>
      </c>
      <c r="IR10" s="61">
        <v>33</v>
      </c>
      <c r="IS10" s="61">
        <v>25</v>
      </c>
      <c r="IT10" s="62">
        <v>261</v>
      </c>
      <c r="IU10" s="63">
        <v>381</v>
      </c>
      <c r="IV10" s="60">
        <v>72</v>
      </c>
      <c r="IW10" s="61">
        <v>68</v>
      </c>
      <c r="IX10" s="62">
        <v>140</v>
      </c>
      <c r="IY10" s="228"/>
      <c r="IZ10" s="61">
        <v>97</v>
      </c>
      <c r="JA10" s="61">
        <v>114</v>
      </c>
      <c r="JB10" s="61">
        <v>67</v>
      </c>
      <c r="JC10" s="61">
        <v>53</v>
      </c>
      <c r="JD10" s="61">
        <v>34</v>
      </c>
      <c r="JE10" s="62">
        <v>365</v>
      </c>
      <c r="JF10" s="63">
        <v>505</v>
      </c>
      <c r="JG10" s="60">
        <v>51</v>
      </c>
      <c r="JH10" s="61">
        <v>61</v>
      </c>
      <c r="JI10" s="62">
        <v>112</v>
      </c>
      <c r="JJ10" s="228"/>
      <c r="JK10" s="61">
        <v>93</v>
      </c>
      <c r="JL10" s="61">
        <v>105</v>
      </c>
      <c r="JM10" s="61">
        <v>79</v>
      </c>
      <c r="JN10" s="61">
        <v>83</v>
      </c>
      <c r="JO10" s="61">
        <v>27</v>
      </c>
      <c r="JP10" s="62">
        <v>387</v>
      </c>
      <c r="JQ10" s="63">
        <v>499</v>
      </c>
      <c r="JR10" s="60">
        <v>0</v>
      </c>
      <c r="JS10" s="61">
        <v>0</v>
      </c>
      <c r="JT10" s="62">
        <v>0</v>
      </c>
      <c r="JU10" s="228"/>
      <c r="JV10" s="61">
        <v>0</v>
      </c>
      <c r="JW10" s="61">
        <v>0</v>
      </c>
      <c r="JX10" s="61">
        <v>0</v>
      </c>
      <c r="JY10" s="61">
        <v>0</v>
      </c>
      <c r="JZ10" s="61">
        <v>0</v>
      </c>
      <c r="KA10" s="62">
        <v>0</v>
      </c>
      <c r="KB10" s="63">
        <v>0</v>
      </c>
      <c r="KC10" s="60">
        <v>246</v>
      </c>
      <c r="KD10" s="61">
        <v>268</v>
      </c>
      <c r="KE10" s="62">
        <v>514</v>
      </c>
      <c r="KF10" s="228"/>
      <c r="KG10" s="61">
        <v>329</v>
      </c>
      <c r="KH10" s="61">
        <v>393</v>
      </c>
      <c r="KI10" s="61">
        <v>233</v>
      </c>
      <c r="KJ10" s="61">
        <v>208</v>
      </c>
      <c r="KK10" s="61">
        <v>124</v>
      </c>
      <c r="KL10" s="62">
        <v>1287</v>
      </c>
      <c r="KM10" s="63">
        <v>1801</v>
      </c>
    </row>
    <row r="11" spans="2:299" ht="21" customHeight="1" x14ac:dyDescent="0.2">
      <c r="B11" s="468" t="s">
        <v>7</v>
      </c>
      <c r="C11" s="291">
        <v>153</v>
      </c>
      <c r="D11" s="72">
        <v>78</v>
      </c>
      <c r="E11" s="73">
        <v>231</v>
      </c>
      <c r="F11" s="228"/>
      <c r="G11" s="72">
        <v>225</v>
      </c>
      <c r="H11" s="72">
        <v>123</v>
      </c>
      <c r="I11" s="72">
        <v>60</v>
      </c>
      <c r="J11" s="72">
        <v>70</v>
      </c>
      <c r="K11" s="72">
        <v>40</v>
      </c>
      <c r="L11" s="74">
        <v>518</v>
      </c>
      <c r="M11" s="75">
        <v>749</v>
      </c>
      <c r="N11" s="60">
        <v>5</v>
      </c>
      <c r="O11" s="61">
        <v>3</v>
      </c>
      <c r="P11" s="62">
        <v>8</v>
      </c>
      <c r="Q11" s="228"/>
      <c r="R11" s="61">
        <v>2</v>
      </c>
      <c r="S11" s="61">
        <v>5</v>
      </c>
      <c r="T11" s="61">
        <v>3</v>
      </c>
      <c r="U11" s="61">
        <v>5</v>
      </c>
      <c r="V11" s="61">
        <v>1</v>
      </c>
      <c r="W11" s="62">
        <v>16</v>
      </c>
      <c r="X11" s="63">
        <v>24</v>
      </c>
      <c r="Y11" s="60">
        <v>13</v>
      </c>
      <c r="Z11" s="61">
        <v>8</v>
      </c>
      <c r="AA11" s="62">
        <v>21</v>
      </c>
      <c r="AB11" s="228"/>
      <c r="AC11" s="61">
        <v>16</v>
      </c>
      <c r="AD11" s="61">
        <v>4</v>
      </c>
      <c r="AE11" s="61">
        <v>6</v>
      </c>
      <c r="AF11" s="61">
        <v>5</v>
      </c>
      <c r="AG11" s="61">
        <v>7</v>
      </c>
      <c r="AH11" s="62">
        <v>38</v>
      </c>
      <c r="AI11" s="63">
        <v>59</v>
      </c>
      <c r="AJ11" s="60">
        <v>16</v>
      </c>
      <c r="AK11" s="61">
        <v>14</v>
      </c>
      <c r="AL11" s="62">
        <v>30</v>
      </c>
      <c r="AM11" s="228"/>
      <c r="AN11" s="61">
        <v>19</v>
      </c>
      <c r="AO11" s="61">
        <v>14</v>
      </c>
      <c r="AP11" s="61">
        <v>8</v>
      </c>
      <c r="AQ11" s="61">
        <v>12</v>
      </c>
      <c r="AR11" s="61">
        <v>4</v>
      </c>
      <c r="AS11" s="62">
        <v>57</v>
      </c>
      <c r="AT11" s="63">
        <v>87</v>
      </c>
      <c r="AU11" s="60">
        <v>35</v>
      </c>
      <c r="AV11" s="61">
        <v>18</v>
      </c>
      <c r="AW11" s="62">
        <v>53</v>
      </c>
      <c r="AX11" s="228"/>
      <c r="AY11" s="61">
        <v>60</v>
      </c>
      <c r="AZ11" s="61">
        <v>23</v>
      </c>
      <c r="BA11" s="61">
        <v>15</v>
      </c>
      <c r="BB11" s="61">
        <v>6</v>
      </c>
      <c r="BC11" s="61">
        <v>8</v>
      </c>
      <c r="BD11" s="62">
        <v>112</v>
      </c>
      <c r="BE11" s="63">
        <v>165</v>
      </c>
      <c r="BF11" s="60">
        <v>47</v>
      </c>
      <c r="BG11" s="61">
        <v>17</v>
      </c>
      <c r="BH11" s="62">
        <v>64</v>
      </c>
      <c r="BI11" s="228"/>
      <c r="BJ11" s="61">
        <v>67</v>
      </c>
      <c r="BK11" s="61">
        <v>42</v>
      </c>
      <c r="BL11" s="61">
        <v>8</v>
      </c>
      <c r="BM11" s="61">
        <v>21</v>
      </c>
      <c r="BN11" s="61">
        <v>13</v>
      </c>
      <c r="BO11" s="62">
        <v>151</v>
      </c>
      <c r="BP11" s="63">
        <v>215</v>
      </c>
      <c r="BQ11" s="60">
        <v>37</v>
      </c>
      <c r="BR11" s="61">
        <v>18</v>
      </c>
      <c r="BS11" s="62">
        <v>55</v>
      </c>
      <c r="BT11" s="228"/>
      <c r="BU11" s="61">
        <v>61</v>
      </c>
      <c r="BV11" s="61">
        <v>35</v>
      </c>
      <c r="BW11" s="61">
        <v>20</v>
      </c>
      <c r="BX11" s="61">
        <v>21</v>
      </c>
      <c r="BY11" s="61">
        <v>7</v>
      </c>
      <c r="BZ11" s="62">
        <v>144</v>
      </c>
      <c r="CA11" s="63">
        <v>199</v>
      </c>
      <c r="CB11" s="60">
        <v>0</v>
      </c>
      <c r="CC11" s="61">
        <v>0</v>
      </c>
      <c r="CD11" s="62">
        <v>0</v>
      </c>
      <c r="CE11" s="228"/>
      <c r="CF11" s="61">
        <v>0</v>
      </c>
      <c r="CG11" s="61">
        <v>0</v>
      </c>
      <c r="CH11" s="61">
        <v>0</v>
      </c>
      <c r="CI11" s="61">
        <v>0</v>
      </c>
      <c r="CJ11" s="61">
        <v>0</v>
      </c>
      <c r="CK11" s="62">
        <v>0</v>
      </c>
      <c r="CL11" s="63">
        <v>0</v>
      </c>
      <c r="CM11" s="60">
        <v>153</v>
      </c>
      <c r="CN11" s="61">
        <v>78</v>
      </c>
      <c r="CO11" s="62">
        <v>231</v>
      </c>
      <c r="CP11" s="228"/>
      <c r="CQ11" s="61">
        <v>225</v>
      </c>
      <c r="CR11" s="61">
        <v>123</v>
      </c>
      <c r="CS11" s="61">
        <v>60</v>
      </c>
      <c r="CT11" s="61">
        <v>70</v>
      </c>
      <c r="CU11" s="61">
        <v>40</v>
      </c>
      <c r="CV11" s="62">
        <v>518</v>
      </c>
      <c r="CW11" s="63">
        <v>749</v>
      </c>
      <c r="CX11" s="113">
        <v>42</v>
      </c>
      <c r="CY11" s="72">
        <v>46</v>
      </c>
      <c r="CZ11" s="73">
        <v>88</v>
      </c>
      <c r="DA11" s="228"/>
      <c r="DB11" s="72">
        <v>65</v>
      </c>
      <c r="DC11" s="72">
        <v>34</v>
      </c>
      <c r="DD11" s="72">
        <v>28</v>
      </c>
      <c r="DE11" s="72">
        <v>25</v>
      </c>
      <c r="DF11" s="72">
        <v>21</v>
      </c>
      <c r="DG11" s="74">
        <v>173</v>
      </c>
      <c r="DH11" s="75">
        <v>261</v>
      </c>
      <c r="DI11" s="60">
        <v>0</v>
      </c>
      <c r="DJ11" s="61">
        <v>0</v>
      </c>
      <c r="DK11" s="62">
        <v>0</v>
      </c>
      <c r="DL11" s="228"/>
      <c r="DM11" s="61">
        <v>2</v>
      </c>
      <c r="DN11" s="61">
        <v>1</v>
      </c>
      <c r="DO11" s="61">
        <v>2</v>
      </c>
      <c r="DP11" s="61">
        <v>0</v>
      </c>
      <c r="DQ11" s="61">
        <v>0</v>
      </c>
      <c r="DR11" s="62">
        <v>5</v>
      </c>
      <c r="DS11" s="63">
        <v>5</v>
      </c>
      <c r="DT11" s="60">
        <v>0</v>
      </c>
      <c r="DU11" s="61">
        <v>1</v>
      </c>
      <c r="DV11" s="62">
        <v>1</v>
      </c>
      <c r="DW11" s="228"/>
      <c r="DX11" s="61">
        <v>3</v>
      </c>
      <c r="DY11" s="61">
        <v>2</v>
      </c>
      <c r="DZ11" s="61">
        <v>3</v>
      </c>
      <c r="EA11" s="61">
        <v>1</v>
      </c>
      <c r="EB11" s="61">
        <v>2</v>
      </c>
      <c r="EC11" s="62">
        <v>11</v>
      </c>
      <c r="ED11" s="63">
        <v>12</v>
      </c>
      <c r="EE11" s="60">
        <v>6</v>
      </c>
      <c r="EF11" s="61">
        <v>10</v>
      </c>
      <c r="EG11" s="62">
        <v>16</v>
      </c>
      <c r="EH11" s="228"/>
      <c r="EI11" s="61">
        <v>14</v>
      </c>
      <c r="EJ11" s="61">
        <v>1</v>
      </c>
      <c r="EK11" s="61">
        <v>1</v>
      </c>
      <c r="EL11" s="61">
        <v>3</v>
      </c>
      <c r="EM11" s="61">
        <v>2</v>
      </c>
      <c r="EN11" s="62">
        <v>21</v>
      </c>
      <c r="EO11" s="63">
        <v>37</v>
      </c>
      <c r="EP11" s="60">
        <v>13</v>
      </c>
      <c r="EQ11" s="61">
        <v>11</v>
      </c>
      <c r="ER11" s="62">
        <v>24</v>
      </c>
      <c r="ES11" s="228"/>
      <c r="ET11" s="61">
        <v>10</v>
      </c>
      <c r="EU11" s="61">
        <v>10</v>
      </c>
      <c r="EV11" s="61">
        <v>4</v>
      </c>
      <c r="EW11" s="61">
        <v>3</v>
      </c>
      <c r="EX11" s="61">
        <v>3</v>
      </c>
      <c r="EY11" s="62">
        <v>30</v>
      </c>
      <c r="EZ11" s="63">
        <v>54</v>
      </c>
      <c r="FA11" s="60">
        <v>11</v>
      </c>
      <c r="FB11" s="61">
        <v>15</v>
      </c>
      <c r="FC11" s="62">
        <v>26</v>
      </c>
      <c r="FD11" s="228"/>
      <c r="FE11" s="61">
        <v>23</v>
      </c>
      <c r="FF11" s="61">
        <v>4</v>
      </c>
      <c r="FG11" s="61">
        <v>7</v>
      </c>
      <c r="FH11" s="61">
        <v>8</v>
      </c>
      <c r="FI11" s="61">
        <v>9</v>
      </c>
      <c r="FJ11" s="62">
        <v>51</v>
      </c>
      <c r="FK11" s="63">
        <v>77</v>
      </c>
      <c r="FL11" s="60">
        <v>12</v>
      </c>
      <c r="FM11" s="61">
        <v>9</v>
      </c>
      <c r="FN11" s="62">
        <v>21</v>
      </c>
      <c r="FO11" s="228"/>
      <c r="FP11" s="61">
        <v>13</v>
      </c>
      <c r="FQ11" s="61">
        <v>16</v>
      </c>
      <c r="FR11" s="61">
        <v>11</v>
      </c>
      <c r="FS11" s="61">
        <v>10</v>
      </c>
      <c r="FT11" s="61">
        <v>5</v>
      </c>
      <c r="FU11" s="62">
        <v>55</v>
      </c>
      <c r="FV11" s="63">
        <v>76</v>
      </c>
      <c r="FW11" s="60">
        <v>0</v>
      </c>
      <c r="FX11" s="61">
        <v>0</v>
      </c>
      <c r="FY11" s="62">
        <v>0</v>
      </c>
      <c r="FZ11" s="228"/>
      <c r="GA11" s="61">
        <v>0</v>
      </c>
      <c r="GB11" s="61">
        <v>0</v>
      </c>
      <c r="GC11" s="61">
        <v>0</v>
      </c>
      <c r="GD11" s="61">
        <v>0</v>
      </c>
      <c r="GE11" s="61">
        <v>0</v>
      </c>
      <c r="GF11" s="62">
        <v>0</v>
      </c>
      <c r="GG11" s="63">
        <v>0</v>
      </c>
      <c r="GH11" s="60">
        <v>42</v>
      </c>
      <c r="GI11" s="61">
        <v>46</v>
      </c>
      <c r="GJ11" s="62">
        <v>88</v>
      </c>
      <c r="GK11" s="228"/>
      <c r="GL11" s="61">
        <v>65</v>
      </c>
      <c r="GM11" s="61">
        <v>34</v>
      </c>
      <c r="GN11" s="61">
        <v>28</v>
      </c>
      <c r="GO11" s="61">
        <v>25</v>
      </c>
      <c r="GP11" s="61">
        <v>21</v>
      </c>
      <c r="GQ11" s="62">
        <v>173</v>
      </c>
      <c r="GR11" s="63">
        <v>261</v>
      </c>
      <c r="GS11" s="113">
        <v>195</v>
      </c>
      <c r="GT11" s="72">
        <v>124</v>
      </c>
      <c r="GU11" s="73">
        <v>319</v>
      </c>
      <c r="GV11" s="228"/>
      <c r="GW11" s="72">
        <v>290</v>
      </c>
      <c r="GX11" s="72">
        <v>157</v>
      </c>
      <c r="GY11" s="72">
        <v>88</v>
      </c>
      <c r="GZ11" s="72">
        <v>95</v>
      </c>
      <c r="HA11" s="72">
        <v>61</v>
      </c>
      <c r="HB11" s="74">
        <v>691</v>
      </c>
      <c r="HC11" s="75">
        <v>1010</v>
      </c>
      <c r="HD11" s="60">
        <v>5</v>
      </c>
      <c r="HE11" s="61">
        <v>3</v>
      </c>
      <c r="HF11" s="62">
        <v>8</v>
      </c>
      <c r="HG11" s="228"/>
      <c r="HH11" s="61">
        <v>4</v>
      </c>
      <c r="HI11" s="61">
        <v>6</v>
      </c>
      <c r="HJ11" s="61">
        <v>5</v>
      </c>
      <c r="HK11" s="61">
        <v>5</v>
      </c>
      <c r="HL11" s="61">
        <v>1</v>
      </c>
      <c r="HM11" s="62">
        <v>21</v>
      </c>
      <c r="HN11" s="63">
        <v>29</v>
      </c>
      <c r="HO11" s="60">
        <v>13</v>
      </c>
      <c r="HP11" s="61">
        <v>9</v>
      </c>
      <c r="HQ11" s="62">
        <v>22</v>
      </c>
      <c r="HR11" s="228"/>
      <c r="HS11" s="61">
        <v>19</v>
      </c>
      <c r="HT11" s="61">
        <v>6</v>
      </c>
      <c r="HU11" s="61">
        <v>9</v>
      </c>
      <c r="HV11" s="61">
        <v>6</v>
      </c>
      <c r="HW11" s="61">
        <v>9</v>
      </c>
      <c r="HX11" s="62">
        <v>49</v>
      </c>
      <c r="HY11" s="63">
        <v>71</v>
      </c>
      <c r="HZ11" s="60">
        <v>22</v>
      </c>
      <c r="IA11" s="61">
        <v>24</v>
      </c>
      <c r="IB11" s="62">
        <v>46</v>
      </c>
      <c r="IC11" s="228"/>
      <c r="ID11" s="61">
        <v>33</v>
      </c>
      <c r="IE11" s="61">
        <v>15</v>
      </c>
      <c r="IF11" s="61">
        <v>9</v>
      </c>
      <c r="IG11" s="61">
        <v>15</v>
      </c>
      <c r="IH11" s="61">
        <v>6</v>
      </c>
      <c r="II11" s="62">
        <v>78</v>
      </c>
      <c r="IJ11" s="63">
        <v>124</v>
      </c>
      <c r="IK11" s="60">
        <v>48</v>
      </c>
      <c r="IL11" s="61">
        <v>29</v>
      </c>
      <c r="IM11" s="62">
        <v>77</v>
      </c>
      <c r="IN11" s="228"/>
      <c r="IO11" s="61">
        <v>70</v>
      </c>
      <c r="IP11" s="61">
        <v>33</v>
      </c>
      <c r="IQ11" s="61">
        <v>19</v>
      </c>
      <c r="IR11" s="61">
        <v>9</v>
      </c>
      <c r="IS11" s="61">
        <v>11</v>
      </c>
      <c r="IT11" s="62">
        <v>142</v>
      </c>
      <c r="IU11" s="63">
        <v>219</v>
      </c>
      <c r="IV11" s="60">
        <v>58</v>
      </c>
      <c r="IW11" s="61">
        <v>32</v>
      </c>
      <c r="IX11" s="62">
        <v>90</v>
      </c>
      <c r="IY11" s="228"/>
      <c r="IZ11" s="61">
        <v>90</v>
      </c>
      <c r="JA11" s="61">
        <v>46</v>
      </c>
      <c r="JB11" s="61">
        <v>15</v>
      </c>
      <c r="JC11" s="61">
        <v>29</v>
      </c>
      <c r="JD11" s="61">
        <v>22</v>
      </c>
      <c r="JE11" s="62">
        <v>202</v>
      </c>
      <c r="JF11" s="63">
        <v>292</v>
      </c>
      <c r="JG11" s="60">
        <v>49</v>
      </c>
      <c r="JH11" s="61">
        <v>27</v>
      </c>
      <c r="JI11" s="62">
        <v>76</v>
      </c>
      <c r="JJ11" s="228"/>
      <c r="JK11" s="61">
        <v>74</v>
      </c>
      <c r="JL11" s="61">
        <v>51</v>
      </c>
      <c r="JM11" s="61">
        <v>31</v>
      </c>
      <c r="JN11" s="61">
        <v>31</v>
      </c>
      <c r="JO11" s="61">
        <v>12</v>
      </c>
      <c r="JP11" s="62">
        <v>199</v>
      </c>
      <c r="JQ11" s="63">
        <v>275</v>
      </c>
      <c r="JR11" s="60">
        <v>0</v>
      </c>
      <c r="JS11" s="61">
        <v>0</v>
      </c>
      <c r="JT11" s="62">
        <v>0</v>
      </c>
      <c r="JU11" s="228"/>
      <c r="JV11" s="61">
        <v>0</v>
      </c>
      <c r="JW11" s="61">
        <v>0</v>
      </c>
      <c r="JX11" s="61">
        <v>0</v>
      </c>
      <c r="JY11" s="61">
        <v>0</v>
      </c>
      <c r="JZ11" s="61">
        <v>0</v>
      </c>
      <c r="KA11" s="62">
        <v>0</v>
      </c>
      <c r="KB11" s="63">
        <v>0</v>
      </c>
      <c r="KC11" s="60">
        <v>195</v>
      </c>
      <c r="KD11" s="61">
        <v>124</v>
      </c>
      <c r="KE11" s="62">
        <v>319</v>
      </c>
      <c r="KF11" s="228"/>
      <c r="KG11" s="61">
        <v>290</v>
      </c>
      <c r="KH11" s="61">
        <v>157</v>
      </c>
      <c r="KI11" s="61">
        <v>88</v>
      </c>
      <c r="KJ11" s="61">
        <v>95</v>
      </c>
      <c r="KK11" s="61">
        <v>61</v>
      </c>
      <c r="KL11" s="62">
        <v>691</v>
      </c>
      <c r="KM11" s="63">
        <v>1010</v>
      </c>
    </row>
    <row r="12" spans="2:299" ht="21" customHeight="1" x14ac:dyDescent="0.2">
      <c r="B12" s="468" t="s">
        <v>8</v>
      </c>
      <c r="C12" s="291">
        <v>59</v>
      </c>
      <c r="D12" s="72">
        <v>35</v>
      </c>
      <c r="E12" s="73">
        <v>94</v>
      </c>
      <c r="F12" s="228"/>
      <c r="G12" s="72">
        <v>112</v>
      </c>
      <c r="H12" s="72">
        <v>84</v>
      </c>
      <c r="I12" s="72">
        <v>55</v>
      </c>
      <c r="J12" s="72">
        <v>49</v>
      </c>
      <c r="K12" s="72">
        <v>20</v>
      </c>
      <c r="L12" s="74">
        <v>320</v>
      </c>
      <c r="M12" s="75">
        <v>414</v>
      </c>
      <c r="N12" s="60">
        <v>2</v>
      </c>
      <c r="O12" s="61">
        <v>4</v>
      </c>
      <c r="P12" s="62">
        <v>6</v>
      </c>
      <c r="Q12" s="228"/>
      <c r="R12" s="61">
        <v>6</v>
      </c>
      <c r="S12" s="61">
        <v>3</v>
      </c>
      <c r="T12" s="61">
        <v>2</v>
      </c>
      <c r="U12" s="61">
        <v>1</v>
      </c>
      <c r="V12" s="61">
        <v>2</v>
      </c>
      <c r="W12" s="62">
        <v>14</v>
      </c>
      <c r="X12" s="63">
        <v>20</v>
      </c>
      <c r="Y12" s="60">
        <v>5</v>
      </c>
      <c r="Z12" s="61">
        <v>5</v>
      </c>
      <c r="AA12" s="62">
        <v>10</v>
      </c>
      <c r="AB12" s="228"/>
      <c r="AC12" s="61">
        <v>8</v>
      </c>
      <c r="AD12" s="61">
        <v>8</v>
      </c>
      <c r="AE12" s="61">
        <v>4</v>
      </c>
      <c r="AF12" s="61">
        <v>3</v>
      </c>
      <c r="AG12" s="61">
        <v>2</v>
      </c>
      <c r="AH12" s="62">
        <v>25</v>
      </c>
      <c r="AI12" s="63">
        <v>35</v>
      </c>
      <c r="AJ12" s="60">
        <v>7</v>
      </c>
      <c r="AK12" s="61">
        <v>5</v>
      </c>
      <c r="AL12" s="62">
        <v>12</v>
      </c>
      <c r="AM12" s="228"/>
      <c r="AN12" s="61">
        <v>14</v>
      </c>
      <c r="AO12" s="61">
        <v>11</v>
      </c>
      <c r="AP12" s="61">
        <v>7</v>
      </c>
      <c r="AQ12" s="61">
        <v>4</v>
      </c>
      <c r="AR12" s="61">
        <v>3</v>
      </c>
      <c r="AS12" s="62">
        <v>39</v>
      </c>
      <c r="AT12" s="63">
        <v>51</v>
      </c>
      <c r="AU12" s="60">
        <v>14</v>
      </c>
      <c r="AV12" s="61">
        <v>5</v>
      </c>
      <c r="AW12" s="62">
        <v>19</v>
      </c>
      <c r="AX12" s="228"/>
      <c r="AY12" s="61">
        <v>20</v>
      </c>
      <c r="AZ12" s="61">
        <v>14</v>
      </c>
      <c r="BA12" s="61">
        <v>8</v>
      </c>
      <c r="BB12" s="61">
        <v>11</v>
      </c>
      <c r="BC12" s="61">
        <v>5</v>
      </c>
      <c r="BD12" s="62">
        <v>58</v>
      </c>
      <c r="BE12" s="63">
        <v>77</v>
      </c>
      <c r="BF12" s="60">
        <v>18</v>
      </c>
      <c r="BG12" s="61">
        <v>8</v>
      </c>
      <c r="BH12" s="62">
        <v>26</v>
      </c>
      <c r="BI12" s="228"/>
      <c r="BJ12" s="61">
        <v>33</v>
      </c>
      <c r="BK12" s="61">
        <v>28</v>
      </c>
      <c r="BL12" s="61">
        <v>16</v>
      </c>
      <c r="BM12" s="61">
        <v>13</v>
      </c>
      <c r="BN12" s="61">
        <v>5</v>
      </c>
      <c r="BO12" s="62">
        <v>95</v>
      </c>
      <c r="BP12" s="63">
        <v>121</v>
      </c>
      <c r="BQ12" s="60">
        <v>13</v>
      </c>
      <c r="BR12" s="61">
        <v>8</v>
      </c>
      <c r="BS12" s="62">
        <v>21</v>
      </c>
      <c r="BT12" s="228"/>
      <c r="BU12" s="61">
        <v>31</v>
      </c>
      <c r="BV12" s="61">
        <v>20</v>
      </c>
      <c r="BW12" s="61">
        <v>18</v>
      </c>
      <c r="BX12" s="61">
        <v>17</v>
      </c>
      <c r="BY12" s="61">
        <v>3</v>
      </c>
      <c r="BZ12" s="62">
        <v>89</v>
      </c>
      <c r="CA12" s="63">
        <v>110</v>
      </c>
      <c r="CB12" s="60">
        <v>0</v>
      </c>
      <c r="CC12" s="61">
        <v>0</v>
      </c>
      <c r="CD12" s="62">
        <v>0</v>
      </c>
      <c r="CE12" s="228"/>
      <c r="CF12" s="61">
        <v>0</v>
      </c>
      <c r="CG12" s="61">
        <v>0</v>
      </c>
      <c r="CH12" s="61">
        <v>0</v>
      </c>
      <c r="CI12" s="61">
        <v>0</v>
      </c>
      <c r="CJ12" s="61">
        <v>0</v>
      </c>
      <c r="CK12" s="62">
        <v>0</v>
      </c>
      <c r="CL12" s="63">
        <v>0</v>
      </c>
      <c r="CM12" s="60">
        <v>59</v>
      </c>
      <c r="CN12" s="61">
        <v>35</v>
      </c>
      <c r="CO12" s="62">
        <v>94</v>
      </c>
      <c r="CP12" s="228"/>
      <c r="CQ12" s="61">
        <v>112</v>
      </c>
      <c r="CR12" s="61">
        <v>84</v>
      </c>
      <c r="CS12" s="61">
        <v>55</v>
      </c>
      <c r="CT12" s="61">
        <v>49</v>
      </c>
      <c r="CU12" s="61">
        <v>20</v>
      </c>
      <c r="CV12" s="62">
        <v>320</v>
      </c>
      <c r="CW12" s="63">
        <v>414</v>
      </c>
      <c r="CX12" s="113">
        <v>22</v>
      </c>
      <c r="CY12" s="72">
        <v>24</v>
      </c>
      <c r="CZ12" s="73">
        <v>46</v>
      </c>
      <c r="DA12" s="228"/>
      <c r="DB12" s="72">
        <v>56</v>
      </c>
      <c r="DC12" s="72">
        <v>37</v>
      </c>
      <c r="DD12" s="72">
        <v>24</v>
      </c>
      <c r="DE12" s="72">
        <v>21</v>
      </c>
      <c r="DF12" s="72">
        <v>14</v>
      </c>
      <c r="DG12" s="74">
        <v>152</v>
      </c>
      <c r="DH12" s="75">
        <v>198</v>
      </c>
      <c r="DI12" s="60">
        <v>2</v>
      </c>
      <c r="DJ12" s="61">
        <v>0</v>
      </c>
      <c r="DK12" s="62">
        <v>2</v>
      </c>
      <c r="DL12" s="228"/>
      <c r="DM12" s="61">
        <v>0</v>
      </c>
      <c r="DN12" s="61">
        <v>0</v>
      </c>
      <c r="DO12" s="61">
        <v>0</v>
      </c>
      <c r="DP12" s="61">
        <v>1</v>
      </c>
      <c r="DQ12" s="61">
        <v>0</v>
      </c>
      <c r="DR12" s="62">
        <v>1</v>
      </c>
      <c r="DS12" s="63">
        <v>3</v>
      </c>
      <c r="DT12" s="60">
        <v>3</v>
      </c>
      <c r="DU12" s="61">
        <v>2</v>
      </c>
      <c r="DV12" s="62">
        <v>5</v>
      </c>
      <c r="DW12" s="228"/>
      <c r="DX12" s="61">
        <v>2</v>
      </c>
      <c r="DY12" s="61">
        <v>3</v>
      </c>
      <c r="DZ12" s="61">
        <v>2</v>
      </c>
      <c r="EA12" s="61">
        <v>1</v>
      </c>
      <c r="EB12" s="61">
        <v>1</v>
      </c>
      <c r="EC12" s="62">
        <v>9</v>
      </c>
      <c r="ED12" s="63">
        <v>14</v>
      </c>
      <c r="EE12" s="60">
        <v>4</v>
      </c>
      <c r="EF12" s="61">
        <v>3</v>
      </c>
      <c r="EG12" s="62">
        <v>7</v>
      </c>
      <c r="EH12" s="228"/>
      <c r="EI12" s="61">
        <v>5</v>
      </c>
      <c r="EJ12" s="61">
        <v>5</v>
      </c>
      <c r="EK12" s="61">
        <v>1</v>
      </c>
      <c r="EL12" s="61">
        <v>2</v>
      </c>
      <c r="EM12" s="61">
        <v>2</v>
      </c>
      <c r="EN12" s="62">
        <v>15</v>
      </c>
      <c r="EO12" s="63">
        <v>22</v>
      </c>
      <c r="EP12" s="60">
        <v>4</v>
      </c>
      <c r="EQ12" s="61">
        <v>7</v>
      </c>
      <c r="ER12" s="62">
        <v>11</v>
      </c>
      <c r="ES12" s="228"/>
      <c r="ET12" s="61">
        <v>12</v>
      </c>
      <c r="EU12" s="61">
        <v>5</v>
      </c>
      <c r="EV12" s="61">
        <v>4</v>
      </c>
      <c r="EW12" s="61">
        <v>3</v>
      </c>
      <c r="EX12" s="61">
        <v>2</v>
      </c>
      <c r="EY12" s="62">
        <v>26</v>
      </c>
      <c r="EZ12" s="63">
        <v>37</v>
      </c>
      <c r="FA12" s="60">
        <v>5</v>
      </c>
      <c r="FB12" s="61">
        <v>4</v>
      </c>
      <c r="FC12" s="62">
        <v>9</v>
      </c>
      <c r="FD12" s="228"/>
      <c r="FE12" s="61">
        <v>17</v>
      </c>
      <c r="FF12" s="61">
        <v>11</v>
      </c>
      <c r="FG12" s="61">
        <v>6</v>
      </c>
      <c r="FH12" s="61">
        <v>4</v>
      </c>
      <c r="FI12" s="61">
        <v>5</v>
      </c>
      <c r="FJ12" s="62">
        <v>43</v>
      </c>
      <c r="FK12" s="63">
        <v>52</v>
      </c>
      <c r="FL12" s="60">
        <v>4</v>
      </c>
      <c r="FM12" s="61">
        <v>8</v>
      </c>
      <c r="FN12" s="62">
        <v>12</v>
      </c>
      <c r="FO12" s="228"/>
      <c r="FP12" s="61">
        <v>20</v>
      </c>
      <c r="FQ12" s="61">
        <v>13</v>
      </c>
      <c r="FR12" s="61">
        <v>11</v>
      </c>
      <c r="FS12" s="61">
        <v>10</v>
      </c>
      <c r="FT12" s="61">
        <v>4</v>
      </c>
      <c r="FU12" s="62">
        <v>58</v>
      </c>
      <c r="FV12" s="63">
        <v>70</v>
      </c>
      <c r="FW12" s="60">
        <v>0</v>
      </c>
      <c r="FX12" s="61">
        <v>0</v>
      </c>
      <c r="FY12" s="62">
        <v>0</v>
      </c>
      <c r="FZ12" s="228"/>
      <c r="GA12" s="61">
        <v>0</v>
      </c>
      <c r="GB12" s="61">
        <v>0</v>
      </c>
      <c r="GC12" s="61">
        <v>0</v>
      </c>
      <c r="GD12" s="61">
        <v>0</v>
      </c>
      <c r="GE12" s="61">
        <v>0</v>
      </c>
      <c r="GF12" s="62">
        <v>0</v>
      </c>
      <c r="GG12" s="63">
        <v>0</v>
      </c>
      <c r="GH12" s="60">
        <v>22</v>
      </c>
      <c r="GI12" s="61">
        <v>24</v>
      </c>
      <c r="GJ12" s="62">
        <v>46</v>
      </c>
      <c r="GK12" s="228"/>
      <c r="GL12" s="61">
        <v>56</v>
      </c>
      <c r="GM12" s="61">
        <v>37</v>
      </c>
      <c r="GN12" s="61">
        <v>24</v>
      </c>
      <c r="GO12" s="61">
        <v>21</v>
      </c>
      <c r="GP12" s="61">
        <v>14</v>
      </c>
      <c r="GQ12" s="62">
        <v>152</v>
      </c>
      <c r="GR12" s="63">
        <v>198</v>
      </c>
      <c r="GS12" s="113">
        <v>81</v>
      </c>
      <c r="GT12" s="72">
        <v>59</v>
      </c>
      <c r="GU12" s="73">
        <v>140</v>
      </c>
      <c r="GV12" s="228"/>
      <c r="GW12" s="72">
        <v>168</v>
      </c>
      <c r="GX12" s="72">
        <v>121</v>
      </c>
      <c r="GY12" s="72">
        <v>79</v>
      </c>
      <c r="GZ12" s="72">
        <v>70</v>
      </c>
      <c r="HA12" s="72">
        <v>34</v>
      </c>
      <c r="HB12" s="74">
        <v>472</v>
      </c>
      <c r="HC12" s="75">
        <v>612</v>
      </c>
      <c r="HD12" s="60">
        <v>4</v>
      </c>
      <c r="HE12" s="61">
        <v>4</v>
      </c>
      <c r="HF12" s="62">
        <v>8</v>
      </c>
      <c r="HG12" s="228"/>
      <c r="HH12" s="61">
        <v>6</v>
      </c>
      <c r="HI12" s="61">
        <v>3</v>
      </c>
      <c r="HJ12" s="61">
        <v>2</v>
      </c>
      <c r="HK12" s="61">
        <v>2</v>
      </c>
      <c r="HL12" s="61">
        <v>2</v>
      </c>
      <c r="HM12" s="62">
        <v>15</v>
      </c>
      <c r="HN12" s="63">
        <v>23</v>
      </c>
      <c r="HO12" s="60">
        <v>8</v>
      </c>
      <c r="HP12" s="61">
        <v>7</v>
      </c>
      <c r="HQ12" s="62">
        <v>15</v>
      </c>
      <c r="HR12" s="228"/>
      <c r="HS12" s="61">
        <v>10</v>
      </c>
      <c r="HT12" s="61">
        <v>11</v>
      </c>
      <c r="HU12" s="61">
        <v>6</v>
      </c>
      <c r="HV12" s="61">
        <v>4</v>
      </c>
      <c r="HW12" s="61">
        <v>3</v>
      </c>
      <c r="HX12" s="62">
        <v>34</v>
      </c>
      <c r="HY12" s="63">
        <v>49</v>
      </c>
      <c r="HZ12" s="60">
        <v>11</v>
      </c>
      <c r="IA12" s="61">
        <v>8</v>
      </c>
      <c r="IB12" s="62">
        <v>19</v>
      </c>
      <c r="IC12" s="228"/>
      <c r="ID12" s="61">
        <v>19</v>
      </c>
      <c r="IE12" s="61">
        <v>16</v>
      </c>
      <c r="IF12" s="61">
        <v>8</v>
      </c>
      <c r="IG12" s="61">
        <v>6</v>
      </c>
      <c r="IH12" s="61">
        <v>5</v>
      </c>
      <c r="II12" s="62">
        <v>54</v>
      </c>
      <c r="IJ12" s="63">
        <v>73</v>
      </c>
      <c r="IK12" s="60">
        <v>18</v>
      </c>
      <c r="IL12" s="61">
        <v>12</v>
      </c>
      <c r="IM12" s="62">
        <v>30</v>
      </c>
      <c r="IN12" s="228"/>
      <c r="IO12" s="61">
        <v>32</v>
      </c>
      <c r="IP12" s="61">
        <v>19</v>
      </c>
      <c r="IQ12" s="61">
        <v>12</v>
      </c>
      <c r="IR12" s="61">
        <v>14</v>
      </c>
      <c r="IS12" s="61">
        <v>7</v>
      </c>
      <c r="IT12" s="62">
        <v>84</v>
      </c>
      <c r="IU12" s="63">
        <v>114</v>
      </c>
      <c r="IV12" s="60">
        <v>23</v>
      </c>
      <c r="IW12" s="61">
        <v>12</v>
      </c>
      <c r="IX12" s="62">
        <v>35</v>
      </c>
      <c r="IY12" s="228"/>
      <c r="IZ12" s="61">
        <v>50</v>
      </c>
      <c r="JA12" s="61">
        <v>39</v>
      </c>
      <c r="JB12" s="61">
        <v>22</v>
      </c>
      <c r="JC12" s="61">
        <v>17</v>
      </c>
      <c r="JD12" s="61">
        <v>10</v>
      </c>
      <c r="JE12" s="62">
        <v>138</v>
      </c>
      <c r="JF12" s="63">
        <v>173</v>
      </c>
      <c r="JG12" s="60">
        <v>17</v>
      </c>
      <c r="JH12" s="61">
        <v>16</v>
      </c>
      <c r="JI12" s="62">
        <v>33</v>
      </c>
      <c r="JJ12" s="228"/>
      <c r="JK12" s="61">
        <v>51</v>
      </c>
      <c r="JL12" s="61">
        <v>33</v>
      </c>
      <c r="JM12" s="61">
        <v>29</v>
      </c>
      <c r="JN12" s="61">
        <v>27</v>
      </c>
      <c r="JO12" s="61">
        <v>7</v>
      </c>
      <c r="JP12" s="62">
        <v>147</v>
      </c>
      <c r="JQ12" s="63">
        <v>180</v>
      </c>
      <c r="JR12" s="60">
        <v>0</v>
      </c>
      <c r="JS12" s="61">
        <v>0</v>
      </c>
      <c r="JT12" s="62">
        <v>0</v>
      </c>
      <c r="JU12" s="228"/>
      <c r="JV12" s="61">
        <v>0</v>
      </c>
      <c r="JW12" s="61">
        <v>0</v>
      </c>
      <c r="JX12" s="61">
        <v>0</v>
      </c>
      <c r="JY12" s="61">
        <v>0</v>
      </c>
      <c r="JZ12" s="61">
        <v>0</v>
      </c>
      <c r="KA12" s="62">
        <v>0</v>
      </c>
      <c r="KB12" s="63">
        <v>0</v>
      </c>
      <c r="KC12" s="60">
        <v>81</v>
      </c>
      <c r="KD12" s="61">
        <v>59</v>
      </c>
      <c r="KE12" s="62">
        <v>140</v>
      </c>
      <c r="KF12" s="228"/>
      <c r="KG12" s="61">
        <v>168</v>
      </c>
      <c r="KH12" s="61">
        <v>121</v>
      </c>
      <c r="KI12" s="61">
        <v>79</v>
      </c>
      <c r="KJ12" s="61">
        <v>70</v>
      </c>
      <c r="KK12" s="61">
        <v>34</v>
      </c>
      <c r="KL12" s="62">
        <v>472</v>
      </c>
      <c r="KM12" s="63">
        <v>612</v>
      </c>
    </row>
    <row r="13" spans="2:299" ht="21" customHeight="1" x14ac:dyDescent="0.2">
      <c r="B13" s="468" t="s">
        <v>9</v>
      </c>
      <c r="C13" s="291">
        <v>196</v>
      </c>
      <c r="D13" s="72">
        <v>115</v>
      </c>
      <c r="E13" s="73">
        <v>311</v>
      </c>
      <c r="F13" s="228"/>
      <c r="G13" s="72">
        <v>222</v>
      </c>
      <c r="H13" s="72">
        <v>143</v>
      </c>
      <c r="I13" s="72">
        <v>104</v>
      </c>
      <c r="J13" s="72">
        <v>75</v>
      </c>
      <c r="K13" s="72">
        <v>53</v>
      </c>
      <c r="L13" s="74">
        <v>597</v>
      </c>
      <c r="M13" s="75">
        <v>908</v>
      </c>
      <c r="N13" s="60">
        <v>5</v>
      </c>
      <c r="O13" s="61">
        <v>1</v>
      </c>
      <c r="P13" s="62">
        <v>6</v>
      </c>
      <c r="Q13" s="228"/>
      <c r="R13" s="61">
        <v>3</v>
      </c>
      <c r="S13" s="61">
        <v>4</v>
      </c>
      <c r="T13" s="61">
        <v>4</v>
      </c>
      <c r="U13" s="61">
        <v>1</v>
      </c>
      <c r="V13" s="61">
        <v>7</v>
      </c>
      <c r="W13" s="62">
        <v>19</v>
      </c>
      <c r="X13" s="63">
        <v>25</v>
      </c>
      <c r="Y13" s="60">
        <v>3</v>
      </c>
      <c r="Z13" s="61">
        <v>8</v>
      </c>
      <c r="AA13" s="62">
        <v>11</v>
      </c>
      <c r="AB13" s="228"/>
      <c r="AC13" s="61">
        <v>13</v>
      </c>
      <c r="AD13" s="61">
        <v>5</v>
      </c>
      <c r="AE13" s="61">
        <v>2</v>
      </c>
      <c r="AF13" s="61">
        <v>2</v>
      </c>
      <c r="AG13" s="61">
        <v>3</v>
      </c>
      <c r="AH13" s="62">
        <v>25</v>
      </c>
      <c r="AI13" s="63">
        <v>36</v>
      </c>
      <c r="AJ13" s="60">
        <v>24</v>
      </c>
      <c r="AK13" s="61">
        <v>13</v>
      </c>
      <c r="AL13" s="62">
        <v>37</v>
      </c>
      <c r="AM13" s="228"/>
      <c r="AN13" s="61">
        <v>16</v>
      </c>
      <c r="AO13" s="61">
        <v>11</v>
      </c>
      <c r="AP13" s="61">
        <v>10</v>
      </c>
      <c r="AQ13" s="61">
        <v>4</v>
      </c>
      <c r="AR13" s="61">
        <v>7</v>
      </c>
      <c r="AS13" s="62">
        <v>48</v>
      </c>
      <c r="AT13" s="63">
        <v>85</v>
      </c>
      <c r="AU13" s="60">
        <v>45</v>
      </c>
      <c r="AV13" s="61">
        <v>21</v>
      </c>
      <c r="AW13" s="62">
        <v>66</v>
      </c>
      <c r="AX13" s="228"/>
      <c r="AY13" s="61">
        <v>50</v>
      </c>
      <c r="AZ13" s="61">
        <v>20</v>
      </c>
      <c r="BA13" s="61">
        <v>16</v>
      </c>
      <c r="BB13" s="61">
        <v>9</v>
      </c>
      <c r="BC13" s="61">
        <v>6</v>
      </c>
      <c r="BD13" s="62">
        <v>101</v>
      </c>
      <c r="BE13" s="63">
        <v>167</v>
      </c>
      <c r="BF13" s="60">
        <v>66</v>
      </c>
      <c r="BG13" s="61">
        <v>41</v>
      </c>
      <c r="BH13" s="62">
        <v>107</v>
      </c>
      <c r="BI13" s="228"/>
      <c r="BJ13" s="61">
        <v>74</v>
      </c>
      <c r="BK13" s="61">
        <v>41</v>
      </c>
      <c r="BL13" s="61">
        <v>28</v>
      </c>
      <c r="BM13" s="61">
        <v>26</v>
      </c>
      <c r="BN13" s="61">
        <v>14</v>
      </c>
      <c r="BO13" s="62">
        <v>183</v>
      </c>
      <c r="BP13" s="63">
        <v>290</v>
      </c>
      <c r="BQ13" s="60">
        <v>53</v>
      </c>
      <c r="BR13" s="61">
        <v>31</v>
      </c>
      <c r="BS13" s="62">
        <v>84</v>
      </c>
      <c r="BT13" s="228"/>
      <c r="BU13" s="61">
        <v>66</v>
      </c>
      <c r="BV13" s="61">
        <v>62</v>
      </c>
      <c r="BW13" s="61">
        <v>44</v>
      </c>
      <c r="BX13" s="61">
        <v>33</v>
      </c>
      <c r="BY13" s="61">
        <v>16</v>
      </c>
      <c r="BZ13" s="62">
        <v>221</v>
      </c>
      <c r="CA13" s="63">
        <v>305</v>
      </c>
      <c r="CB13" s="60">
        <v>0</v>
      </c>
      <c r="CC13" s="61">
        <v>0</v>
      </c>
      <c r="CD13" s="62">
        <v>0</v>
      </c>
      <c r="CE13" s="228"/>
      <c r="CF13" s="61">
        <v>0</v>
      </c>
      <c r="CG13" s="61">
        <v>0</v>
      </c>
      <c r="CH13" s="61">
        <v>0</v>
      </c>
      <c r="CI13" s="61">
        <v>0</v>
      </c>
      <c r="CJ13" s="61">
        <v>0</v>
      </c>
      <c r="CK13" s="62">
        <v>0</v>
      </c>
      <c r="CL13" s="63">
        <v>0</v>
      </c>
      <c r="CM13" s="60">
        <v>196</v>
      </c>
      <c r="CN13" s="61">
        <v>115</v>
      </c>
      <c r="CO13" s="62">
        <v>311</v>
      </c>
      <c r="CP13" s="228"/>
      <c r="CQ13" s="61">
        <v>222</v>
      </c>
      <c r="CR13" s="61">
        <v>143</v>
      </c>
      <c r="CS13" s="61">
        <v>104</v>
      </c>
      <c r="CT13" s="61">
        <v>75</v>
      </c>
      <c r="CU13" s="61">
        <v>53</v>
      </c>
      <c r="CV13" s="62">
        <v>597</v>
      </c>
      <c r="CW13" s="63">
        <v>908</v>
      </c>
      <c r="CX13" s="113">
        <v>81</v>
      </c>
      <c r="CY13" s="72">
        <v>54</v>
      </c>
      <c r="CZ13" s="73">
        <v>135</v>
      </c>
      <c r="DA13" s="228"/>
      <c r="DB13" s="72">
        <v>73</v>
      </c>
      <c r="DC13" s="72">
        <v>51</v>
      </c>
      <c r="DD13" s="72">
        <v>39</v>
      </c>
      <c r="DE13" s="72">
        <v>42</v>
      </c>
      <c r="DF13" s="72">
        <v>20</v>
      </c>
      <c r="DG13" s="74">
        <v>225</v>
      </c>
      <c r="DH13" s="75">
        <v>360</v>
      </c>
      <c r="DI13" s="60">
        <v>1</v>
      </c>
      <c r="DJ13" s="61">
        <v>0</v>
      </c>
      <c r="DK13" s="62">
        <v>1</v>
      </c>
      <c r="DL13" s="228"/>
      <c r="DM13" s="61">
        <v>0</v>
      </c>
      <c r="DN13" s="61">
        <v>1</v>
      </c>
      <c r="DO13" s="61">
        <v>1</v>
      </c>
      <c r="DP13" s="61">
        <v>1</v>
      </c>
      <c r="DQ13" s="61">
        <v>0</v>
      </c>
      <c r="DR13" s="62">
        <v>3</v>
      </c>
      <c r="DS13" s="63">
        <v>4</v>
      </c>
      <c r="DT13" s="60">
        <v>6</v>
      </c>
      <c r="DU13" s="61">
        <v>7</v>
      </c>
      <c r="DV13" s="62">
        <v>13</v>
      </c>
      <c r="DW13" s="228"/>
      <c r="DX13" s="61">
        <v>3</v>
      </c>
      <c r="DY13" s="61">
        <v>1</v>
      </c>
      <c r="DZ13" s="61">
        <v>0</v>
      </c>
      <c r="EA13" s="61">
        <v>1</v>
      </c>
      <c r="EB13" s="61">
        <v>1</v>
      </c>
      <c r="EC13" s="62">
        <v>6</v>
      </c>
      <c r="ED13" s="63">
        <v>19</v>
      </c>
      <c r="EE13" s="60">
        <v>9</v>
      </c>
      <c r="EF13" s="61">
        <v>5</v>
      </c>
      <c r="EG13" s="62">
        <v>14</v>
      </c>
      <c r="EH13" s="228"/>
      <c r="EI13" s="61">
        <v>11</v>
      </c>
      <c r="EJ13" s="61">
        <v>5</v>
      </c>
      <c r="EK13" s="61">
        <v>2</v>
      </c>
      <c r="EL13" s="61">
        <v>3</v>
      </c>
      <c r="EM13" s="61">
        <v>1</v>
      </c>
      <c r="EN13" s="62">
        <v>22</v>
      </c>
      <c r="EO13" s="63">
        <v>36</v>
      </c>
      <c r="EP13" s="60">
        <v>23</v>
      </c>
      <c r="EQ13" s="61">
        <v>15</v>
      </c>
      <c r="ER13" s="62">
        <v>38</v>
      </c>
      <c r="ES13" s="228"/>
      <c r="ET13" s="61">
        <v>14</v>
      </c>
      <c r="EU13" s="61">
        <v>8</v>
      </c>
      <c r="EV13" s="61">
        <v>8</v>
      </c>
      <c r="EW13" s="61">
        <v>6</v>
      </c>
      <c r="EX13" s="61">
        <v>1</v>
      </c>
      <c r="EY13" s="62">
        <v>37</v>
      </c>
      <c r="EZ13" s="63">
        <v>75</v>
      </c>
      <c r="FA13" s="60">
        <v>30</v>
      </c>
      <c r="FB13" s="61">
        <v>15</v>
      </c>
      <c r="FC13" s="62">
        <v>45</v>
      </c>
      <c r="FD13" s="228"/>
      <c r="FE13" s="61">
        <v>18</v>
      </c>
      <c r="FF13" s="61">
        <v>15</v>
      </c>
      <c r="FG13" s="61">
        <v>8</v>
      </c>
      <c r="FH13" s="61">
        <v>8</v>
      </c>
      <c r="FI13" s="61">
        <v>5</v>
      </c>
      <c r="FJ13" s="62">
        <v>54</v>
      </c>
      <c r="FK13" s="63">
        <v>99</v>
      </c>
      <c r="FL13" s="60">
        <v>12</v>
      </c>
      <c r="FM13" s="61">
        <v>12</v>
      </c>
      <c r="FN13" s="62">
        <v>24</v>
      </c>
      <c r="FO13" s="228"/>
      <c r="FP13" s="61">
        <v>27</v>
      </c>
      <c r="FQ13" s="61">
        <v>21</v>
      </c>
      <c r="FR13" s="61">
        <v>20</v>
      </c>
      <c r="FS13" s="61">
        <v>23</v>
      </c>
      <c r="FT13" s="61">
        <v>12</v>
      </c>
      <c r="FU13" s="62">
        <v>103</v>
      </c>
      <c r="FV13" s="63">
        <v>127</v>
      </c>
      <c r="FW13" s="60">
        <v>0</v>
      </c>
      <c r="FX13" s="61">
        <v>0</v>
      </c>
      <c r="FY13" s="62">
        <v>0</v>
      </c>
      <c r="FZ13" s="228"/>
      <c r="GA13" s="61">
        <v>0</v>
      </c>
      <c r="GB13" s="61">
        <v>0</v>
      </c>
      <c r="GC13" s="61">
        <v>0</v>
      </c>
      <c r="GD13" s="61">
        <v>0</v>
      </c>
      <c r="GE13" s="61">
        <v>0</v>
      </c>
      <c r="GF13" s="62">
        <v>0</v>
      </c>
      <c r="GG13" s="63">
        <v>0</v>
      </c>
      <c r="GH13" s="60">
        <v>81</v>
      </c>
      <c r="GI13" s="61">
        <v>54</v>
      </c>
      <c r="GJ13" s="62">
        <v>135</v>
      </c>
      <c r="GK13" s="228"/>
      <c r="GL13" s="61">
        <v>73</v>
      </c>
      <c r="GM13" s="61">
        <v>51</v>
      </c>
      <c r="GN13" s="61">
        <v>39</v>
      </c>
      <c r="GO13" s="61">
        <v>42</v>
      </c>
      <c r="GP13" s="61">
        <v>20</v>
      </c>
      <c r="GQ13" s="62">
        <v>225</v>
      </c>
      <c r="GR13" s="63">
        <v>360</v>
      </c>
      <c r="GS13" s="113">
        <v>277</v>
      </c>
      <c r="GT13" s="72">
        <v>169</v>
      </c>
      <c r="GU13" s="73">
        <v>446</v>
      </c>
      <c r="GV13" s="228"/>
      <c r="GW13" s="72">
        <v>295</v>
      </c>
      <c r="GX13" s="72">
        <v>194</v>
      </c>
      <c r="GY13" s="72">
        <v>143</v>
      </c>
      <c r="GZ13" s="72">
        <v>117</v>
      </c>
      <c r="HA13" s="72">
        <v>73</v>
      </c>
      <c r="HB13" s="74">
        <v>822</v>
      </c>
      <c r="HC13" s="75">
        <v>1268</v>
      </c>
      <c r="HD13" s="60">
        <v>6</v>
      </c>
      <c r="HE13" s="61">
        <v>1</v>
      </c>
      <c r="HF13" s="62">
        <v>7</v>
      </c>
      <c r="HG13" s="228"/>
      <c r="HH13" s="61">
        <v>3</v>
      </c>
      <c r="HI13" s="61">
        <v>5</v>
      </c>
      <c r="HJ13" s="61">
        <v>5</v>
      </c>
      <c r="HK13" s="61">
        <v>2</v>
      </c>
      <c r="HL13" s="61">
        <v>7</v>
      </c>
      <c r="HM13" s="62">
        <v>22</v>
      </c>
      <c r="HN13" s="63">
        <v>29</v>
      </c>
      <c r="HO13" s="60">
        <v>9</v>
      </c>
      <c r="HP13" s="61">
        <v>15</v>
      </c>
      <c r="HQ13" s="62">
        <v>24</v>
      </c>
      <c r="HR13" s="228"/>
      <c r="HS13" s="61">
        <v>16</v>
      </c>
      <c r="HT13" s="61">
        <v>6</v>
      </c>
      <c r="HU13" s="61">
        <v>2</v>
      </c>
      <c r="HV13" s="61">
        <v>3</v>
      </c>
      <c r="HW13" s="61">
        <v>4</v>
      </c>
      <c r="HX13" s="62">
        <v>31</v>
      </c>
      <c r="HY13" s="63">
        <v>55</v>
      </c>
      <c r="HZ13" s="60">
        <v>33</v>
      </c>
      <c r="IA13" s="61">
        <v>18</v>
      </c>
      <c r="IB13" s="62">
        <v>51</v>
      </c>
      <c r="IC13" s="228"/>
      <c r="ID13" s="61">
        <v>27</v>
      </c>
      <c r="IE13" s="61">
        <v>16</v>
      </c>
      <c r="IF13" s="61">
        <v>12</v>
      </c>
      <c r="IG13" s="61">
        <v>7</v>
      </c>
      <c r="IH13" s="61">
        <v>8</v>
      </c>
      <c r="II13" s="62">
        <v>70</v>
      </c>
      <c r="IJ13" s="63">
        <v>121</v>
      </c>
      <c r="IK13" s="60">
        <v>68</v>
      </c>
      <c r="IL13" s="61">
        <v>36</v>
      </c>
      <c r="IM13" s="62">
        <v>104</v>
      </c>
      <c r="IN13" s="228"/>
      <c r="IO13" s="61">
        <v>64</v>
      </c>
      <c r="IP13" s="61">
        <v>28</v>
      </c>
      <c r="IQ13" s="61">
        <v>24</v>
      </c>
      <c r="IR13" s="61">
        <v>15</v>
      </c>
      <c r="IS13" s="61">
        <v>7</v>
      </c>
      <c r="IT13" s="62">
        <v>138</v>
      </c>
      <c r="IU13" s="63">
        <v>242</v>
      </c>
      <c r="IV13" s="60">
        <v>96</v>
      </c>
      <c r="IW13" s="61">
        <v>56</v>
      </c>
      <c r="IX13" s="62">
        <v>152</v>
      </c>
      <c r="IY13" s="228"/>
      <c r="IZ13" s="61">
        <v>92</v>
      </c>
      <c r="JA13" s="61">
        <v>56</v>
      </c>
      <c r="JB13" s="61">
        <v>36</v>
      </c>
      <c r="JC13" s="61">
        <v>34</v>
      </c>
      <c r="JD13" s="61">
        <v>19</v>
      </c>
      <c r="JE13" s="62">
        <v>237</v>
      </c>
      <c r="JF13" s="63">
        <v>389</v>
      </c>
      <c r="JG13" s="60">
        <v>65</v>
      </c>
      <c r="JH13" s="61">
        <v>43</v>
      </c>
      <c r="JI13" s="62">
        <v>108</v>
      </c>
      <c r="JJ13" s="228"/>
      <c r="JK13" s="61">
        <v>93</v>
      </c>
      <c r="JL13" s="61">
        <v>83</v>
      </c>
      <c r="JM13" s="61">
        <v>64</v>
      </c>
      <c r="JN13" s="61">
        <v>56</v>
      </c>
      <c r="JO13" s="61">
        <v>28</v>
      </c>
      <c r="JP13" s="62">
        <v>324</v>
      </c>
      <c r="JQ13" s="63">
        <v>432</v>
      </c>
      <c r="JR13" s="60">
        <v>0</v>
      </c>
      <c r="JS13" s="61">
        <v>0</v>
      </c>
      <c r="JT13" s="62">
        <v>0</v>
      </c>
      <c r="JU13" s="228"/>
      <c r="JV13" s="61">
        <v>0</v>
      </c>
      <c r="JW13" s="61">
        <v>0</v>
      </c>
      <c r="JX13" s="61">
        <v>0</v>
      </c>
      <c r="JY13" s="61">
        <v>0</v>
      </c>
      <c r="JZ13" s="61">
        <v>0</v>
      </c>
      <c r="KA13" s="62">
        <v>0</v>
      </c>
      <c r="KB13" s="63">
        <v>0</v>
      </c>
      <c r="KC13" s="60">
        <v>277</v>
      </c>
      <c r="KD13" s="61">
        <v>169</v>
      </c>
      <c r="KE13" s="62">
        <v>446</v>
      </c>
      <c r="KF13" s="228"/>
      <c r="KG13" s="61">
        <v>295</v>
      </c>
      <c r="KH13" s="61">
        <v>194</v>
      </c>
      <c r="KI13" s="61">
        <v>143</v>
      </c>
      <c r="KJ13" s="61">
        <v>117</v>
      </c>
      <c r="KK13" s="61">
        <v>73</v>
      </c>
      <c r="KL13" s="62">
        <v>822</v>
      </c>
      <c r="KM13" s="63">
        <v>1268</v>
      </c>
    </row>
    <row r="14" spans="2:299" ht="21" customHeight="1" x14ac:dyDescent="0.2">
      <c r="B14" s="468" t="s">
        <v>10</v>
      </c>
      <c r="C14" s="291">
        <v>271</v>
      </c>
      <c r="D14" s="72">
        <v>198</v>
      </c>
      <c r="E14" s="73">
        <v>469</v>
      </c>
      <c r="F14" s="228"/>
      <c r="G14" s="72">
        <v>276</v>
      </c>
      <c r="H14" s="72">
        <v>164</v>
      </c>
      <c r="I14" s="72">
        <v>103</v>
      </c>
      <c r="J14" s="72">
        <v>81</v>
      </c>
      <c r="K14" s="72">
        <v>71</v>
      </c>
      <c r="L14" s="74">
        <v>695</v>
      </c>
      <c r="M14" s="75">
        <v>1164</v>
      </c>
      <c r="N14" s="60">
        <v>5</v>
      </c>
      <c r="O14" s="61">
        <v>9</v>
      </c>
      <c r="P14" s="62">
        <v>14</v>
      </c>
      <c r="Q14" s="228"/>
      <c r="R14" s="61">
        <v>8</v>
      </c>
      <c r="S14" s="61">
        <v>8</v>
      </c>
      <c r="T14" s="61">
        <v>3</v>
      </c>
      <c r="U14" s="61">
        <v>6</v>
      </c>
      <c r="V14" s="61">
        <v>1</v>
      </c>
      <c r="W14" s="62">
        <v>26</v>
      </c>
      <c r="X14" s="63">
        <v>40</v>
      </c>
      <c r="Y14" s="60">
        <v>23</v>
      </c>
      <c r="Z14" s="61">
        <v>11</v>
      </c>
      <c r="AA14" s="62">
        <v>34</v>
      </c>
      <c r="AB14" s="228"/>
      <c r="AC14" s="61">
        <v>18</v>
      </c>
      <c r="AD14" s="61">
        <v>18</v>
      </c>
      <c r="AE14" s="61">
        <v>11</v>
      </c>
      <c r="AF14" s="61">
        <v>8</v>
      </c>
      <c r="AG14" s="61">
        <v>11</v>
      </c>
      <c r="AH14" s="62">
        <v>66</v>
      </c>
      <c r="AI14" s="63">
        <v>100</v>
      </c>
      <c r="AJ14" s="60">
        <v>23</v>
      </c>
      <c r="AK14" s="61">
        <v>35</v>
      </c>
      <c r="AL14" s="62">
        <v>58</v>
      </c>
      <c r="AM14" s="228"/>
      <c r="AN14" s="61">
        <v>35</v>
      </c>
      <c r="AO14" s="61">
        <v>21</v>
      </c>
      <c r="AP14" s="61">
        <v>7</v>
      </c>
      <c r="AQ14" s="61">
        <v>8</v>
      </c>
      <c r="AR14" s="61">
        <v>11</v>
      </c>
      <c r="AS14" s="62">
        <v>82</v>
      </c>
      <c r="AT14" s="63">
        <v>140</v>
      </c>
      <c r="AU14" s="60">
        <v>59</v>
      </c>
      <c r="AV14" s="61">
        <v>44</v>
      </c>
      <c r="AW14" s="62">
        <v>103</v>
      </c>
      <c r="AX14" s="228"/>
      <c r="AY14" s="61">
        <v>67</v>
      </c>
      <c r="AZ14" s="61">
        <v>28</v>
      </c>
      <c r="BA14" s="61">
        <v>15</v>
      </c>
      <c r="BB14" s="61">
        <v>13</v>
      </c>
      <c r="BC14" s="61">
        <v>17</v>
      </c>
      <c r="BD14" s="62">
        <v>140</v>
      </c>
      <c r="BE14" s="63">
        <v>243</v>
      </c>
      <c r="BF14" s="60">
        <v>82</v>
      </c>
      <c r="BG14" s="61">
        <v>46</v>
      </c>
      <c r="BH14" s="62">
        <v>128</v>
      </c>
      <c r="BI14" s="228"/>
      <c r="BJ14" s="61">
        <v>77</v>
      </c>
      <c r="BK14" s="61">
        <v>46</v>
      </c>
      <c r="BL14" s="61">
        <v>31</v>
      </c>
      <c r="BM14" s="61">
        <v>14</v>
      </c>
      <c r="BN14" s="61">
        <v>17</v>
      </c>
      <c r="BO14" s="62">
        <v>185</v>
      </c>
      <c r="BP14" s="63">
        <v>313</v>
      </c>
      <c r="BQ14" s="60">
        <v>79</v>
      </c>
      <c r="BR14" s="61">
        <v>53</v>
      </c>
      <c r="BS14" s="62">
        <v>132</v>
      </c>
      <c r="BT14" s="228"/>
      <c r="BU14" s="61">
        <v>71</v>
      </c>
      <c r="BV14" s="61">
        <v>43</v>
      </c>
      <c r="BW14" s="61">
        <v>36</v>
      </c>
      <c r="BX14" s="61">
        <v>32</v>
      </c>
      <c r="BY14" s="61">
        <v>14</v>
      </c>
      <c r="BZ14" s="62">
        <v>196</v>
      </c>
      <c r="CA14" s="63">
        <v>328</v>
      </c>
      <c r="CB14" s="60">
        <v>0</v>
      </c>
      <c r="CC14" s="61">
        <v>0</v>
      </c>
      <c r="CD14" s="62">
        <v>0</v>
      </c>
      <c r="CE14" s="228"/>
      <c r="CF14" s="61">
        <v>0</v>
      </c>
      <c r="CG14" s="61">
        <v>0</v>
      </c>
      <c r="CH14" s="61">
        <v>0</v>
      </c>
      <c r="CI14" s="61">
        <v>0</v>
      </c>
      <c r="CJ14" s="61">
        <v>0</v>
      </c>
      <c r="CK14" s="62">
        <v>0</v>
      </c>
      <c r="CL14" s="63">
        <v>0</v>
      </c>
      <c r="CM14" s="60">
        <v>271</v>
      </c>
      <c r="CN14" s="61">
        <v>198</v>
      </c>
      <c r="CO14" s="62">
        <v>469</v>
      </c>
      <c r="CP14" s="228"/>
      <c r="CQ14" s="61">
        <v>276</v>
      </c>
      <c r="CR14" s="61">
        <v>164</v>
      </c>
      <c r="CS14" s="61">
        <v>103</v>
      </c>
      <c r="CT14" s="61">
        <v>81</v>
      </c>
      <c r="CU14" s="61">
        <v>71</v>
      </c>
      <c r="CV14" s="62">
        <v>695</v>
      </c>
      <c r="CW14" s="63">
        <v>1164</v>
      </c>
      <c r="CX14" s="113">
        <v>110</v>
      </c>
      <c r="CY14" s="72">
        <v>75</v>
      </c>
      <c r="CZ14" s="73">
        <v>185</v>
      </c>
      <c r="DA14" s="228"/>
      <c r="DB14" s="72">
        <v>110</v>
      </c>
      <c r="DC14" s="72">
        <v>61</v>
      </c>
      <c r="DD14" s="72">
        <v>48</v>
      </c>
      <c r="DE14" s="72">
        <v>44</v>
      </c>
      <c r="DF14" s="72">
        <v>38</v>
      </c>
      <c r="DG14" s="74">
        <v>301</v>
      </c>
      <c r="DH14" s="75">
        <v>486</v>
      </c>
      <c r="DI14" s="60">
        <v>3</v>
      </c>
      <c r="DJ14" s="61">
        <v>4</v>
      </c>
      <c r="DK14" s="62">
        <v>7</v>
      </c>
      <c r="DL14" s="228"/>
      <c r="DM14" s="61">
        <v>0</v>
      </c>
      <c r="DN14" s="61">
        <v>1</v>
      </c>
      <c r="DO14" s="61">
        <v>1</v>
      </c>
      <c r="DP14" s="61">
        <v>0</v>
      </c>
      <c r="DQ14" s="61">
        <v>0</v>
      </c>
      <c r="DR14" s="62">
        <v>2</v>
      </c>
      <c r="DS14" s="63">
        <v>9</v>
      </c>
      <c r="DT14" s="60">
        <v>10</v>
      </c>
      <c r="DU14" s="61">
        <v>4</v>
      </c>
      <c r="DV14" s="62">
        <v>14</v>
      </c>
      <c r="DW14" s="228"/>
      <c r="DX14" s="61">
        <v>7</v>
      </c>
      <c r="DY14" s="61">
        <v>0</v>
      </c>
      <c r="DZ14" s="61">
        <v>1</v>
      </c>
      <c r="EA14" s="61">
        <v>1</v>
      </c>
      <c r="EB14" s="61">
        <v>3</v>
      </c>
      <c r="EC14" s="62">
        <v>12</v>
      </c>
      <c r="ED14" s="63">
        <v>26</v>
      </c>
      <c r="EE14" s="60">
        <v>16</v>
      </c>
      <c r="EF14" s="61">
        <v>9</v>
      </c>
      <c r="EG14" s="62">
        <v>25</v>
      </c>
      <c r="EH14" s="228"/>
      <c r="EI14" s="61">
        <v>8</v>
      </c>
      <c r="EJ14" s="61">
        <v>5</v>
      </c>
      <c r="EK14" s="61">
        <v>5</v>
      </c>
      <c r="EL14" s="61">
        <v>2</v>
      </c>
      <c r="EM14" s="61">
        <v>0</v>
      </c>
      <c r="EN14" s="62">
        <v>20</v>
      </c>
      <c r="EO14" s="63">
        <v>45</v>
      </c>
      <c r="EP14" s="60">
        <v>24</v>
      </c>
      <c r="EQ14" s="61">
        <v>17</v>
      </c>
      <c r="ER14" s="62">
        <v>41</v>
      </c>
      <c r="ES14" s="228"/>
      <c r="ET14" s="61">
        <v>24</v>
      </c>
      <c r="EU14" s="61">
        <v>14</v>
      </c>
      <c r="EV14" s="61">
        <v>5</v>
      </c>
      <c r="EW14" s="61">
        <v>2</v>
      </c>
      <c r="EX14" s="61">
        <v>3</v>
      </c>
      <c r="EY14" s="62">
        <v>48</v>
      </c>
      <c r="EZ14" s="63">
        <v>89</v>
      </c>
      <c r="FA14" s="60">
        <v>32</v>
      </c>
      <c r="FB14" s="61">
        <v>24</v>
      </c>
      <c r="FC14" s="62">
        <v>56</v>
      </c>
      <c r="FD14" s="228"/>
      <c r="FE14" s="61">
        <v>31</v>
      </c>
      <c r="FF14" s="61">
        <v>17</v>
      </c>
      <c r="FG14" s="61">
        <v>13</v>
      </c>
      <c r="FH14" s="61">
        <v>9</v>
      </c>
      <c r="FI14" s="61">
        <v>10</v>
      </c>
      <c r="FJ14" s="62">
        <v>80</v>
      </c>
      <c r="FK14" s="63">
        <v>136</v>
      </c>
      <c r="FL14" s="60">
        <v>25</v>
      </c>
      <c r="FM14" s="61">
        <v>17</v>
      </c>
      <c r="FN14" s="62">
        <v>42</v>
      </c>
      <c r="FO14" s="228"/>
      <c r="FP14" s="61">
        <v>40</v>
      </c>
      <c r="FQ14" s="61">
        <v>24</v>
      </c>
      <c r="FR14" s="61">
        <v>23</v>
      </c>
      <c r="FS14" s="61">
        <v>30</v>
      </c>
      <c r="FT14" s="61">
        <v>22</v>
      </c>
      <c r="FU14" s="62">
        <v>139</v>
      </c>
      <c r="FV14" s="63">
        <v>181</v>
      </c>
      <c r="FW14" s="60">
        <v>0</v>
      </c>
      <c r="FX14" s="61">
        <v>0</v>
      </c>
      <c r="FY14" s="62">
        <v>0</v>
      </c>
      <c r="FZ14" s="228"/>
      <c r="GA14" s="61">
        <v>0</v>
      </c>
      <c r="GB14" s="61">
        <v>0</v>
      </c>
      <c r="GC14" s="61">
        <v>0</v>
      </c>
      <c r="GD14" s="61">
        <v>0</v>
      </c>
      <c r="GE14" s="61">
        <v>0</v>
      </c>
      <c r="GF14" s="62">
        <v>0</v>
      </c>
      <c r="GG14" s="63">
        <v>0</v>
      </c>
      <c r="GH14" s="60">
        <v>110</v>
      </c>
      <c r="GI14" s="61">
        <v>75</v>
      </c>
      <c r="GJ14" s="62">
        <v>185</v>
      </c>
      <c r="GK14" s="228"/>
      <c r="GL14" s="61">
        <v>110</v>
      </c>
      <c r="GM14" s="61">
        <v>61</v>
      </c>
      <c r="GN14" s="61">
        <v>48</v>
      </c>
      <c r="GO14" s="61">
        <v>44</v>
      </c>
      <c r="GP14" s="61">
        <v>38</v>
      </c>
      <c r="GQ14" s="62">
        <v>301</v>
      </c>
      <c r="GR14" s="63">
        <v>486</v>
      </c>
      <c r="GS14" s="113">
        <v>381</v>
      </c>
      <c r="GT14" s="72">
        <v>273</v>
      </c>
      <c r="GU14" s="73">
        <v>654</v>
      </c>
      <c r="GV14" s="228"/>
      <c r="GW14" s="72">
        <v>386</v>
      </c>
      <c r="GX14" s="72">
        <v>225</v>
      </c>
      <c r="GY14" s="72">
        <v>151</v>
      </c>
      <c r="GZ14" s="72">
        <v>125</v>
      </c>
      <c r="HA14" s="72">
        <v>109</v>
      </c>
      <c r="HB14" s="74">
        <v>996</v>
      </c>
      <c r="HC14" s="75">
        <v>1650</v>
      </c>
      <c r="HD14" s="60">
        <v>8</v>
      </c>
      <c r="HE14" s="61">
        <v>13</v>
      </c>
      <c r="HF14" s="62">
        <v>21</v>
      </c>
      <c r="HG14" s="228"/>
      <c r="HH14" s="61">
        <v>8</v>
      </c>
      <c r="HI14" s="61">
        <v>9</v>
      </c>
      <c r="HJ14" s="61">
        <v>4</v>
      </c>
      <c r="HK14" s="61">
        <v>6</v>
      </c>
      <c r="HL14" s="61">
        <v>1</v>
      </c>
      <c r="HM14" s="62">
        <v>28</v>
      </c>
      <c r="HN14" s="63">
        <v>49</v>
      </c>
      <c r="HO14" s="60">
        <v>33</v>
      </c>
      <c r="HP14" s="61">
        <v>15</v>
      </c>
      <c r="HQ14" s="62">
        <v>48</v>
      </c>
      <c r="HR14" s="228"/>
      <c r="HS14" s="61">
        <v>25</v>
      </c>
      <c r="HT14" s="61">
        <v>18</v>
      </c>
      <c r="HU14" s="61">
        <v>12</v>
      </c>
      <c r="HV14" s="61">
        <v>9</v>
      </c>
      <c r="HW14" s="61">
        <v>14</v>
      </c>
      <c r="HX14" s="62">
        <v>78</v>
      </c>
      <c r="HY14" s="63">
        <v>126</v>
      </c>
      <c r="HZ14" s="60">
        <v>39</v>
      </c>
      <c r="IA14" s="61">
        <v>44</v>
      </c>
      <c r="IB14" s="62">
        <v>83</v>
      </c>
      <c r="IC14" s="228"/>
      <c r="ID14" s="61">
        <v>43</v>
      </c>
      <c r="IE14" s="61">
        <v>26</v>
      </c>
      <c r="IF14" s="61">
        <v>12</v>
      </c>
      <c r="IG14" s="61">
        <v>10</v>
      </c>
      <c r="IH14" s="61">
        <v>11</v>
      </c>
      <c r="II14" s="62">
        <v>102</v>
      </c>
      <c r="IJ14" s="63">
        <v>185</v>
      </c>
      <c r="IK14" s="60">
        <v>83</v>
      </c>
      <c r="IL14" s="61">
        <v>61</v>
      </c>
      <c r="IM14" s="62">
        <v>144</v>
      </c>
      <c r="IN14" s="228"/>
      <c r="IO14" s="61">
        <v>91</v>
      </c>
      <c r="IP14" s="61">
        <v>42</v>
      </c>
      <c r="IQ14" s="61">
        <v>20</v>
      </c>
      <c r="IR14" s="61">
        <v>15</v>
      </c>
      <c r="IS14" s="61">
        <v>20</v>
      </c>
      <c r="IT14" s="62">
        <v>188</v>
      </c>
      <c r="IU14" s="63">
        <v>332</v>
      </c>
      <c r="IV14" s="60">
        <v>114</v>
      </c>
      <c r="IW14" s="61">
        <v>70</v>
      </c>
      <c r="IX14" s="62">
        <v>184</v>
      </c>
      <c r="IY14" s="228"/>
      <c r="IZ14" s="61">
        <v>108</v>
      </c>
      <c r="JA14" s="61">
        <v>63</v>
      </c>
      <c r="JB14" s="61">
        <v>44</v>
      </c>
      <c r="JC14" s="61">
        <v>23</v>
      </c>
      <c r="JD14" s="61">
        <v>27</v>
      </c>
      <c r="JE14" s="62">
        <v>265</v>
      </c>
      <c r="JF14" s="63">
        <v>449</v>
      </c>
      <c r="JG14" s="60">
        <v>104</v>
      </c>
      <c r="JH14" s="61">
        <v>70</v>
      </c>
      <c r="JI14" s="62">
        <v>174</v>
      </c>
      <c r="JJ14" s="228"/>
      <c r="JK14" s="61">
        <v>111</v>
      </c>
      <c r="JL14" s="61">
        <v>67</v>
      </c>
      <c r="JM14" s="61">
        <v>59</v>
      </c>
      <c r="JN14" s="61">
        <v>62</v>
      </c>
      <c r="JO14" s="61">
        <v>36</v>
      </c>
      <c r="JP14" s="62">
        <v>335</v>
      </c>
      <c r="JQ14" s="63">
        <v>509</v>
      </c>
      <c r="JR14" s="60">
        <v>0</v>
      </c>
      <c r="JS14" s="61">
        <v>0</v>
      </c>
      <c r="JT14" s="62">
        <v>0</v>
      </c>
      <c r="JU14" s="228"/>
      <c r="JV14" s="61">
        <v>0</v>
      </c>
      <c r="JW14" s="61">
        <v>0</v>
      </c>
      <c r="JX14" s="61">
        <v>0</v>
      </c>
      <c r="JY14" s="61">
        <v>0</v>
      </c>
      <c r="JZ14" s="61">
        <v>0</v>
      </c>
      <c r="KA14" s="62">
        <v>0</v>
      </c>
      <c r="KB14" s="63">
        <v>0</v>
      </c>
      <c r="KC14" s="60">
        <v>381</v>
      </c>
      <c r="KD14" s="61">
        <v>273</v>
      </c>
      <c r="KE14" s="62">
        <v>654</v>
      </c>
      <c r="KF14" s="228"/>
      <c r="KG14" s="61">
        <v>386</v>
      </c>
      <c r="KH14" s="61">
        <v>225</v>
      </c>
      <c r="KI14" s="61">
        <v>151</v>
      </c>
      <c r="KJ14" s="61">
        <v>125</v>
      </c>
      <c r="KK14" s="61">
        <v>109</v>
      </c>
      <c r="KL14" s="62">
        <v>996</v>
      </c>
      <c r="KM14" s="63">
        <v>1650</v>
      </c>
    </row>
    <row r="15" spans="2:299" ht="21" customHeight="1" x14ac:dyDescent="0.2">
      <c r="B15" s="468" t="s">
        <v>11</v>
      </c>
      <c r="C15" s="291">
        <v>55</v>
      </c>
      <c r="D15" s="72">
        <v>38</v>
      </c>
      <c r="E15" s="73">
        <v>93</v>
      </c>
      <c r="F15" s="228"/>
      <c r="G15" s="72">
        <v>98</v>
      </c>
      <c r="H15" s="72">
        <v>48</v>
      </c>
      <c r="I15" s="72">
        <v>39</v>
      </c>
      <c r="J15" s="72">
        <v>28</v>
      </c>
      <c r="K15" s="72">
        <v>15</v>
      </c>
      <c r="L15" s="74">
        <v>228</v>
      </c>
      <c r="M15" s="75">
        <v>321</v>
      </c>
      <c r="N15" s="60">
        <v>1</v>
      </c>
      <c r="O15" s="61">
        <v>1</v>
      </c>
      <c r="P15" s="62">
        <v>2</v>
      </c>
      <c r="Q15" s="228"/>
      <c r="R15" s="61">
        <v>5</v>
      </c>
      <c r="S15" s="61">
        <v>0</v>
      </c>
      <c r="T15" s="61">
        <v>0</v>
      </c>
      <c r="U15" s="61">
        <v>2</v>
      </c>
      <c r="V15" s="61">
        <v>1</v>
      </c>
      <c r="W15" s="62">
        <v>8</v>
      </c>
      <c r="X15" s="63">
        <v>10</v>
      </c>
      <c r="Y15" s="60">
        <v>5</v>
      </c>
      <c r="Z15" s="61">
        <v>0</v>
      </c>
      <c r="AA15" s="62">
        <v>5</v>
      </c>
      <c r="AB15" s="228"/>
      <c r="AC15" s="61">
        <v>8</v>
      </c>
      <c r="AD15" s="61">
        <v>1</v>
      </c>
      <c r="AE15" s="61">
        <v>5</v>
      </c>
      <c r="AF15" s="61">
        <v>1</v>
      </c>
      <c r="AG15" s="61">
        <v>1</v>
      </c>
      <c r="AH15" s="62">
        <v>16</v>
      </c>
      <c r="AI15" s="63">
        <v>21</v>
      </c>
      <c r="AJ15" s="60">
        <v>8</v>
      </c>
      <c r="AK15" s="61">
        <v>8</v>
      </c>
      <c r="AL15" s="62">
        <v>16</v>
      </c>
      <c r="AM15" s="228"/>
      <c r="AN15" s="61">
        <v>21</v>
      </c>
      <c r="AO15" s="61">
        <v>8</v>
      </c>
      <c r="AP15" s="61">
        <v>5</v>
      </c>
      <c r="AQ15" s="61">
        <v>2</v>
      </c>
      <c r="AR15" s="61">
        <v>1</v>
      </c>
      <c r="AS15" s="62">
        <v>37</v>
      </c>
      <c r="AT15" s="63">
        <v>53</v>
      </c>
      <c r="AU15" s="60">
        <v>12</v>
      </c>
      <c r="AV15" s="61">
        <v>8</v>
      </c>
      <c r="AW15" s="62">
        <v>20</v>
      </c>
      <c r="AX15" s="228"/>
      <c r="AY15" s="61">
        <v>23</v>
      </c>
      <c r="AZ15" s="61">
        <v>10</v>
      </c>
      <c r="BA15" s="61">
        <v>9</v>
      </c>
      <c r="BB15" s="61">
        <v>11</v>
      </c>
      <c r="BC15" s="61">
        <v>4</v>
      </c>
      <c r="BD15" s="62">
        <v>57</v>
      </c>
      <c r="BE15" s="63">
        <v>77</v>
      </c>
      <c r="BF15" s="60">
        <v>20</v>
      </c>
      <c r="BG15" s="61">
        <v>13</v>
      </c>
      <c r="BH15" s="62">
        <v>33</v>
      </c>
      <c r="BI15" s="228"/>
      <c r="BJ15" s="61">
        <v>22</v>
      </c>
      <c r="BK15" s="61">
        <v>19</v>
      </c>
      <c r="BL15" s="61">
        <v>7</v>
      </c>
      <c r="BM15" s="61">
        <v>6</v>
      </c>
      <c r="BN15" s="61">
        <v>4</v>
      </c>
      <c r="BO15" s="62">
        <v>58</v>
      </c>
      <c r="BP15" s="63">
        <v>91</v>
      </c>
      <c r="BQ15" s="60">
        <v>9</v>
      </c>
      <c r="BR15" s="61">
        <v>8</v>
      </c>
      <c r="BS15" s="62">
        <v>17</v>
      </c>
      <c r="BT15" s="228"/>
      <c r="BU15" s="61">
        <v>19</v>
      </c>
      <c r="BV15" s="61">
        <v>10</v>
      </c>
      <c r="BW15" s="61">
        <v>13</v>
      </c>
      <c r="BX15" s="61">
        <v>6</v>
      </c>
      <c r="BY15" s="61">
        <v>4</v>
      </c>
      <c r="BZ15" s="62">
        <v>52</v>
      </c>
      <c r="CA15" s="63">
        <v>69</v>
      </c>
      <c r="CB15" s="60">
        <v>0</v>
      </c>
      <c r="CC15" s="61">
        <v>0</v>
      </c>
      <c r="CD15" s="62">
        <v>0</v>
      </c>
      <c r="CE15" s="228"/>
      <c r="CF15" s="61">
        <v>0</v>
      </c>
      <c r="CG15" s="61">
        <v>0</v>
      </c>
      <c r="CH15" s="61">
        <v>0</v>
      </c>
      <c r="CI15" s="61">
        <v>0</v>
      </c>
      <c r="CJ15" s="61">
        <v>0</v>
      </c>
      <c r="CK15" s="62">
        <v>0</v>
      </c>
      <c r="CL15" s="63">
        <v>0</v>
      </c>
      <c r="CM15" s="60">
        <v>55</v>
      </c>
      <c r="CN15" s="61">
        <v>38</v>
      </c>
      <c r="CO15" s="62">
        <v>93</v>
      </c>
      <c r="CP15" s="228"/>
      <c r="CQ15" s="61">
        <v>98</v>
      </c>
      <c r="CR15" s="61">
        <v>48</v>
      </c>
      <c r="CS15" s="61">
        <v>39</v>
      </c>
      <c r="CT15" s="61">
        <v>28</v>
      </c>
      <c r="CU15" s="61">
        <v>15</v>
      </c>
      <c r="CV15" s="62">
        <v>228</v>
      </c>
      <c r="CW15" s="63">
        <v>321</v>
      </c>
      <c r="CX15" s="113">
        <v>21</v>
      </c>
      <c r="CY15" s="72">
        <v>18</v>
      </c>
      <c r="CZ15" s="73">
        <v>39</v>
      </c>
      <c r="DA15" s="228"/>
      <c r="DB15" s="72">
        <v>46</v>
      </c>
      <c r="DC15" s="72">
        <v>20</v>
      </c>
      <c r="DD15" s="72">
        <v>23</v>
      </c>
      <c r="DE15" s="72">
        <v>35</v>
      </c>
      <c r="DF15" s="72">
        <v>12</v>
      </c>
      <c r="DG15" s="74">
        <v>136</v>
      </c>
      <c r="DH15" s="75">
        <v>175</v>
      </c>
      <c r="DI15" s="60">
        <v>0</v>
      </c>
      <c r="DJ15" s="61">
        <v>1</v>
      </c>
      <c r="DK15" s="62">
        <v>1</v>
      </c>
      <c r="DL15" s="228"/>
      <c r="DM15" s="61">
        <v>2</v>
      </c>
      <c r="DN15" s="61">
        <v>1</v>
      </c>
      <c r="DO15" s="61">
        <v>0</v>
      </c>
      <c r="DP15" s="61">
        <v>0</v>
      </c>
      <c r="DQ15" s="61">
        <v>0</v>
      </c>
      <c r="DR15" s="62">
        <v>3</v>
      </c>
      <c r="DS15" s="63">
        <v>4</v>
      </c>
      <c r="DT15" s="60">
        <v>0</v>
      </c>
      <c r="DU15" s="61">
        <v>1</v>
      </c>
      <c r="DV15" s="62">
        <v>1</v>
      </c>
      <c r="DW15" s="228"/>
      <c r="DX15" s="61">
        <v>3</v>
      </c>
      <c r="DY15" s="61">
        <v>1</v>
      </c>
      <c r="DZ15" s="61">
        <v>0</v>
      </c>
      <c r="EA15" s="61">
        <v>2</v>
      </c>
      <c r="EB15" s="61">
        <v>2</v>
      </c>
      <c r="EC15" s="62">
        <v>8</v>
      </c>
      <c r="ED15" s="63">
        <v>9</v>
      </c>
      <c r="EE15" s="60">
        <v>3</v>
      </c>
      <c r="EF15" s="61">
        <v>3</v>
      </c>
      <c r="EG15" s="62">
        <v>6</v>
      </c>
      <c r="EH15" s="228"/>
      <c r="EI15" s="61">
        <v>4</v>
      </c>
      <c r="EJ15" s="61">
        <v>2</v>
      </c>
      <c r="EK15" s="61">
        <v>1</v>
      </c>
      <c r="EL15" s="61">
        <v>2</v>
      </c>
      <c r="EM15" s="61">
        <v>2</v>
      </c>
      <c r="EN15" s="62">
        <v>11</v>
      </c>
      <c r="EO15" s="63">
        <v>17</v>
      </c>
      <c r="EP15" s="60">
        <v>2</v>
      </c>
      <c r="EQ15" s="61">
        <v>4</v>
      </c>
      <c r="ER15" s="62">
        <v>6</v>
      </c>
      <c r="ES15" s="228"/>
      <c r="ET15" s="61">
        <v>9</v>
      </c>
      <c r="EU15" s="61">
        <v>3</v>
      </c>
      <c r="EV15" s="61">
        <v>3</v>
      </c>
      <c r="EW15" s="61">
        <v>2</v>
      </c>
      <c r="EX15" s="61">
        <v>1</v>
      </c>
      <c r="EY15" s="62">
        <v>18</v>
      </c>
      <c r="EZ15" s="63">
        <v>24</v>
      </c>
      <c r="FA15" s="60">
        <v>14</v>
      </c>
      <c r="FB15" s="61">
        <v>4</v>
      </c>
      <c r="FC15" s="62">
        <v>18</v>
      </c>
      <c r="FD15" s="228"/>
      <c r="FE15" s="61">
        <v>14</v>
      </c>
      <c r="FF15" s="61">
        <v>8</v>
      </c>
      <c r="FG15" s="61">
        <v>6</v>
      </c>
      <c r="FH15" s="61">
        <v>9</v>
      </c>
      <c r="FI15" s="61">
        <v>3</v>
      </c>
      <c r="FJ15" s="62">
        <v>40</v>
      </c>
      <c r="FK15" s="63">
        <v>58</v>
      </c>
      <c r="FL15" s="60">
        <v>2</v>
      </c>
      <c r="FM15" s="61">
        <v>5</v>
      </c>
      <c r="FN15" s="62">
        <v>7</v>
      </c>
      <c r="FO15" s="228"/>
      <c r="FP15" s="61">
        <v>14</v>
      </c>
      <c r="FQ15" s="61">
        <v>5</v>
      </c>
      <c r="FR15" s="61">
        <v>13</v>
      </c>
      <c r="FS15" s="61">
        <v>20</v>
      </c>
      <c r="FT15" s="61">
        <v>4</v>
      </c>
      <c r="FU15" s="62">
        <v>56</v>
      </c>
      <c r="FV15" s="63">
        <v>63</v>
      </c>
      <c r="FW15" s="60">
        <v>0</v>
      </c>
      <c r="FX15" s="61">
        <v>0</v>
      </c>
      <c r="FY15" s="62">
        <v>0</v>
      </c>
      <c r="FZ15" s="228"/>
      <c r="GA15" s="61">
        <v>0</v>
      </c>
      <c r="GB15" s="61">
        <v>0</v>
      </c>
      <c r="GC15" s="61">
        <v>0</v>
      </c>
      <c r="GD15" s="61">
        <v>0</v>
      </c>
      <c r="GE15" s="61">
        <v>0</v>
      </c>
      <c r="GF15" s="62">
        <v>0</v>
      </c>
      <c r="GG15" s="63">
        <v>0</v>
      </c>
      <c r="GH15" s="60">
        <v>21</v>
      </c>
      <c r="GI15" s="61">
        <v>18</v>
      </c>
      <c r="GJ15" s="62">
        <v>39</v>
      </c>
      <c r="GK15" s="228"/>
      <c r="GL15" s="61">
        <v>46</v>
      </c>
      <c r="GM15" s="61">
        <v>20</v>
      </c>
      <c r="GN15" s="61">
        <v>23</v>
      </c>
      <c r="GO15" s="61">
        <v>35</v>
      </c>
      <c r="GP15" s="61">
        <v>12</v>
      </c>
      <c r="GQ15" s="62">
        <v>136</v>
      </c>
      <c r="GR15" s="63">
        <v>175</v>
      </c>
      <c r="GS15" s="113">
        <v>76</v>
      </c>
      <c r="GT15" s="72">
        <v>56</v>
      </c>
      <c r="GU15" s="73">
        <v>132</v>
      </c>
      <c r="GV15" s="228"/>
      <c r="GW15" s="72">
        <v>144</v>
      </c>
      <c r="GX15" s="72">
        <v>68</v>
      </c>
      <c r="GY15" s="72">
        <v>62</v>
      </c>
      <c r="GZ15" s="72">
        <v>63</v>
      </c>
      <c r="HA15" s="72">
        <v>27</v>
      </c>
      <c r="HB15" s="74">
        <v>364</v>
      </c>
      <c r="HC15" s="75">
        <v>496</v>
      </c>
      <c r="HD15" s="60">
        <v>1</v>
      </c>
      <c r="HE15" s="61">
        <v>2</v>
      </c>
      <c r="HF15" s="62">
        <v>3</v>
      </c>
      <c r="HG15" s="228"/>
      <c r="HH15" s="61">
        <v>7</v>
      </c>
      <c r="HI15" s="61">
        <v>1</v>
      </c>
      <c r="HJ15" s="61">
        <v>0</v>
      </c>
      <c r="HK15" s="61">
        <v>2</v>
      </c>
      <c r="HL15" s="61">
        <v>1</v>
      </c>
      <c r="HM15" s="62">
        <v>11</v>
      </c>
      <c r="HN15" s="63">
        <v>14</v>
      </c>
      <c r="HO15" s="60">
        <v>5</v>
      </c>
      <c r="HP15" s="61">
        <v>1</v>
      </c>
      <c r="HQ15" s="62">
        <v>6</v>
      </c>
      <c r="HR15" s="228"/>
      <c r="HS15" s="61">
        <v>11</v>
      </c>
      <c r="HT15" s="61">
        <v>2</v>
      </c>
      <c r="HU15" s="61">
        <v>5</v>
      </c>
      <c r="HV15" s="61">
        <v>3</v>
      </c>
      <c r="HW15" s="61">
        <v>3</v>
      </c>
      <c r="HX15" s="62">
        <v>24</v>
      </c>
      <c r="HY15" s="63">
        <v>30</v>
      </c>
      <c r="HZ15" s="60">
        <v>11</v>
      </c>
      <c r="IA15" s="61">
        <v>11</v>
      </c>
      <c r="IB15" s="62">
        <v>22</v>
      </c>
      <c r="IC15" s="228"/>
      <c r="ID15" s="61">
        <v>25</v>
      </c>
      <c r="IE15" s="61">
        <v>10</v>
      </c>
      <c r="IF15" s="61">
        <v>6</v>
      </c>
      <c r="IG15" s="61">
        <v>4</v>
      </c>
      <c r="IH15" s="61">
        <v>3</v>
      </c>
      <c r="II15" s="62">
        <v>48</v>
      </c>
      <c r="IJ15" s="63">
        <v>70</v>
      </c>
      <c r="IK15" s="60">
        <v>14</v>
      </c>
      <c r="IL15" s="61">
        <v>12</v>
      </c>
      <c r="IM15" s="62">
        <v>26</v>
      </c>
      <c r="IN15" s="228"/>
      <c r="IO15" s="61">
        <v>32</v>
      </c>
      <c r="IP15" s="61">
        <v>13</v>
      </c>
      <c r="IQ15" s="61">
        <v>12</v>
      </c>
      <c r="IR15" s="61">
        <v>13</v>
      </c>
      <c r="IS15" s="61">
        <v>5</v>
      </c>
      <c r="IT15" s="62">
        <v>75</v>
      </c>
      <c r="IU15" s="63">
        <v>101</v>
      </c>
      <c r="IV15" s="60">
        <v>34</v>
      </c>
      <c r="IW15" s="61">
        <v>17</v>
      </c>
      <c r="IX15" s="62">
        <v>51</v>
      </c>
      <c r="IY15" s="228"/>
      <c r="IZ15" s="61">
        <v>36</v>
      </c>
      <c r="JA15" s="61">
        <v>27</v>
      </c>
      <c r="JB15" s="61">
        <v>13</v>
      </c>
      <c r="JC15" s="61">
        <v>15</v>
      </c>
      <c r="JD15" s="61">
        <v>7</v>
      </c>
      <c r="JE15" s="62">
        <v>98</v>
      </c>
      <c r="JF15" s="63">
        <v>149</v>
      </c>
      <c r="JG15" s="60">
        <v>11</v>
      </c>
      <c r="JH15" s="61">
        <v>13</v>
      </c>
      <c r="JI15" s="62">
        <v>24</v>
      </c>
      <c r="JJ15" s="228"/>
      <c r="JK15" s="61">
        <v>33</v>
      </c>
      <c r="JL15" s="61">
        <v>15</v>
      </c>
      <c r="JM15" s="61">
        <v>26</v>
      </c>
      <c r="JN15" s="61">
        <v>26</v>
      </c>
      <c r="JO15" s="61">
        <v>8</v>
      </c>
      <c r="JP15" s="62">
        <v>108</v>
      </c>
      <c r="JQ15" s="63">
        <v>132</v>
      </c>
      <c r="JR15" s="60">
        <v>0</v>
      </c>
      <c r="JS15" s="61">
        <v>0</v>
      </c>
      <c r="JT15" s="62">
        <v>0</v>
      </c>
      <c r="JU15" s="228"/>
      <c r="JV15" s="61">
        <v>0</v>
      </c>
      <c r="JW15" s="61">
        <v>0</v>
      </c>
      <c r="JX15" s="61">
        <v>0</v>
      </c>
      <c r="JY15" s="61">
        <v>0</v>
      </c>
      <c r="JZ15" s="61">
        <v>0</v>
      </c>
      <c r="KA15" s="62">
        <v>0</v>
      </c>
      <c r="KB15" s="63">
        <v>0</v>
      </c>
      <c r="KC15" s="60">
        <v>76</v>
      </c>
      <c r="KD15" s="61">
        <v>56</v>
      </c>
      <c r="KE15" s="62">
        <v>132</v>
      </c>
      <c r="KF15" s="228"/>
      <c r="KG15" s="61">
        <v>144</v>
      </c>
      <c r="KH15" s="61">
        <v>68</v>
      </c>
      <c r="KI15" s="61">
        <v>62</v>
      </c>
      <c r="KJ15" s="61">
        <v>63</v>
      </c>
      <c r="KK15" s="61">
        <v>27</v>
      </c>
      <c r="KL15" s="62">
        <v>364</v>
      </c>
      <c r="KM15" s="63">
        <v>496</v>
      </c>
    </row>
    <row r="16" spans="2:299" ht="21" customHeight="1" x14ac:dyDescent="0.2">
      <c r="B16" s="468" t="s">
        <v>12</v>
      </c>
      <c r="C16" s="291">
        <v>133</v>
      </c>
      <c r="D16" s="72">
        <v>113</v>
      </c>
      <c r="E16" s="73">
        <v>246</v>
      </c>
      <c r="F16" s="228"/>
      <c r="G16" s="72">
        <v>113</v>
      </c>
      <c r="H16" s="72">
        <v>77</v>
      </c>
      <c r="I16" s="72">
        <v>59</v>
      </c>
      <c r="J16" s="72">
        <v>54</v>
      </c>
      <c r="K16" s="72">
        <v>32</v>
      </c>
      <c r="L16" s="74">
        <v>335</v>
      </c>
      <c r="M16" s="75">
        <v>581</v>
      </c>
      <c r="N16" s="76">
        <v>4</v>
      </c>
      <c r="O16" s="61">
        <v>5</v>
      </c>
      <c r="P16" s="62">
        <v>9</v>
      </c>
      <c r="Q16" s="228"/>
      <c r="R16" s="61">
        <v>1</v>
      </c>
      <c r="S16" s="61">
        <v>3</v>
      </c>
      <c r="T16" s="61">
        <v>3</v>
      </c>
      <c r="U16" s="61">
        <v>2</v>
      </c>
      <c r="V16" s="61">
        <v>1</v>
      </c>
      <c r="W16" s="62">
        <v>10</v>
      </c>
      <c r="X16" s="63">
        <v>19</v>
      </c>
      <c r="Y16" s="60">
        <v>9</v>
      </c>
      <c r="Z16" s="61">
        <v>13</v>
      </c>
      <c r="AA16" s="62">
        <v>22</v>
      </c>
      <c r="AB16" s="228"/>
      <c r="AC16" s="61">
        <v>7</v>
      </c>
      <c r="AD16" s="61">
        <v>3</v>
      </c>
      <c r="AE16" s="61">
        <v>3</v>
      </c>
      <c r="AF16" s="61">
        <v>2</v>
      </c>
      <c r="AG16" s="61">
        <v>1</v>
      </c>
      <c r="AH16" s="62">
        <v>16</v>
      </c>
      <c r="AI16" s="63">
        <v>38</v>
      </c>
      <c r="AJ16" s="76">
        <v>15</v>
      </c>
      <c r="AK16" s="61">
        <v>10</v>
      </c>
      <c r="AL16" s="62">
        <v>25</v>
      </c>
      <c r="AM16" s="228"/>
      <c r="AN16" s="61">
        <v>8</v>
      </c>
      <c r="AO16" s="61">
        <v>9</v>
      </c>
      <c r="AP16" s="61">
        <v>5</v>
      </c>
      <c r="AQ16" s="61">
        <v>5</v>
      </c>
      <c r="AR16" s="61">
        <v>3</v>
      </c>
      <c r="AS16" s="62">
        <v>30</v>
      </c>
      <c r="AT16" s="63">
        <v>55</v>
      </c>
      <c r="AU16" s="60">
        <v>26</v>
      </c>
      <c r="AV16" s="61">
        <v>31</v>
      </c>
      <c r="AW16" s="62">
        <v>57</v>
      </c>
      <c r="AX16" s="228"/>
      <c r="AY16" s="61">
        <v>19</v>
      </c>
      <c r="AZ16" s="61">
        <v>15</v>
      </c>
      <c r="BA16" s="61">
        <v>16</v>
      </c>
      <c r="BB16" s="61">
        <v>10</v>
      </c>
      <c r="BC16" s="61">
        <v>12</v>
      </c>
      <c r="BD16" s="62">
        <v>72</v>
      </c>
      <c r="BE16" s="63">
        <v>129</v>
      </c>
      <c r="BF16" s="76">
        <v>47</v>
      </c>
      <c r="BG16" s="61">
        <v>24</v>
      </c>
      <c r="BH16" s="62">
        <v>71</v>
      </c>
      <c r="BI16" s="228"/>
      <c r="BJ16" s="61">
        <v>40</v>
      </c>
      <c r="BK16" s="61">
        <v>26</v>
      </c>
      <c r="BL16" s="61">
        <v>18</v>
      </c>
      <c r="BM16" s="61">
        <v>19</v>
      </c>
      <c r="BN16" s="61">
        <v>7</v>
      </c>
      <c r="BO16" s="62">
        <v>110</v>
      </c>
      <c r="BP16" s="63">
        <v>181</v>
      </c>
      <c r="BQ16" s="60">
        <v>32</v>
      </c>
      <c r="BR16" s="61">
        <v>30</v>
      </c>
      <c r="BS16" s="62">
        <v>62</v>
      </c>
      <c r="BT16" s="228"/>
      <c r="BU16" s="61">
        <v>38</v>
      </c>
      <c r="BV16" s="61">
        <v>21</v>
      </c>
      <c r="BW16" s="61">
        <v>14</v>
      </c>
      <c r="BX16" s="61">
        <v>16</v>
      </c>
      <c r="BY16" s="61">
        <v>8</v>
      </c>
      <c r="BZ16" s="62">
        <v>97</v>
      </c>
      <c r="CA16" s="63">
        <v>159</v>
      </c>
      <c r="CB16" s="60">
        <v>0</v>
      </c>
      <c r="CC16" s="61">
        <v>0</v>
      </c>
      <c r="CD16" s="62">
        <v>0</v>
      </c>
      <c r="CE16" s="228"/>
      <c r="CF16" s="61">
        <v>0</v>
      </c>
      <c r="CG16" s="61">
        <v>0</v>
      </c>
      <c r="CH16" s="61">
        <v>0</v>
      </c>
      <c r="CI16" s="61">
        <v>0</v>
      </c>
      <c r="CJ16" s="61">
        <v>0</v>
      </c>
      <c r="CK16" s="62">
        <v>0</v>
      </c>
      <c r="CL16" s="63">
        <v>0</v>
      </c>
      <c r="CM16" s="60">
        <v>133</v>
      </c>
      <c r="CN16" s="61">
        <v>113</v>
      </c>
      <c r="CO16" s="62">
        <v>246</v>
      </c>
      <c r="CP16" s="228"/>
      <c r="CQ16" s="61">
        <v>113</v>
      </c>
      <c r="CR16" s="61">
        <v>77</v>
      </c>
      <c r="CS16" s="61">
        <v>59</v>
      </c>
      <c r="CT16" s="61">
        <v>54</v>
      </c>
      <c r="CU16" s="61">
        <v>32</v>
      </c>
      <c r="CV16" s="62">
        <v>335</v>
      </c>
      <c r="CW16" s="63">
        <v>581</v>
      </c>
      <c r="CX16" s="113">
        <v>37</v>
      </c>
      <c r="CY16" s="72">
        <v>40</v>
      </c>
      <c r="CZ16" s="73">
        <v>77</v>
      </c>
      <c r="DA16" s="228"/>
      <c r="DB16" s="72">
        <v>38</v>
      </c>
      <c r="DC16" s="72">
        <v>29</v>
      </c>
      <c r="DD16" s="72">
        <v>19</v>
      </c>
      <c r="DE16" s="72">
        <v>35</v>
      </c>
      <c r="DF16" s="72">
        <v>12</v>
      </c>
      <c r="DG16" s="74">
        <v>133</v>
      </c>
      <c r="DH16" s="75">
        <v>210</v>
      </c>
      <c r="DI16" s="76">
        <v>1</v>
      </c>
      <c r="DJ16" s="61">
        <v>0</v>
      </c>
      <c r="DK16" s="62">
        <v>1</v>
      </c>
      <c r="DL16" s="228"/>
      <c r="DM16" s="61">
        <v>0</v>
      </c>
      <c r="DN16" s="61">
        <v>0</v>
      </c>
      <c r="DO16" s="61">
        <v>1</v>
      </c>
      <c r="DP16" s="61">
        <v>0</v>
      </c>
      <c r="DQ16" s="61">
        <v>0</v>
      </c>
      <c r="DR16" s="62">
        <v>1</v>
      </c>
      <c r="DS16" s="63">
        <v>2</v>
      </c>
      <c r="DT16" s="60">
        <v>4</v>
      </c>
      <c r="DU16" s="61">
        <v>2</v>
      </c>
      <c r="DV16" s="62">
        <v>6</v>
      </c>
      <c r="DW16" s="228"/>
      <c r="DX16" s="61">
        <v>1</v>
      </c>
      <c r="DY16" s="61">
        <v>0</v>
      </c>
      <c r="DZ16" s="61">
        <v>0</v>
      </c>
      <c r="EA16" s="61">
        <v>2</v>
      </c>
      <c r="EB16" s="61">
        <v>0</v>
      </c>
      <c r="EC16" s="62">
        <v>3</v>
      </c>
      <c r="ED16" s="63">
        <v>9</v>
      </c>
      <c r="EE16" s="76">
        <v>7</v>
      </c>
      <c r="EF16" s="61">
        <v>4</v>
      </c>
      <c r="EG16" s="62">
        <v>11</v>
      </c>
      <c r="EH16" s="228"/>
      <c r="EI16" s="61">
        <v>2</v>
      </c>
      <c r="EJ16" s="61">
        <v>3</v>
      </c>
      <c r="EK16" s="61">
        <v>0</v>
      </c>
      <c r="EL16" s="61">
        <v>1</v>
      </c>
      <c r="EM16" s="61">
        <v>3</v>
      </c>
      <c r="EN16" s="62">
        <v>9</v>
      </c>
      <c r="EO16" s="63">
        <v>20</v>
      </c>
      <c r="EP16" s="60">
        <v>8</v>
      </c>
      <c r="EQ16" s="61">
        <v>12</v>
      </c>
      <c r="ER16" s="62">
        <v>20</v>
      </c>
      <c r="ES16" s="228"/>
      <c r="ET16" s="61">
        <v>8</v>
      </c>
      <c r="EU16" s="61">
        <v>7</v>
      </c>
      <c r="EV16" s="61">
        <v>5</v>
      </c>
      <c r="EW16" s="61">
        <v>5</v>
      </c>
      <c r="EX16" s="61">
        <v>3</v>
      </c>
      <c r="EY16" s="62">
        <v>28</v>
      </c>
      <c r="EZ16" s="63">
        <v>48</v>
      </c>
      <c r="FA16" s="76">
        <v>9</v>
      </c>
      <c r="FB16" s="61">
        <v>15</v>
      </c>
      <c r="FC16" s="62">
        <v>24</v>
      </c>
      <c r="FD16" s="228"/>
      <c r="FE16" s="61">
        <v>10</v>
      </c>
      <c r="FF16" s="61">
        <v>10</v>
      </c>
      <c r="FG16" s="61">
        <v>5</v>
      </c>
      <c r="FH16" s="61">
        <v>7</v>
      </c>
      <c r="FI16" s="61">
        <v>1</v>
      </c>
      <c r="FJ16" s="62">
        <v>33</v>
      </c>
      <c r="FK16" s="63">
        <v>57</v>
      </c>
      <c r="FL16" s="60">
        <v>8</v>
      </c>
      <c r="FM16" s="61">
        <v>7</v>
      </c>
      <c r="FN16" s="62">
        <v>15</v>
      </c>
      <c r="FO16" s="228"/>
      <c r="FP16" s="61">
        <v>17</v>
      </c>
      <c r="FQ16" s="61">
        <v>9</v>
      </c>
      <c r="FR16" s="61">
        <v>8</v>
      </c>
      <c r="FS16" s="61">
        <v>20</v>
      </c>
      <c r="FT16" s="61">
        <v>5</v>
      </c>
      <c r="FU16" s="62">
        <v>59</v>
      </c>
      <c r="FV16" s="63">
        <v>74</v>
      </c>
      <c r="FW16" s="60">
        <v>0</v>
      </c>
      <c r="FX16" s="61">
        <v>0</v>
      </c>
      <c r="FY16" s="62">
        <v>0</v>
      </c>
      <c r="FZ16" s="228"/>
      <c r="GA16" s="61">
        <v>0</v>
      </c>
      <c r="GB16" s="61">
        <v>0</v>
      </c>
      <c r="GC16" s="61">
        <v>0</v>
      </c>
      <c r="GD16" s="61">
        <v>0</v>
      </c>
      <c r="GE16" s="61">
        <v>0</v>
      </c>
      <c r="GF16" s="62">
        <v>0</v>
      </c>
      <c r="GG16" s="63">
        <v>0</v>
      </c>
      <c r="GH16" s="60">
        <v>37</v>
      </c>
      <c r="GI16" s="61">
        <v>40</v>
      </c>
      <c r="GJ16" s="62">
        <v>77</v>
      </c>
      <c r="GK16" s="228"/>
      <c r="GL16" s="61">
        <v>38</v>
      </c>
      <c r="GM16" s="61">
        <v>29</v>
      </c>
      <c r="GN16" s="61">
        <v>19</v>
      </c>
      <c r="GO16" s="61">
        <v>35</v>
      </c>
      <c r="GP16" s="61">
        <v>12</v>
      </c>
      <c r="GQ16" s="62">
        <v>133</v>
      </c>
      <c r="GR16" s="63">
        <v>210</v>
      </c>
      <c r="GS16" s="113">
        <v>170</v>
      </c>
      <c r="GT16" s="72">
        <v>153</v>
      </c>
      <c r="GU16" s="73">
        <v>323</v>
      </c>
      <c r="GV16" s="228"/>
      <c r="GW16" s="72">
        <v>151</v>
      </c>
      <c r="GX16" s="72">
        <v>106</v>
      </c>
      <c r="GY16" s="72">
        <v>78</v>
      </c>
      <c r="GZ16" s="72">
        <v>89</v>
      </c>
      <c r="HA16" s="72">
        <v>44</v>
      </c>
      <c r="HB16" s="74">
        <v>468</v>
      </c>
      <c r="HC16" s="75">
        <v>791</v>
      </c>
      <c r="HD16" s="76">
        <v>5</v>
      </c>
      <c r="HE16" s="61">
        <v>5</v>
      </c>
      <c r="HF16" s="62">
        <v>10</v>
      </c>
      <c r="HG16" s="228"/>
      <c r="HH16" s="61">
        <v>1</v>
      </c>
      <c r="HI16" s="61">
        <v>3</v>
      </c>
      <c r="HJ16" s="61">
        <v>4</v>
      </c>
      <c r="HK16" s="61">
        <v>2</v>
      </c>
      <c r="HL16" s="61">
        <v>1</v>
      </c>
      <c r="HM16" s="62">
        <v>11</v>
      </c>
      <c r="HN16" s="63">
        <v>21</v>
      </c>
      <c r="HO16" s="60">
        <v>13</v>
      </c>
      <c r="HP16" s="61">
        <v>15</v>
      </c>
      <c r="HQ16" s="62">
        <v>28</v>
      </c>
      <c r="HR16" s="228"/>
      <c r="HS16" s="61">
        <v>8</v>
      </c>
      <c r="HT16" s="61">
        <v>3</v>
      </c>
      <c r="HU16" s="61">
        <v>3</v>
      </c>
      <c r="HV16" s="61">
        <v>4</v>
      </c>
      <c r="HW16" s="61">
        <v>1</v>
      </c>
      <c r="HX16" s="62">
        <v>19</v>
      </c>
      <c r="HY16" s="63">
        <v>47</v>
      </c>
      <c r="HZ16" s="76">
        <v>22</v>
      </c>
      <c r="IA16" s="61">
        <v>14</v>
      </c>
      <c r="IB16" s="62">
        <v>36</v>
      </c>
      <c r="IC16" s="228"/>
      <c r="ID16" s="61">
        <v>10</v>
      </c>
      <c r="IE16" s="61">
        <v>12</v>
      </c>
      <c r="IF16" s="61">
        <v>5</v>
      </c>
      <c r="IG16" s="61">
        <v>6</v>
      </c>
      <c r="IH16" s="61">
        <v>6</v>
      </c>
      <c r="II16" s="62">
        <v>39</v>
      </c>
      <c r="IJ16" s="63">
        <v>75</v>
      </c>
      <c r="IK16" s="60">
        <v>34</v>
      </c>
      <c r="IL16" s="61">
        <v>43</v>
      </c>
      <c r="IM16" s="62">
        <v>77</v>
      </c>
      <c r="IN16" s="228"/>
      <c r="IO16" s="61">
        <v>27</v>
      </c>
      <c r="IP16" s="61">
        <v>22</v>
      </c>
      <c r="IQ16" s="61">
        <v>21</v>
      </c>
      <c r="IR16" s="61">
        <v>15</v>
      </c>
      <c r="IS16" s="61">
        <v>15</v>
      </c>
      <c r="IT16" s="62">
        <v>100</v>
      </c>
      <c r="IU16" s="63">
        <v>177</v>
      </c>
      <c r="IV16" s="76">
        <v>56</v>
      </c>
      <c r="IW16" s="61">
        <v>39</v>
      </c>
      <c r="IX16" s="62">
        <v>95</v>
      </c>
      <c r="IY16" s="228"/>
      <c r="IZ16" s="61">
        <v>50</v>
      </c>
      <c r="JA16" s="61">
        <v>36</v>
      </c>
      <c r="JB16" s="61">
        <v>23</v>
      </c>
      <c r="JC16" s="61">
        <v>26</v>
      </c>
      <c r="JD16" s="61">
        <v>8</v>
      </c>
      <c r="JE16" s="62">
        <v>143</v>
      </c>
      <c r="JF16" s="63">
        <v>238</v>
      </c>
      <c r="JG16" s="60">
        <v>40</v>
      </c>
      <c r="JH16" s="61">
        <v>37</v>
      </c>
      <c r="JI16" s="62">
        <v>77</v>
      </c>
      <c r="JJ16" s="228"/>
      <c r="JK16" s="61">
        <v>55</v>
      </c>
      <c r="JL16" s="61">
        <v>30</v>
      </c>
      <c r="JM16" s="61">
        <v>22</v>
      </c>
      <c r="JN16" s="61">
        <v>36</v>
      </c>
      <c r="JO16" s="61">
        <v>13</v>
      </c>
      <c r="JP16" s="62">
        <v>156</v>
      </c>
      <c r="JQ16" s="63">
        <v>233</v>
      </c>
      <c r="JR16" s="60">
        <v>0</v>
      </c>
      <c r="JS16" s="61">
        <v>0</v>
      </c>
      <c r="JT16" s="62">
        <v>0</v>
      </c>
      <c r="JU16" s="228"/>
      <c r="JV16" s="61">
        <v>0</v>
      </c>
      <c r="JW16" s="61">
        <v>0</v>
      </c>
      <c r="JX16" s="61">
        <v>0</v>
      </c>
      <c r="JY16" s="61">
        <v>0</v>
      </c>
      <c r="JZ16" s="61">
        <v>0</v>
      </c>
      <c r="KA16" s="62">
        <v>0</v>
      </c>
      <c r="KB16" s="63">
        <v>0</v>
      </c>
      <c r="KC16" s="60">
        <v>170</v>
      </c>
      <c r="KD16" s="61">
        <v>153</v>
      </c>
      <c r="KE16" s="62">
        <v>323</v>
      </c>
      <c r="KF16" s="228"/>
      <c r="KG16" s="61">
        <v>151</v>
      </c>
      <c r="KH16" s="61">
        <v>106</v>
      </c>
      <c r="KI16" s="61">
        <v>78</v>
      </c>
      <c r="KJ16" s="61">
        <v>89</v>
      </c>
      <c r="KK16" s="61">
        <v>44</v>
      </c>
      <c r="KL16" s="62">
        <v>468</v>
      </c>
      <c r="KM16" s="63">
        <v>791</v>
      </c>
    </row>
    <row r="17" spans="2:299" ht="21" customHeight="1" x14ac:dyDescent="0.2">
      <c r="B17" s="468" t="s">
        <v>13</v>
      </c>
      <c r="C17" s="291">
        <v>49</v>
      </c>
      <c r="D17" s="72">
        <v>51</v>
      </c>
      <c r="E17" s="73">
        <v>100</v>
      </c>
      <c r="F17" s="228"/>
      <c r="G17" s="72">
        <v>78</v>
      </c>
      <c r="H17" s="72">
        <v>56</v>
      </c>
      <c r="I17" s="72">
        <v>29</v>
      </c>
      <c r="J17" s="72">
        <v>22</v>
      </c>
      <c r="K17" s="72">
        <v>16</v>
      </c>
      <c r="L17" s="74">
        <v>201</v>
      </c>
      <c r="M17" s="75">
        <v>301</v>
      </c>
      <c r="N17" s="60">
        <v>2</v>
      </c>
      <c r="O17" s="61">
        <v>2</v>
      </c>
      <c r="P17" s="62">
        <v>4</v>
      </c>
      <c r="Q17" s="228"/>
      <c r="R17" s="61">
        <v>2</v>
      </c>
      <c r="S17" s="61">
        <v>1</v>
      </c>
      <c r="T17" s="61">
        <v>1</v>
      </c>
      <c r="U17" s="61">
        <v>1</v>
      </c>
      <c r="V17" s="61">
        <v>1</v>
      </c>
      <c r="W17" s="62">
        <v>6</v>
      </c>
      <c r="X17" s="63">
        <v>10</v>
      </c>
      <c r="Y17" s="60">
        <v>3</v>
      </c>
      <c r="Z17" s="61">
        <v>2</v>
      </c>
      <c r="AA17" s="62">
        <v>5</v>
      </c>
      <c r="AB17" s="228"/>
      <c r="AC17" s="61">
        <v>2</v>
      </c>
      <c r="AD17" s="61">
        <v>1</v>
      </c>
      <c r="AE17" s="61">
        <v>0</v>
      </c>
      <c r="AF17" s="61">
        <v>1</v>
      </c>
      <c r="AG17" s="61">
        <v>0</v>
      </c>
      <c r="AH17" s="62">
        <v>4</v>
      </c>
      <c r="AI17" s="63">
        <v>9</v>
      </c>
      <c r="AJ17" s="60">
        <v>5</v>
      </c>
      <c r="AK17" s="61">
        <v>5</v>
      </c>
      <c r="AL17" s="62">
        <v>10</v>
      </c>
      <c r="AM17" s="228"/>
      <c r="AN17" s="61">
        <v>12</v>
      </c>
      <c r="AO17" s="61">
        <v>7</v>
      </c>
      <c r="AP17" s="61">
        <v>2</v>
      </c>
      <c r="AQ17" s="61">
        <v>1</v>
      </c>
      <c r="AR17" s="61">
        <v>2</v>
      </c>
      <c r="AS17" s="62">
        <v>24</v>
      </c>
      <c r="AT17" s="63">
        <v>34</v>
      </c>
      <c r="AU17" s="60">
        <v>10</v>
      </c>
      <c r="AV17" s="61">
        <v>8</v>
      </c>
      <c r="AW17" s="62">
        <v>18</v>
      </c>
      <c r="AX17" s="228"/>
      <c r="AY17" s="61">
        <v>20</v>
      </c>
      <c r="AZ17" s="61">
        <v>11</v>
      </c>
      <c r="BA17" s="61">
        <v>7</v>
      </c>
      <c r="BB17" s="61">
        <v>4</v>
      </c>
      <c r="BC17" s="61">
        <v>4</v>
      </c>
      <c r="BD17" s="62">
        <v>46</v>
      </c>
      <c r="BE17" s="63">
        <v>64</v>
      </c>
      <c r="BF17" s="60">
        <v>13</v>
      </c>
      <c r="BG17" s="61">
        <v>20</v>
      </c>
      <c r="BH17" s="62">
        <v>33</v>
      </c>
      <c r="BI17" s="228"/>
      <c r="BJ17" s="61">
        <v>21</v>
      </c>
      <c r="BK17" s="61">
        <v>17</v>
      </c>
      <c r="BL17" s="61">
        <v>7</v>
      </c>
      <c r="BM17" s="61">
        <v>6</v>
      </c>
      <c r="BN17" s="61">
        <v>7</v>
      </c>
      <c r="BO17" s="62">
        <v>58</v>
      </c>
      <c r="BP17" s="63">
        <v>91</v>
      </c>
      <c r="BQ17" s="60">
        <v>16</v>
      </c>
      <c r="BR17" s="61">
        <v>14</v>
      </c>
      <c r="BS17" s="62">
        <v>30</v>
      </c>
      <c r="BT17" s="228"/>
      <c r="BU17" s="61">
        <v>21</v>
      </c>
      <c r="BV17" s="61">
        <v>19</v>
      </c>
      <c r="BW17" s="61">
        <v>12</v>
      </c>
      <c r="BX17" s="61">
        <v>9</v>
      </c>
      <c r="BY17" s="61">
        <v>2</v>
      </c>
      <c r="BZ17" s="62">
        <v>63</v>
      </c>
      <c r="CA17" s="63">
        <v>93</v>
      </c>
      <c r="CB17" s="60">
        <v>0</v>
      </c>
      <c r="CC17" s="61">
        <v>0</v>
      </c>
      <c r="CD17" s="62">
        <v>0</v>
      </c>
      <c r="CE17" s="228"/>
      <c r="CF17" s="61">
        <v>0</v>
      </c>
      <c r="CG17" s="61">
        <v>0</v>
      </c>
      <c r="CH17" s="61">
        <v>0</v>
      </c>
      <c r="CI17" s="61">
        <v>0</v>
      </c>
      <c r="CJ17" s="61">
        <v>0</v>
      </c>
      <c r="CK17" s="62">
        <v>0</v>
      </c>
      <c r="CL17" s="63">
        <v>0</v>
      </c>
      <c r="CM17" s="60">
        <v>49</v>
      </c>
      <c r="CN17" s="61">
        <v>51</v>
      </c>
      <c r="CO17" s="62">
        <v>100</v>
      </c>
      <c r="CP17" s="228"/>
      <c r="CQ17" s="61">
        <v>78</v>
      </c>
      <c r="CR17" s="61">
        <v>56</v>
      </c>
      <c r="CS17" s="61">
        <v>29</v>
      </c>
      <c r="CT17" s="61">
        <v>22</v>
      </c>
      <c r="CU17" s="61">
        <v>16</v>
      </c>
      <c r="CV17" s="62">
        <v>201</v>
      </c>
      <c r="CW17" s="63">
        <v>301</v>
      </c>
      <c r="CX17" s="113">
        <v>15</v>
      </c>
      <c r="CY17" s="72">
        <v>21</v>
      </c>
      <c r="CZ17" s="73">
        <v>36</v>
      </c>
      <c r="DA17" s="228"/>
      <c r="DB17" s="72">
        <v>26</v>
      </c>
      <c r="DC17" s="72">
        <v>16</v>
      </c>
      <c r="DD17" s="72">
        <v>12</v>
      </c>
      <c r="DE17" s="72">
        <v>11</v>
      </c>
      <c r="DF17" s="72">
        <v>16</v>
      </c>
      <c r="DG17" s="74">
        <v>81</v>
      </c>
      <c r="DH17" s="75">
        <v>117</v>
      </c>
      <c r="DI17" s="60">
        <v>1</v>
      </c>
      <c r="DJ17" s="61">
        <v>2</v>
      </c>
      <c r="DK17" s="62">
        <v>3</v>
      </c>
      <c r="DL17" s="228"/>
      <c r="DM17" s="61">
        <v>0</v>
      </c>
      <c r="DN17" s="61">
        <v>0</v>
      </c>
      <c r="DO17" s="61">
        <v>0</v>
      </c>
      <c r="DP17" s="61">
        <v>0</v>
      </c>
      <c r="DQ17" s="61">
        <v>0</v>
      </c>
      <c r="DR17" s="62">
        <v>0</v>
      </c>
      <c r="DS17" s="63">
        <v>3</v>
      </c>
      <c r="DT17" s="60">
        <v>1</v>
      </c>
      <c r="DU17" s="61">
        <v>0</v>
      </c>
      <c r="DV17" s="62">
        <v>1</v>
      </c>
      <c r="DW17" s="228"/>
      <c r="DX17" s="61">
        <v>3</v>
      </c>
      <c r="DY17" s="61">
        <v>0</v>
      </c>
      <c r="DZ17" s="61">
        <v>0</v>
      </c>
      <c r="EA17" s="61">
        <v>1</v>
      </c>
      <c r="EB17" s="61">
        <v>2</v>
      </c>
      <c r="EC17" s="62">
        <v>6</v>
      </c>
      <c r="ED17" s="63">
        <v>7</v>
      </c>
      <c r="EE17" s="60">
        <v>1</v>
      </c>
      <c r="EF17" s="61">
        <v>0</v>
      </c>
      <c r="EG17" s="62">
        <v>1</v>
      </c>
      <c r="EH17" s="228"/>
      <c r="EI17" s="61">
        <v>5</v>
      </c>
      <c r="EJ17" s="61">
        <v>0</v>
      </c>
      <c r="EK17" s="61">
        <v>1</v>
      </c>
      <c r="EL17" s="61">
        <v>0</v>
      </c>
      <c r="EM17" s="61">
        <v>1</v>
      </c>
      <c r="EN17" s="62">
        <v>7</v>
      </c>
      <c r="EO17" s="63">
        <v>8</v>
      </c>
      <c r="EP17" s="60">
        <v>5</v>
      </c>
      <c r="EQ17" s="61">
        <v>8</v>
      </c>
      <c r="ER17" s="62">
        <v>13</v>
      </c>
      <c r="ES17" s="228"/>
      <c r="ET17" s="61">
        <v>3</v>
      </c>
      <c r="EU17" s="61">
        <v>3</v>
      </c>
      <c r="EV17" s="61">
        <v>2</v>
      </c>
      <c r="EW17" s="61">
        <v>1</v>
      </c>
      <c r="EX17" s="61">
        <v>2</v>
      </c>
      <c r="EY17" s="62">
        <v>11</v>
      </c>
      <c r="EZ17" s="63">
        <v>24</v>
      </c>
      <c r="FA17" s="60">
        <v>4</v>
      </c>
      <c r="FB17" s="61">
        <v>5</v>
      </c>
      <c r="FC17" s="62">
        <v>9</v>
      </c>
      <c r="FD17" s="228"/>
      <c r="FE17" s="61">
        <v>7</v>
      </c>
      <c r="FF17" s="61">
        <v>8</v>
      </c>
      <c r="FG17" s="61">
        <v>1</v>
      </c>
      <c r="FH17" s="61">
        <v>2</v>
      </c>
      <c r="FI17" s="61">
        <v>4</v>
      </c>
      <c r="FJ17" s="62">
        <v>22</v>
      </c>
      <c r="FK17" s="63">
        <v>31</v>
      </c>
      <c r="FL17" s="60">
        <v>3</v>
      </c>
      <c r="FM17" s="61">
        <v>6</v>
      </c>
      <c r="FN17" s="62">
        <v>9</v>
      </c>
      <c r="FO17" s="228"/>
      <c r="FP17" s="61">
        <v>8</v>
      </c>
      <c r="FQ17" s="61">
        <v>5</v>
      </c>
      <c r="FR17" s="61">
        <v>8</v>
      </c>
      <c r="FS17" s="61">
        <v>7</v>
      </c>
      <c r="FT17" s="61">
        <v>7</v>
      </c>
      <c r="FU17" s="62">
        <v>35</v>
      </c>
      <c r="FV17" s="63">
        <v>44</v>
      </c>
      <c r="FW17" s="60">
        <v>0</v>
      </c>
      <c r="FX17" s="61">
        <v>0</v>
      </c>
      <c r="FY17" s="62">
        <v>0</v>
      </c>
      <c r="FZ17" s="228"/>
      <c r="GA17" s="61">
        <v>0</v>
      </c>
      <c r="GB17" s="61">
        <v>0</v>
      </c>
      <c r="GC17" s="61">
        <v>0</v>
      </c>
      <c r="GD17" s="61">
        <v>0</v>
      </c>
      <c r="GE17" s="61">
        <v>0</v>
      </c>
      <c r="GF17" s="62">
        <v>0</v>
      </c>
      <c r="GG17" s="63">
        <v>0</v>
      </c>
      <c r="GH17" s="60">
        <v>15</v>
      </c>
      <c r="GI17" s="61">
        <v>21</v>
      </c>
      <c r="GJ17" s="62">
        <v>36</v>
      </c>
      <c r="GK17" s="228"/>
      <c r="GL17" s="61">
        <v>26</v>
      </c>
      <c r="GM17" s="61">
        <v>16</v>
      </c>
      <c r="GN17" s="61">
        <v>12</v>
      </c>
      <c r="GO17" s="61">
        <v>11</v>
      </c>
      <c r="GP17" s="61">
        <v>16</v>
      </c>
      <c r="GQ17" s="62">
        <v>81</v>
      </c>
      <c r="GR17" s="63">
        <v>117</v>
      </c>
      <c r="GS17" s="113">
        <v>64</v>
      </c>
      <c r="GT17" s="72">
        <v>72</v>
      </c>
      <c r="GU17" s="73">
        <v>136</v>
      </c>
      <c r="GV17" s="228"/>
      <c r="GW17" s="72">
        <v>104</v>
      </c>
      <c r="GX17" s="72">
        <v>72</v>
      </c>
      <c r="GY17" s="72">
        <v>41</v>
      </c>
      <c r="GZ17" s="72">
        <v>33</v>
      </c>
      <c r="HA17" s="72">
        <v>32</v>
      </c>
      <c r="HB17" s="74">
        <v>282</v>
      </c>
      <c r="HC17" s="75">
        <v>418</v>
      </c>
      <c r="HD17" s="60">
        <v>3</v>
      </c>
      <c r="HE17" s="61">
        <v>4</v>
      </c>
      <c r="HF17" s="62">
        <v>7</v>
      </c>
      <c r="HG17" s="228"/>
      <c r="HH17" s="61">
        <v>2</v>
      </c>
      <c r="HI17" s="61">
        <v>1</v>
      </c>
      <c r="HJ17" s="61">
        <v>1</v>
      </c>
      <c r="HK17" s="61">
        <v>1</v>
      </c>
      <c r="HL17" s="61">
        <v>1</v>
      </c>
      <c r="HM17" s="62">
        <v>6</v>
      </c>
      <c r="HN17" s="63">
        <v>13</v>
      </c>
      <c r="HO17" s="60">
        <v>4</v>
      </c>
      <c r="HP17" s="61">
        <v>2</v>
      </c>
      <c r="HQ17" s="62">
        <v>6</v>
      </c>
      <c r="HR17" s="228"/>
      <c r="HS17" s="61">
        <v>5</v>
      </c>
      <c r="HT17" s="61">
        <v>1</v>
      </c>
      <c r="HU17" s="61">
        <v>0</v>
      </c>
      <c r="HV17" s="61">
        <v>2</v>
      </c>
      <c r="HW17" s="61">
        <v>2</v>
      </c>
      <c r="HX17" s="62">
        <v>10</v>
      </c>
      <c r="HY17" s="63">
        <v>16</v>
      </c>
      <c r="HZ17" s="60">
        <v>6</v>
      </c>
      <c r="IA17" s="61">
        <v>5</v>
      </c>
      <c r="IB17" s="62">
        <v>11</v>
      </c>
      <c r="IC17" s="228"/>
      <c r="ID17" s="61">
        <v>17</v>
      </c>
      <c r="IE17" s="61">
        <v>7</v>
      </c>
      <c r="IF17" s="61">
        <v>3</v>
      </c>
      <c r="IG17" s="61">
        <v>1</v>
      </c>
      <c r="IH17" s="61">
        <v>3</v>
      </c>
      <c r="II17" s="62">
        <v>31</v>
      </c>
      <c r="IJ17" s="63">
        <v>42</v>
      </c>
      <c r="IK17" s="60">
        <v>15</v>
      </c>
      <c r="IL17" s="61">
        <v>16</v>
      </c>
      <c r="IM17" s="62">
        <v>31</v>
      </c>
      <c r="IN17" s="228"/>
      <c r="IO17" s="61">
        <v>23</v>
      </c>
      <c r="IP17" s="61">
        <v>14</v>
      </c>
      <c r="IQ17" s="61">
        <v>9</v>
      </c>
      <c r="IR17" s="61">
        <v>5</v>
      </c>
      <c r="IS17" s="61">
        <v>6</v>
      </c>
      <c r="IT17" s="62">
        <v>57</v>
      </c>
      <c r="IU17" s="63">
        <v>88</v>
      </c>
      <c r="IV17" s="60">
        <v>17</v>
      </c>
      <c r="IW17" s="61">
        <v>25</v>
      </c>
      <c r="IX17" s="62">
        <v>42</v>
      </c>
      <c r="IY17" s="228"/>
      <c r="IZ17" s="61">
        <v>28</v>
      </c>
      <c r="JA17" s="61">
        <v>25</v>
      </c>
      <c r="JB17" s="61">
        <v>8</v>
      </c>
      <c r="JC17" s="61">
        <v>8</v>
      </c>
      <c r="JD17" s="61">
        <v>11</v>
      </c>
      <c r="JE17" s="62">
        <v>80</v>
      </c>
      <c r="JF17" s="63">
        <v>122</v>
      </c>
      <c r="JG17" s="60">
        <v>19</v>
      </c>
      <c r="JH17" s="61">
        <v>20</v>
      </c>
      <c r="JI17" s="62">
        <v>39</v>
      </c>
      <c r="JJ17" s="228"/>
      <c r="JK17" s="61">
        <v>29</v>
      </c>
      <c r="JL17" s="61">
        <v>24</v>
      </c>
      <c r="JM17" s="61">
        <v>20</v>
      </c>
      <c r="JN17" s="61">
        <v>16</v>
      </c>
      <c r="JO17" s="61">
        <v>9</v>
      </c>
      <c r="JP17" s="62">
        <v>98</v>
      </c>
      <c r="JQ17" s="63">
        <v>137</v>
      </c>
      <c r="JR17" s="60">
        <v>0</v>
      </c>
      <c r="JS17" s="61">
        <v>0</v>
      </c>
      <c r="JT17" s="62">
        <v>0</v>
      </c>
      <c r="JU17" s="228"/>
      <c r="JV17" s="61">
        <v>0</v>
      </c>
      <c r="JW17" s="61">
        <v>0</v>
      </c>
      <c r="JX17" s="61">
        <v>0</v>
      </c>
      <c r="JY17" s="61">
        <v>0</v>
      </c>
      <c r="JZ17" s="61">
        <v>0</v>
      </c>
      <c r="KA17" s="62">
        <v>0</v>
      </c>
      <c r="KB17" s="63">
        <v>0</v>
      </c>
      <c r="KC17" s="60">
        <v>64</v>
      </c>
      <c r="KD17" s="61">
        <v>72</v>
      </c>
      <c r="KE17" s="62">
        <v>136</v>
      </c>
      <c r="KF17" s="228"/>
      <c r="KG17" s="61">
        <v>104</v>
      </c>
      <c r="KH17" s="61">
        <v>72</v>
      </c>
      <c r="KI17" s="61">
        <v>41</v>
      </c>
      <c r="KJ17" s="61">
        <v>33</v>
      </c>
      <c r="KK17" s="61">
        <v>32</v>
      </c>
      <c r="KL17" s="62">
        <v>282</v>
      </c>
      <c r="KM17" s="63">
        <v>418</v>
      </c>
    </row>
    <row r="18" spans="2:299" ht="21" customHeight="1" x14ac:dyDescent="0.2">
      <c r="B18" s="468" t="s">
        <v>15</v>
      </c>
      <c r="C18" s="291">
        <v>8</v>
      </c>
      <c r="D18" s="72">
        <v>9</v>
      </c>
      <c r="E18" s="73">
        <v>17</v>
      </c>
      <c r="F18" s="228"/>
      <c r="G18" s="72">
        <v>16</v>
      </c>
      <c r="H18" s="72">
        <v>16</v>
      </c>
      <c r="I18" s="72">
        <v>4</v>
      </c>
      <c r="J18" s="72">
        <v>10</v>
      </c>
      <c r="K18" s="72">
        <v>8</v>
      </c>
      <c r="L18" s="74">
        <v>54</v>
      </c>
      <c r="M18" s="75">
        <v>71</v>
      </c>
      <c r="N18" s="60">
        <v>2</v>
      </c>
      <c r="O18" s="61">
        <v>2</v>
      </c>
      <c r="P18" s="62">
        <v>4</v>
      </c>
      <c r="Q18" s="228"/>
      <c r="R18" s="61">
        <v>0</v>
      </c>
      <c r="S18" s="61">
        <v>0</v>
      </c>
      <c r="T18" s="61">
        <v>0</v>
      </c>
      <c r="U18" s="61">
        <v>0</v>
      </c>
      <c r="V18" s="61">
        <v>2</v>
      </c>
      <c r="W18" s="62">
        <v>2</v>
      </c>
      <c r="X18" s="63">
        <v>6</v>
      </c>
      <c r="Y18" s="60">
        <v>2</v>
      </c>
      <c r="Z18" s="61">
        <v>0</v>
      </c>
      <c r="AA18" s="62">
        <v>2</v>
      </c>
      <c r="AB18" s="228"/>
      <c r="AC18" s="61">
        <v>0</v>
      </c>
      <c r="AD18" s="61">
        <v>1</v>
      </c>
      <c r="AE18" s="61">
        <v>0</v>
      </c>
      <c r="AF18" s="61">
        <v>2</v>
      </c>
      <c r="AG18" s="61">
        <v>1</v>
      </c>
      <c r="AH18" s="62">
        <v>4</v>
      </c>
      <c r="AI18" s="63">
        <v>6</v>
      </c>
      <c r="AJ18" s="60">
        <v>0</v>
      </c>
      <c r="AK18" s="61">
        <v>0</v>
      </c>
      <c r="AL18" s="62">
        <v>0</v>
      </c>
      <c r="AM18" s="228"/>
      <c r="AN18" s="61">
        <v>2</v>
      </c>
      <c r="AO18" s="61">
        <v>6</v>
      </c>
      <c r="AP18" s="61">
        <v>0</v>
      </c>
      <c r="AQ18" s="61">
        <v>1</v>
      </c>
      <c r="AR18" s="61">
        <v>2</v>
      </c>
      <c r="AS18" s="62">
        <v>11</v>
      </c>
      <c r="AT18" s="63">
        <v>11</v>
      </c>
      <c r="AU18" s="60">
        <v>0</v>
      </c>
      <c r="AV18" s="61">
        <v>2</v>
      </c>
      <c r="AW18" s="62">
        <v>2</v>
      </c>
      <c r="AX18" s="228"/>
      <c r="AY18" s="61">
        <v>8</v>
      </c>
      <c r="AZ18" s="61">
        <v>2</v>
      </c>
      <c r="BA18" s="61">
        <v>0</v>
      </c>
      <c r="BB18" s="61">
        <v>2</v>
      </c>
      <c r="BC18" s="61">
        <v>1</v>
      </c>
      <c r="BD18" s="62">
        <v>13</v>
      </c>
      <c r="BE18" s="63">
        <v>15</v>
      </c>
      <c r="BF18" s="60">
        <v>1</v>
      </c>
      <c r="BG18" s="61">
        <v>5</v>
      </c>
      <c r="BH18" s="62">
        <v>6</v>
      </c>
      <c r="BI18" s="228"/>
      <c r="BJ18" s="61">
        <v>4</v>
      </c>
      <c r="BK18" s="61">
        <v>3</v>
      </c>
      <c r="BL18" s="61">
        <v>3</v>
      </c>
      <c r="BM18" s="61">
        <v>4</v>
      </c>
      <c r="BN18" s="61">
        <v>1</v>
      </c>
      <c r="BO18" s="62">
        <v>15</v>
      </c>
      <c r="BP18" s="63">
        <v>21</v>
      </c>
      <c r="BQ18" s="60">
        <v>3</v>
      </c>
      <c r="BR18" s="61">
        <v>0</v>
      </c>
      <c r="BS18" s="62">
        <v>3</v>
      </c>
      <c r="BT18" s="228"/>
      <c r="BU18" s="61">
        <v>2</v>
      </c>
      <c r="BV18" s="61">
        <v>4</v>
      </c>
      <c r="BW18" s="61">
        <v>1</v>
      </c>
      <c r="BX18" s="61">
        <v>1</v>
      </c>
      <c r="BY18" s="61">
        <v>1</v>
      </c>
      <c r="BZ18" s="62">
        <v>9</v>
      </c>
      <c r="CA18" s="63">
        <v>12</v>
      </c>
      <c r="CB18" s="60">
        <v>0</v>
      </c>
      <c r="CC18" s="61">
        <v>0</v>
      </c>
      <c r="CD18" s="62">
        <v>0</v>
      </c>
      <c r="CE18" s="228"/>
      <c r="CF18" s="61">
        <v>0</v>
      </c>
      <c r="CG18" s="61">
        <v>0</v>
      </c>
      <c r="CH18" s="61">
        <v>0</v>
      </c>
      <c r="CI18" s="61">
        <v>0</v>
      </c>
      <c r="CJ18" s="61">
        <v>0</v>
      </c>
      <c r="CK18" s="62">
        <v>0</v>
      </c>
      <c r="CL18" s="63">
        <v>0</v>
      </c>
      <c r="CM18" s="60">
        <v>8</v>
      </c>
      <c r="CN18" s="61">
        <v>9</v>
      </c>
      <c r="CO18" s="62">
        <v>17</v>
      </c>
      <c r="CP18" s="228"/>
      <c r="CQ18" s="61">
        <v>16</v>
      </c>
      <c r="CR18" s="61">
        <v>16</v>
      </c>
      <c r="CS18" s="61">
        <v>4</v>
      </c>
      <c r="CT18" s="61">
        <v>10</v>
      </c>
      <c r="CU18" s="61">
        <v>8</v>
      </c>
      <c r="CV18" s="62">
        <v>54</v>
      </c>
      <c r="CW18" s="63">
        <v>71</v>
      </c>
      <c r="CX18" s="113">
        <v>5</v>
      </c>
      <c r="CY18" s="72">
        <v>7</v>
      </c>
      <c r="CZ18" s="73">
        <v>12</v>
      </c>
      <c r="DA18" s="228"/>
      <c r="DB18" s="72">
        <v>5</v>
      </c>
      <c r="DC18" s="72">
        <v>8</v>
      </c>
      <c r="DD18" s="72">
        <v>5</v>
      </c>
      <c r="DE18" s="72">
        <v>8</v>
      </c>
      <c r="DF18" s="72">
        <v>1</v>
      </c>
      <c r="DG18" s="74">
        <v>27</v>
      </c>
      <c r="DH18" s="75">
        <v>39</v>
      </c>
      <c r="DI18" s="60">
        <v>1</v>
      </c>
      <c r="DJ18" s="61">
        <v>0</v>
      </c>
      <c r="DK18" s="62">
        <v>1</v>
      </c>
      <c r="DL18" s="228"/>
      <c r="DM18" s="61">
        <v>0</v>
      </c>
      <c r="DN18" s="61">
        <v>0</v>
      </c>
      <c r="DO18" s="61">
        <v>0</v>
      </c>
      <c r="DP18" s="61">
        <v>0</v>
      </c>
      <c r="DQ18" s="61">
        <v>0</v>
      </c>
      <c r="DR18" s="62">
        <v>0</v>
      </c>
      <c r="DS18" s="63">
        <v>1</v>
      </c>
      <c r="DT18" s="60">
        <v>1</v>
      </c>
      <c r="DU18" s="61">
        <v>0</v>
      </c>
      <c r="DV18" s="62">
        <v>1</v>
      </c>
      <c r="DW18" s="228"/>
      <c r="DX18" s="61">
        <v>0</v>
      </c>
      <c r="DY18" s="61">
        <v>0</v>
      </c>
      <c r="DZ18" s="61">
        <v>0</v>
      </c>
      <c r="EA18" s="61">
        <v>0</v>
      </c>
      <c r="EB18" s="61">
        <v>0</v>
      </c>
      <c r="EC18" s="62">
        <v>0</v>
      </c>
      <c r="ED18" s="63">
        <v>1</v>
      </c>
      <c r="EE18" s="60">
        <v>1</v>
      </c>
      <c r="EF18" s="61">
        <v>1</v>
      </c>
      <c r="EG18" s="62">
        <v>2</v>
      </c>
      <c r="EH18" s="228"/>
      <c r="EI18" s="61">
        <v>0</v>
      </c>
      <c r="EJ18" s="61">
        <v>1</v>
      </c>
      <c r="EK18" s="61">
        <v>0</v>
      </c>
      <c r="EL18" s="61">
        <v>1</v>
      </c>
      <c r="EM18" s="61">
        <v>1</v>
      </c>
      <c r="EN18" s="62">
        <v>3</v>
      </c>
      <c r="EO18" s="63">
        <v>5</v>
      </c>
      <c r="EP18" s="60">
        <v>0</v>
      </c>
      <c r="EQ18" s="61">
        <v>4</v>
      </c>
      <c r="ER18" s="62">
        <v>4</v>
      </c>
      <c r="ES18" s="228"/>
      <c r="ET18" s="61">
        <v>1</v>
      </c>
      <c r="EU18" s="61">
        <v>0</v>
      </c>
      <c r="EV18" s="61">
        <v>0</v>
      </c>
      <c r="EW18" s="61">
        <v>0</v>
      </c>
      <c r="EX18" s="61">
        <v>0</v>
      </c>
      <c r="EY18" s="62">
        <v>1</v>
      </c>
      <c r="EZ18" s="63">
        <v>5</v>
      </c>
      <c r="FA18" s="60">
        <v>0</v>
      </c>
      <c r="FB18" s="61">
        <v>1</v>
      </c>
      <c r="FC18" s="62">
        <v>1</v>
      </c>
      <c r="FD18" s="228"/>
      <c r="FE18" s="61">
        <v>2</v>
      </c>
      <c r="FF18" s="61">
        <v>2</v>
      </c>
      <c r="FG18" s="61">
        <v>1</v>
      </c>
      <c r="FH18" s="61">
        <v>2</v>
      </c>
      <c r="FI18" s="61">
        <v>0</v>
      </c>
      <c r="FJ18" s="62">
        <v>7</v>
      </c>
      <c r="FK18" s="63">
        <v>8</v>
      </c>
      <c r="FL18" s="60">
        <v>2</v>
      </c>
      <c r="FM18" s="61">
        <v>1</v>
      </c>
      <c r="FN18" s="62">
        <v>3</v>
      </c>
      <c r="FO18" s="228"/>
      <c r="FP18" s="61">
        <v>2</v>
      </c>
      <c r="FQ18" s="61">
        <v>5</v>
      </c>
      <c r="FR18" s="61">
        <v>4</v>
      </c>
      <c r="FS18" s="61">
        <v>5</v>
      </c>
      <c r="FT18" s="61">
        <v>0</v>
      </c>
      <c r="FU18" s="62">
        <v>16</v>
      </c>
      <c r="FV18" s="63">
        <v>19</v>
      </c>
      <c r="FW18" s="60">
        <v>0</v>
      </c>
      <c r="FX18" s="61">
        <v>0</v>
      </c>
      <c r="FY18" s="62">
        <v>0</v>
      </c>
      <c r="FZ18" s="228"/>
      <c r="GA18" s="61">
        <v>0</v>
      </c>
      <c r="GB18" s="61">
        <v>0</v>
      </c>
      <c r="GC18" s="61">
        <v>0</v>
      </c>
      <c r="GD18" s="61">
        <v>0</v>
      </c>
      <c r="GE18" s="61">
        <v>0</v>
      </c>
      <c r="GF18" s="62">
        <v>0</v>
      </c>
      <c r="GG18" s="63">
        <v>0</v>
      </c>
      <c r="GH18" s="60">
        <v>5</v>
      </c>
      <c r="GI18" s="61">
        <v>7</v>
      </c>
      <c r="GJ18" s="62">
        <v>12</v>
      </c>
      <c r="GK18" s="228"/>
      <c r="GL18" s="61">
        <v>5</v>
      </c>
      <c r="GM18" s="61">
        <v>8</v>
      </c>
      <c r="GN18" s="61">
        <v>5</v>
      </c>
      <c r="GO18" s="61">
        <v>8</v>
      </c>
      <c r="GP18" s="61">
        <v>1</v>
      </c>
      <c r="GQ18" s="62">
        <v>27</v>
      </c>
      <c r="GR18" s="63">
        <v>39</v>
      </c>
      <c r="GS18" s="113">
        <v>13</v>
      </c>
      <c r="GT18" s="72">
        <v>16</v>
      </c>
      <c r="GU18" s="73">
        <v>29</v>
      </c>
      <c r="GV18" s="228"/>
      <c r="GW18" s="72">
        <v>21</v>
      </c>
      <c r="GX18" s="72">
        <v>24</v>
      </c>
      <c r="GY18" s="72">
        <v>9</v>
      </c>
      <c r="GZ18" s="72">
        <v>18</v>
      </c>
      <c r="HA18" s="72">
        <v>9</v>
      </c>
      <c r="HB18" s="74">
        <v>81</v>
      </c>
      <c r="HC18" s="75">
        <v>110</v>
      </c>
      <c r="HD18" s="60">
        <v>3</v>
      </c>
      <c r="HE18" s="61">
        <v>2</v>
      </c>
      <c r="HF18" s="62">
        <v>5</v>
      </c>
      <c r="HG18" s="228"/>
      <c r="HH18" s="61">
        <v>0</v>
      </c>
      <c r="HI18" s="61">
        <v>0</v>
      </c>
      <c r="HJ18" s="61">
        <v>0</v>
      </c>
      <c r="HK18" s="61">
        <v>0</v>
      </c>
      <c r="HL18" s="61">
        <v>2</v>
      </c>
      <c r="HM18" s="62">
        <v>2</v>
      </c>
      <c r="HN18" s="63">
        <v>7</v>
      </c>
      <c r="HO18" s="60">
        <v>3</v>
      </c>
      <c r="HP18" s="61">
        <v>0</v>
      </c>
      <c r="HQ18" s="62">
        <v>3</v>
      </c>
      <c r="HR18" s="228"/>
      <c r="HS18" s="61">
        <v>0</v>
      </c>
      <c r="HT18" s="61">
        <v>1</v>
      </c>
      <c r="HU18" s="61">
        <v>0</v>
      </c>
      <c r="HV18" s="61">
        <v>2</v>
      </c>
      <c r="HW18" s="61">
        <v>1</v>
      </c>
      <c r="HX18" s="62">
        <v>4</v>
      </c>
      <c r="HY18" s="63">
        <v>7</v>
      </c>
      <c r="HZ18" s="60">
        <v>1</v>
      </c>
      <c r="IA18" s="61">
        <v>1</v>
      </c>
      <c r="IB18" s="62">
        <v>2</v>
      </c>
      <c r="IC18" s="228"/>
      <c r="ID18" s="61">
        <v>2</v>
      </c>
      <c r="IE18" s="61">
        <v>7</v>
      </c>
      <c r="IF18" s="61">
        <v>0</v>
      </c>
      <c r="IG18" s="61">
        <v>2</v>
      </c>
      <c r="IH18" s="61">
        <v>3</v>
      </c>
      <c r="II18" s="62">
        <v>14</v>
      </c>
      <c r="IJ18" s="63">
        <v>16</v>
      </c>
      <c r="IK18" s="60">
        <v>0</v>
      </c>
      <c r="IL18" s="61">
        <v>6</v>
      </c>
      <c r="IM18" s="62">
        <v>6</v>
      </c>
      <c r="IN18" s="228"/>
      <c r="IO18" s="61">
        <v>9</v>
      </c>
      <c r="IP18" s="61">
        <v>2</v>
      </c>
      <c r="IQ18" s="61">
        <v>0</v>
      </c>
      <c r="IR18" s="61">
        <v>2</v>
      </c>
      <c r="IS18" s="61">
        <v>1</v>
      </c>
      <c r="IT18" s="62">
        <v>14</v>
      </c>
      <c r="IU18" s="63">
        <v>20</v>
      </c>
      <c r="IV18" s="60">
        <v>1</v>
      </c>
      <c r="IW18" s="61">
        <v>6</v>
      </c>
      <c r="IX18" s="62">
        <v>7</v>
      </c>
      <c r="IY18" s="228"/>
      <c r="IZ18" s="61">
        <v>6</v>
      </c>
      <c r="JA18" s="61">
        <v>5</v>
      </c>
      <c r="JB18" s="61">
        <v>4</v>
      </c>
      <c r="JC18" s="61">
        <v>6</v>
      </c>
      <c r="JD18" s="61">
        <v>1</v>
      </c>
      <c r="JE18" s="62">
        <v>22</v>
      </c>
      <c r="JF18" s="63">
        <v>29</v>
      </c>
      <c r="JG18" s="60">
        <v>5</v>
      </c>
      <c r="JH18" s="61">
        <v>1</v>
      </c>
      <c r="JI18" s="62">
        <v>6</v>
      </c>
      <c r="JJ18" s="228"/>
      <c r="JK18" s="61">
        <v>4</v>
      </c>
      <c r="JL18" s="61">
        <v>9</v>
      </c>
      <c r="JM18" s="61">
        <v>5</v>
      </c>
      <c r="JN18" s="61">
        <v>6</v>
      </c>
      <c r="JO18" s="61">
        <v>1</v>
      </c>
      <c r="JP18" s="62">
        <v>25</v>
      </c>
      <c r="JQ18" s="63">
        <v>31</v>
      </c>
      <c r="JR18" s="60">
        <v>0</v>
      </c>
      <c r="JS18" s="61">
        <v>0</v>
      </c>
      <c r="JT18" s="62">
        <v>0</v>
      </c>
      <c r="JU18" s="228"/>
      <c r="JV18" s="61">
        <v>0</v>
      </c>
      <c r="JW18" s="61">
        <v>0</v>
      </c>
      <c r="JX18" s="61">
        <v>0</v>
      </c>
      <c r="JY18" s="61">
        <v>0</v>
      </c>
      <c r="JZ18" s="61">
        <v>0</v>
      </c>
      <c r="KA18" s="62">
        <v>0</v>
      </c>
      <c r="KB18" s="63">
        <v>0</v>
      </c>
      <c r="KC18" s="60">
        <v>13</v>
      </c>
      <c r="KD18" s="61">
        <v>16</v>
      </c>
      <c r="KE18" s="62">
        <v>29</v>
      </c>
      <c r="KF18" s="228"/>
      <c r="KG18" s="61">
        <v>21</v>
      </c>
      <c r="KH18" s="61">
        <v>24</v>
      </c>
      <c r="KI18" s="61">
        <v>9</v>
      </c>
      <c r="KJ18" s="61">
        <v>18</v>
      </c>
      <c r="KK18" s="61">
        <v>9</v>
      </c>
      <c r="KL18" s="62">
        <v>81</v>
      </c>
      <c r="KM18" s="63">
        <v>110</v>
      </c>
    </row>
    <row r="19" spans="2:299" ht="21" customHeight="1" x14ac:dyDescent="0.2">
      <c r="B19" s="468" t="s">
        <v>16</v>
      </c>
      <c r="C19" s="291">
        <v>26</v>
      </c>
      <c r="D19" s="72">
        <v>35</v>
      </c>
      <c r="E19" s="73">
        <v>61</v>
      </c>
      <c r="F19" s="228"/>
      <c r="G19" s="72">
        <v>49</v>
      </c>
      <c r="H19" s="72">
        <v>64</v>
      </c>
      <c r="I19" s="72">
        <v>41</v>
      </c>
      <c r="J19" s="72">
        <v>23</v>
      </c>
      <c r="K19" s="72">
        <v>14</v>
      </c>
      <c r="L19" s="74">
        <v>191</v>
      </c>
      <c r="M19" s="75">
        <v>252</v>
      </c>
      <c r="N19" s="60">
        <v>0</v>
      </c>
      <c r="O19" s="61">
        <v>2</v>
      </c>
      <c r="P19" s="62">
        <v>2</v>
      </c>
      <c r="Q19" s="228"/>
      <c r="R19" s="61">
        <v>1</v>
      </c>
      <c r="S19" s="61">
        <v>2</v>
      </c>
      <c r="T19" s="61">
        <v>0</v>
      </c>
      <c r="U19" s="61">
        <v>1</v>
      </c>
      <c r="V19" s="61">
        <v>3</v>
      </c>
      <c r="W19" s="62">
        <v>7</v>
      </c>
      <c r="X19" s="63">
        <v>9</v>
      </c>
      <c r="Y19" s="60">
        <v>1</v>
      </c>
      <c r="Z19" s="61">
        <v>4</v>
      </c>
      <c r="AA19" s="62">
        <v>5</v>
      </c>
      <c r="AB19" s="228"/>
      <c r="AC19" s="61">
        <v>4</v>
      </c>
      <c r="AD19" s="61">
        <v>7</v>
      </c>
      <c r="AE19" s="61">
        <v>4</v>
      </c>
      <c r="AF19" s="61">
        <v>1</v>
      </c>
      <c r="AG19" s="61">
        <v>1</v>
      </c>
      <c r="AH19" s="62">
        <v>17</v>
      </c>
      <c r="AI19" s="63">
        <v>22</v>
      </c>
      <c r="AJ19" s="60">
        <v>4</v>
      </c>
      <c r="AK19" s="61">
        <v>3</v>
      </c>
      <c r="AL19" s="62">
        <v>7</v>
      </c>
      <c r="AM19" s="228"/>
      <c r="AN19" s="61">
        <v>4</v>
      </c>
      <c r="AO19" s="61">
        <v>13</v>
      </c>
      <c r="AP19" s="61">
        <v>4</v>
      </c>
      <c r="AQ19" s="61">
        <v>4</v>
      </c>
      <c r="AR19" s="61">
        <v>3</v>
      </c>
      <c r="AS19" s="62">
        <v>28</v>
      </c>
      <c r="AT19" s="63">
        <v>35</v>
      </c>
      <c r="AU19" s="60">
        <v>7</v>
      </c>
      <c r="AV19" s="61">
        <v>7</v>
      </c>
      <c r="AW19" s="62">
        <v>14</v>
      </c>
      <c r="AX19" s="228"/>
      <c r="AY19" s="61">
        <v>15</v>
      </c>
      <c r="AZ19" s="61">
        <v>19</v>
      </c>
      <c r="BA19" s="61">
        <v>11</v>
      </c>
      <c r="BB19" s="61">
        <v>3</v>
      </c>
      <c r="BC19" s="61">
        <v>3</v>
      </c>
      <c r="BD19" s="62">
        <v>51</v>
      </c>
      <c r="BE19" s="63">
        <v>65</v>
      </c>
      <c r="BF19" s="60">
        <v>12</v>
      </c>
      <c r="BG19" s="61">
        <v>10</v>
      </c>
      <c r="BH19" s="62">
        <v>22</v>
      </c>
      <c r="BI19" s="228"/>
      <c r="BJ19" s="61">
        <v>14</v>
      </c>
      <c r="BK19" s="61">
        <v>14</v>
      </c>
      <c r="BL19" s="61">
        <v>11</v>
      </c>
      <c r="BM19" s="61">
        <v>6</v>
      </c>
      <c r="BN19" s="61">
        <v>4</v>
      </c>
      <c r="BO19" s="62">
        <v>49</v>
      </c>
      <c r="BP19" s="63">
        <v>71</v>
      </c>
      <c r="BQ19" s="60">
        <v>2</v>
      </c>
      <c r="BR19" s="61">
        <v>9</v>
      </c>
      <c r="BS19" s="62">
        <v>11</v>
      </c>
      <c r="BT19" s="228"/>
      <c r="BU19" s="61">
        <v>11</v>
      </c>
      <c r="BV19" s="61">
        <v>9</v>
      </c>
      <c r="BW19" s="61">
        <v>11</v>
      </c>
      <c r="BX19" s="61">
        <v>8</v>
      </c>
      <c r="BY19" s="61">
        <v>0</v>
      </c>
      <c r="BZ19" s="62">
        <v>39</v>
      </c>
      <c r="CA19" s="63">
        <v>50</v>
      </c>
      <c r="CB19" s="60">
        <v>0</v>
      </c>
      <c r="CC19" s="61">
        <v>0</v>
      </c>
      <c r="CD19" s="62">
        <v>0</v>
      </c>
      <c r="CE19" s="228"/>
      <c r="CF19" s="61">
        <v>0</v>
      </c>
      <c r="CG19" s="61">
        <v>0</v>
      </c>
      <c r="CH19" s="61">
        <v>0</v>
      </c>
      <c r="CI19" s="61">
        <v>0</v>
      </c>
      <c r="CJ19" s="61">
        <v>0</v>
      </c>
      <c r="CK19" s="62">
        <v>0</v>
      </c>
      <c r="CL19" s="63">
        <v>0</v>
      </c>
      <c r="CM19" s="60">
        <v>26</v>
      </c>
      <c r="CN19" s="61">
        <v>35</v>
      </c>
      <c r="CO19" s="62">
        <v>61</v>
      </c>
      <c r="CP19" s="228"/>
      <c r="CQ19" s="61">
        <v>49</v>
      </c>
      <c r="CR19" s="61">
        <v>64</v>
      </c>
      <c r="CS19" s="61">
        <v>41</v>
      </c>
      <c r="CT19" s="61">
        <v>23</v>
      </c>
      <c r="CU19" s="61">
        <v>14</v>
      </c>
      <c r="CV19" s="62">
        <v>191</v>
      </c>
      <c r="CW19" s="63">
        <v>252</v>
      </c>
      <c r="CX19" s="113">
        <v>14</v>
      </c>
      <c r="CY19" s="72">
        <v>15</v>
      </c>
      <c r="CZ19" s="73">
        <v>29</v>
      </c>
      <c r="DA19" s="228"/>
      <c r="DB19" s="72">
        <v>20</v>
      </c>
      <c r="DC19" s="72">
        <v>20</v>
      </c>
      <c r="DD19" s="72">
        <v>19</v>
      </c>
      <c r="DE19" s="72">
        <v>13</v>
      </c>
      <c r="DF19" s="72">
        <v>5</v>
      </c>
      <c r="DG19" s="74">
        <v>77</v>
      </c>
      <c r="DH19" s="75">
        <v>106</v>
      </c>
      <c r="DI19" s="60">
        <v>0</v>
      </c>
      <c r="DJ19" s="61">
        <v>1</v>
      </c>
      <c r="DK19" s="62">
        <v>1</v>
      </c>
      <c r="DL19" s="228"/>
      <c r="DM19" s="61">
        <v>0</v>
      </c>
      <c r="DN19" s="61">
        <v>0</v>
      </c>
      <c r="DO19" s="61">
        <v>1</v>
      </c>
      <c r="DP19" s="61">
        <v>0</v>
      </c>
      <c r="DQ19" s="61">
        <v>0</v>
      </c>
      <c r="DR19" s="62">
        <v>1</v>
      </c>
      <c r="DS19" s="63">
        <v>2</v>
      </c>
      <c r="DT19" s="60">
        <v>2</v>
      </c>
      <c r="DU19" s="61">
        <v>2</v>
      </c>
      <c r="DV19" s="62">
        <v>4</v>
      </c>
      <c r="DW19" s="228"/>
      <c r="DX19" s="61">
        <v>1</v>
      </c>
      <c r="DY19" s="61">
        <v>2</v>
      </c>
      <c r="DZ19" s="61">
        <v>0</v>
      </c>
      <c r="EA19" s="61">
        <v>0</v>
      </c>
      <c r="EB19" s="61">
        <v>0</v>
      </c>
      <c r="EC19" s="62">
        <v>3</v>
      </c>
      <c r="ED19" s="63">
        <v>7</v>
      </c>
      <c r="EE19" s="60">
        <v>3</v>
      </c>
      <c r="EF19" s="61">
        <v>2</v>
      </c>
      <c r="EG19" s="62">
        <v>5</v>
      </c>
      <c r="EH19" s="228"/>
      <c r="EI19" s="61">
        <v>1</v>
      </c>
      <c r="EJ19" s="61">
        <v>1</v>
      </c>
      <c r="EK19" s="61">
        <v>1</v>
      </c>
      <c r="EL19" s="61">
        <v>0</v>
      </c>
      <c r="EM19" s="61">
        <v>1</v>
      </c>
      <c r="EN19" s="62">
        <v>4</v>
      </c>
      <c r="EO19" s="63">
        <v>9</v>
      </c>
      <c r="EP19" s="60">
        <v>5</v>
      </c>
      <c r="EQ19" s="61">
        <v>2</v>
      </c>
      <c r="ER19" s="62">
        <v>7</v>
      </c>
      <c r="ES19" s="228"/>
      <c r="ET19" s="61">
        <v>3</v>
      </c>
      <c r="EU19" s="61">
        <v>5</v>
      </c>
      <c r="EV19" s="61">
        <v>5</v>
      </c>
      <c r="EW19" s="61">
        <v>0</v>
      </c>
      <c r="EX19" s="61">
        <v>0</v>
      </c>
      <c r="EY19" s="62">
        <v>13</v>
      </c>
      <c r="EZ19" s="63">
        <v>20</v>
      </c>
      <c r="FA19" s="60">
        <v>2</v>
      </c>
      <c r="FB19" s="61">
        <v>3</v>
      </c>
      <c r="FC19" s="62">
        <v>5</v>
      </c>
      <c r="FD19" s="228"/>
      <c r="FE19" s="61">
        <v>8</v>
      </c>
      <c r="FF19" s="61">
        <v>6</v>
      </c>
      <c r="FG19" s="61">
        <v>4</v>
      </c>
      <c r="FH19" s="61">
        <v>2</v>
      </c>
      <c r="FI19" s="61">
        <v>0</v>
      </c>
      <c r="FJ19" s="62">
        <v>20</v>
      </c>
      <c r="FK19" s="63">
        <v>25</v>
      </c>
      <c r="FL19" s="60">
        <v>2</v>
      </c>
      <c r="FM19" s="61">
        <v>5</v>
      </c>
      <c r="FN19" s="62">
        <v>7</v>
      </c>
      <c r="FO19" s="228"/>
      <c r="FP19" s="61">
        <v>7</v>
      </c>
      <c r="FQ19" s="61">
        <v>6</v>
      </c>
      <c r="FR19" s="61">
        <v>8</v>
      </c>
      <c r="FS19" s="61">
        <v>11</v>
      </c>
      <c r="FT19" s="61">
        <v>4</v>
      </c>
      <c r="FU19" s="62">
        <v>36</v>
      </c>
      <c r="FV19" s="63">
        <v>43</v>
      </c>
      <c r="FW19" s="60">
        <v>0</v>
      </c>
      <c r="FX19" s="61">
        <v>0</v>
      </c>
      <c r="FY19" s="62">
        <v>0</v>
      </c>
      <c r="FZ19" s="228"/>
      <c r="GA19" s="61">
        <v>0</v>
      </c>
      <c r="GB19" s="61">
        <v>0</v>
      </c>
      <c r="GC19" s="61">
        <v>0</v>
      </c>
      <c r="GD19" s="61">
        <v>0</v>
      </c>
      <c r="GE19" s="61">
        <v>0</v>
      </c>
      <c r="GF19" s="62">
        <v>0</v>
      </c>
      <c r="GG19" s="63">
        <v>0</v>
      </c>
      <c r="GH19" s="60">
        <v>14</v>
      </c>
      <c r="GI19" s="61">
        <v>15</v>
      </c>
      <c r="GJ19" s="62">
        <v>29</v>
      </c>
      <c r="GK19" s="228"/>
      <c r="GL19" s="61">
        <v>20</v>
      </c>
      <c r="GM19" s="61">
        <v>20</v>
      </c>
      <c r="GN19" s="61">
        <v>19</v>
      </c>
      <c r="GO19" s="61">
        <v>13</v>
      </c>
      <c r="GP19" s="61">
        <v>5</v>
      </c>
      <c r="GQ19" s="62">
        <v>77</v>
      </c>
      <c r="GR19" s="63">
        <v>106</v>
      </c>
      <c r="GS19" s="113">
        <v>40</v>
      </c>
      <c r="GT19" s="72">
        <v>50</v>
      </c>
      <c r="GU19" s="73">
        <v>90</v>
      </c>
      <c r="GV19" s="228"/>
      <c r="GW19" s="72">
        <v>69</v>
      </c>
      <c r="GX19" s="72">
        <v>84</v>
      </c>
      <c r="GY19" s="72">
        <v>60</v>
      </c>
      <c r="GZ19" s="72">
        <v>36</v>
      </c>
      <c r="HA19" s="72">
        <v>19</v>
      </c>
      <c r="HB19" s="74">
        <v>268</v>
      </c>
      <c r="HC19" s="75">
        <v>358</v>
      </c>
      <c r="HD19" s="60">
        <v>0</v>
      </c>
      <c r="HE19" s="61">
        <v>3</v>
      </c>
      <c r="HF19" s="62">
        <v>3</v>
      </c>
      <c r="HG19" s="228"/>
      <c r="HH19" s="61">
        <v>1</v>
      </c>
      <c r="HI19" s="61">
        <v>2</v>
      </c>
      <c r="HJ19" s="61">
        <v>1</v>
      </c>
      <c r="HK19" s="61">
        <v>1</v>
      </c>
      <c r="HL19" s="61">
        <v>3</v>
      </c>
      <c r="HM19" s="62">
        <v>8</v>
      </c>
      <c r="HN19" s="63">
        <v>11</v>
      </c>
      <c r="HO19" s="60">
        <v>3</v>
      </c>
      <c r="HP19" s="61">
        <v>6</v>
      </c>
      <c r="HQ19" s="62">
        <v>9</v>
      </c>
      <c r="HR19" s="228"/>
      <c r="HS19" s="61">
        <v>5</v>
      </c>
      <c r="HT19" s="61">
        <v>9</v>
      </c>
      <c r="HU19" s="61">
        <v>4</v>
      </c>
      <c r="HV19" s="61">
        <v>1</v>
      </c>
      <c r="HW19" s="61">
        <v>1</v>
      </c>
      <c r="HX19" s="62">
        <v>20</v>
      </c>
      <c r="HY19" s="63">
        <v>29</v>
      </c>
      <c r="HZ19" s="60">
        <v>7</v>
      </c>
      <c r="IA19" s="61">
        <v>5</v>
      </c>
      <c r="IB19" s="62">
        <v>12</v>
      </c>
      <c r="IC19" s="228"/>
      <c r="ID19" s="61">
        <v>5</v>
      </c>
      <c r="IE19" s="61">
        <v>14</v>
      </c>
      <c r="IF19" s="61">
        <v>5</v>
      </c>
      <c r="IG19" s="61">
        <v>4</v>
      </c>
      <c r="IH19" s="61">
        <v>4</v>
      </c>
      <c r="II19" s="62">
        <v>32</v>
      </c>
      <c r="IJ19" s="63">
        <v>44</v>
      </c>
      <c r="IK19" s="60">
        <v>12</v>
      </c>
      <c r="IL19" s="61">
        <v>9</v>
      </c>
      <c r="IM19" s="62">
        <v>21</v>
      </c>
      <c r="IN19" s="228"/>
      <c r="IO19" s="61">
        <v>18</v>
      </c>
      <c r="IP19" s="61">
        <v>24</v>
      </c>
      <c r="IQ19" s="61">
        <v>16</v>
      </c>
      <c r="IR19" s="61">
        <v>3</v>
      </c>
      <c r="IS19" s="61">
        <v>3</v>
      </c>
      <c r="IT19" s="62">
        <v>64</v>
      </c>
      <c r="IU19" s="63">
        <v>85</v>
      </c>
      <c r="IV19" s="60">
        <v>14</v>
      </c>
      <c r="IW19" s="61">
        <v>13</v>
      </c>
      <c r="IX19" s="62">
        <v>27</v>
      </c>
      <c r="IY19" s="228"/>
      <c r="IZ19" s="61">
        <v>22</v>
      </c>
      <c r="JA19" s="61">
        <v>20</v>
      </c>
      <c r="JB19" s="61">
        <v>15</v>
      </c>
      <c r="JC19" s="61">
        <v>8</v>
      </c>
      <c r="JD19" s="61">
        <v>4</v>
      </c>
      <c r="JE19" s="62">
        <v>69</v>
      </c>
      <c r="JF19" s="63">
        <v>96</v>
      </c>
      <c r="JG19" s="60">
        <v>4</v>
      </c>
      <c r="JH19" s="61">
        <v>14</v>
      </c>
      <c r="JI19" s="62">
        <v>18</v>
      </c>
      <c r="JJ19" s="228"/>
      <c r="JK19" s="61">
        <v>18</v>
      </c>
      <c r="JL19" s="61">
        <v>15</v>
      </c>
      <c r="JM19" s="61">
        <v>19</v>
      </c>
      <c r="JN19" s="61">
        <v>19</v>
      </c>
      <c r="JO19" s="61">
        <v>4</v>
      </c>
      <c r="JP19" s="62">
        <v>75</v>
      </c>
      <c r="JQ19" s="63">
        <v>93</v>
      </c>
      <c r="JR19" s="60">
        <v>0</v>
      </c>
      <c r="JS19" s="61">
        <v>0</v>
      </c>
      <c r="JT19" s="62">
        <v>0</v>
      </c>
      <c r="JU19" s="228"/>
      <c r="JV19" s="61">
        <v>0</v>
      </c>
      <c r="JW19" s="61">
        <v>0</v>
      </c>
      <c r="JX19" s="61">
        <v>0</v>
      </c>
      <c r="JY19" s="61">
        <v>0</v>
      </c>
      <c r="JZ19" s="61">
        <v>0</v>
      </c>
      <c r="KA19" s="62">
        <v>0</v>
      </c>
      <c r="KB19" s="63">
        <v>0</v>
      </c>
      <c r="KC19" s="60">
        <v>40</v>
      </c>
      <c r="KD19" s="61">
        <v>50</v>
      </c>
      <c r="KE19" s="62">
        <v>90</v>
      </c>
      <c r="KF19" s="228"/>
      <c r="KG19" s="61">
        <v>69</v>
      </c>
      <c r="KH19" s="61">
        <v>84</v>
      </c>
      <c r="KI19" s="61">
        <v>60</v>
      </c>
      <c r="KJ19" s="61">
        <v>36</v>
      </c>
      <c r="KK19" s="61">
        <v>19</v>
      </c>
      <c r="KL19" s="62">
        <v>268</v>
      </c>
      <c r="KM19" s="63">
        <v>358</v>
      </c>
    </row>
    <row r="20" spans="2:299" ht="21" customHeight="1" x14ac:dyDescent="0.2">
      <c r="B20" s="468" t="s">
        <v>17</v>
      </c>
      <c r="C20" s="291">
        <v>57</v>
      </c>
      <c r="D20" s="72">
        <v>55</v>
      </c>
      <c r="E20" s="73">
        <v>112</v>
      </c>
      <c r="F20" s="228"/>
      <c r="G20" s="72">
        <v>79</v>
      </c>
      <c r="H20" s="72">
        <v>94</v>
      </c>
      <c r="I20" s="72">
        <v>60</v>
      </c>
      <c r="J20" s="72">
        <v>48</v>
      </c>
      <c r="K20" s="72">
        <v>23</v>
      </c>
      <c r="L20" s="74">
        <v>304</v>
      </c>
      <c r="M20" s="75">
        <v>416</v>
      </c>
      <c r="N20" s="60">
        <v>5</v>
      </c>
      <c r="O20" s="61">
        <v>3</v>
      </c>
      <c r="P20" s="62">
        <v>8</v>
      </c>
      <c r="Q20" s="228"/>
      <c r="R20" s="61">
        <v>1</v>
      </c>
      <c r="S20" s="61">
        <v>5</v>
      </c>
      <c r="T20" s="61">
        <v>2</v>
      </c>
      <c r="U20" s="61">
        <v>3</v>
      </c>
      <c r="V20" s="61">
        <v>1</v>
      </c>
      <c r="W20" s="62">
        <v>12</v>
      </c>
      <c r="X20" s="63">
        <v>20</v>
      </c>
      <c r="Y20" s="60">
        <v>2</v>
      </c>
      <c r="Z20" s="61">
        <v>4</v>
      </c>
      <c r="AA20" s="62">
        <v>6</v>
      </c>
      <c r="AB20" s="228"/>
      <c r="AC20" s="61">
        <v>5</v>
      </c>
      <c r="AD20" s="61">
        <v>14</v>
      </c>
      <c r="AE20" s="61">
        <v>6</v>
      </c>
      <c r="AF20" s="61">
        <v>5</v>
      </c>
      <c r="AG20" s="61">
        <v>2</v>
      </c>
      <c r="AH20" s="62">
        <v>32</v>
      </c>
      <c r="AI20" s="63">
        <v>38</v>
      </c>
      <c r="AJ20" s="60">
        <v>7</v>
      </c>
      <c r="AK20" s="61">
        <v>4</v>
      </c>
      <c r="AL20" s="62">
        <v>11</v>
      </c>
      <c r="AM20" s="228"/>
      <c r="AN20" s="61">
        <v>14</v>
      </c>
      <c r="AO20" s="61">
        <v>10</v>
      </c>
      <c r="AP20" s="61">
        <v>9</v>
      </c>
      <c r="AQ20" s="61">
        <v>9</v>
      </c>
      <c r="AR20" s="61">
        <v>4</v>
      </c>
      <c r="AS20" s="62">
        <v>46</v>
      </c>
      <c r="AT20" s="63">
        <v>57</v>
      </c>
      <c r="AU20" s="60">
        <v>12</v>
      </c>
      <c r="AV20" s="61">
        <v>12</v>
      </c>
      <c r="AW20" s="62">
        <v>24</v>
      </c>
      <c r="AX20" s="228"/>
      <c r="AY20" s="61">
        <v>20</v>
      </c>
      <c r="AZ20" s="61">
        <v>23</v>
      </c>
      <c r="BA20" s="61">
        <v>14</v>
      </c>
      <c r="BB20" s="61">
        <v>7</v>
      </c>
      <c r="BC20" s="61">
        <v>6</v>
      </c>
      <c r="BD20" s="62">
        <v>70</v>
      </c>
      <c r="BE20" s="63">
        <v>94</v>
      </c>
      <c r="BF20" s="60">
        <v>20</v>
      </c>
      <c r="BG20" s="61">
        <v>14</v>
      </c>
      <c r="BH20" s="62">
        <v>34</v>
      </c>
      <c r="BI20" s="228"/>
      <c r="BJ20" s="61">
        <v>27</v>
      </c>
      <c r="BK20" s="61">
        <v>17</v>
      </c>
      <c r="BL20" s="61">
        <v>17</v>
      </c>
      <c r="BM20" s="61">
        <v>15</v>
      </c>
      <c r="BN20" s="61">
        <v>3</v>
      </c>
      <c r="BO20" s="62">
        <v>79</v>
      </c>
      <c r="BP20" s="63">
        <v>113</v>
      </c>
      <c r="BQ20" s="60">
        <v>11</v>
      </c>
      <c r="BR20" s="61">
        <v>18</v>
      </c>
      <c r="BS20" s="62">
        <v>29</v>
      </c>
      <c r="BT20" s="228"/>
      <c r="BU20" s="61">
        <v>12</v>
      </c>
      <c r="BV20" s="61">
        <v>25</v>
      </c>
      <c r="BW20" s="61">
        <v>12</v>
      </c>
      <c r="BX20" s="61">
        <v>9</v>
      </c>
      <c r="BY20" s="61">
        <v>7</v>
      </c>
      <c r="BZ20" s="62">
        <v>65</v>
      </c>
      <c r="CA20" s="63">
        <v>94</v>
      </c>
      <c r="CB20" s="60">
        <v>0</v>
      </c>
      <c r="CC20" s="61">
        <v>0</v>
      </c>
      <c r="CD20" s="62">
        <v>0</v>
      </c>
      <c r="CE20" s="228"/>
      <c r="CF20" s="61">
        <v>0</v>
      </c>
      <c r="CG20" s="61">
        <v>0</v>
      </c>
      <c r="CH20" s="61">
        <v>0</v>
      </c>
      <c r="CI20" s="61">
        <v>0</v>
      </c>
      <c r="CJ20" s="61">
        <v>0</v>
      </c>
      <c r="CK20" s="62">
        <v>0</v>
      </c>
      <c r="CL20" s="63">
        <v>0</v>
      </c>
      <c r="CM20" s="60">
        <v>57</v>
      </c>
      <c r="CN20" s="61">
        <v>55</v>
      </c>
      <c r="CO20" s="62">
        <v>112</v>
      </c>
      <c r="CP20" s="228"/>
      <c r="CQ20" s="61">
        <v>79</v>
      </c>
      <c r="CR20" s="61">
        <v>94</v>
      </c>
      <c r="CS20" s="61">
        <v>60</v>
      </c>
      <c r="CT20" s="61">
        <v>48</v>
      </c>
      <c r="CU20" s="61">
        <v>23</v>
      </c>
      <c r="CV20" s="62">
        <v>304</v>
      </c>
      <c r="CW20" s="63">
        <v>416</v>
      </c>
      <c r="CX20" s="113">
        <v>11</v>
      </c>
      <c r="CY20" s="72">
        <v>27</v>
      </c>
      <c r="CZ20" s="73">
        <v>38</v>
      </c>
      <c r="DA20" s="228"/>
      <c r="DB20" s="72">
        <v>31</v>
      </c>
      <c r="DC20" s="72">
        <v>34</v>
      </c>
      <c r="DD20" s="72">
        <v>32</v>
      </c>
      <c r="DE20" s="72">
        <v>18</v>
      </c>
      <c r="DF20" s="72">
        <v>23</v>
      </c>
      <c r="DG20" s="74">
        <v>138</v>
      </c>
      <c r="DH20" s="75">
        <v>176</v>
      </c>
      <c r="DI20" s="60">
        <v>2</v>
      </c>
      <c r="DJ20" s="61">
        <v>1</v>
      </c>
      <c r="DK20" s="62">
        <v>3</v>
      </c>
      <c r="DL20" s="228"/>
      <c r="DM20" s="61">
        <v>0</v>
      </c>
      <c r="DN20" s="61">
        <v>0</v>
      </c>
      <c r="DO20" s="61">
        <v>0</v>
      </c>
      <c r="DP20" s="61">
        <v>0</v>
      </c>
      <c r="DQ20" s="61">
        <v>0</v>
      </c>
      <c r="DR20" s="62">
        <v>0</v>
      </c>
      <c r="DS20" s="63">
        <v>3</v>
      </c>
      <c r="DT20" s="60">
        <v>1</v>
      </c>
      <c r="DU20" s="61">
        <v>1</v>
      </c>
      <c r="DV20" s="62">
        <v>2</v>
      </c>
      <c r="DW20" s="228"/>
      <c r="DX20" s="61">
        <v>2</v>
      </c>
      <c r="DY20" s="61">
        <v>2</v>
      </c>
      <c r="DZ20" s="61">
        <v>1</v>
      </c>
      <c r="EA20" s="61">
        <v>1</v>
      </c>
      <c r="EB20" s="61">
        <v>1</v>
      </c>
      <c r="EC20" s="62">
        <v>7</v>
      </c>
      <c r="ED20" s="63">
        <v>9</v>
      </c>
      <c r="EE20" s="60">
        <v>2</v>
      </c>
      <c r="EF20" s="61">
        <v>1</v>
      </c>
      <c r="EG20" s="62">
        <v>3</v>
      </c>
      <c r="EH20" s="228"/>
      <c r="EI20" s="61">
        <v>8</v>
      </c>
      <c r="EJ20" s="61">
        <v>4</v>
      </c>
      <c r="EK20" s="61">
        <v>4</v>
      </c>
      <c r="EL20" s="61">
        <v>4</v>
      </c>
      <c r="EM20" s="61">
        <v>1</v>
      </c>
      <c r="EN20" s="62">
        <v>21</v>
      </c>
      <c r="EO20" s="63">
        <v>24</v>
      </c>
      <c r="EP20" s="60">
        <v>3</v>
      </c>
      <c r="EQ20" s="61">
        <v>7</v>
      </c>
      <c r="ER20" s="62">
        <v>10</v>
      </c>
      <c r="ES20" s="228"/>
      <c r="ET20" s="61">
        <v>3</v>
      </c>
      <c r="EU20" s="61">
        <v>6</v>
      </c>
      <c r="EV20" s="61">
        <v>8</v>
      </c>
      <c r="EW20" s="61">
        <v>5</v>
      </c>
      <c r="EX20" s="61">
        <v>8</v>
      </c>
      <c r="EY20" s="62">
        <v>30</v>
      </c>
      <c r="EZ20" s="63">
        <v>40</v>
      </c>
      <c r="FA20" s="60">
        <v>3</v>
      </c>
      <c r="FB20" s="61">
        <v>11</v>
      </c>
      <c r="FC20" s="62">
        <v>14</v>
      </c>
      <c r="FD20" s="228"/>
      <c r="FE20" s="61">
        <v>7</v>
      </c>
      <c r="FF20" s="61">
        <v>9</v>
      </c>
      <c r="FG20" s="61">
        <v>6</v>
      </c>
      <c r="FH20" s="61">
        <v>2</v>
      </c>
      <c r="FI20" s="61">
        <v>6</v>
      </c>
      <c r="FJ20" s="62">
        <v>30</v>
      </c>
      <c r="FK20" s="63">
        <v>44</v>
      </c>
      <c r="FL20" s="60">
        <v>0</v>
      </c>
      <c r="FM20" s="61">
        <v>6</v>
      </c>
      <c r="FN20" s="62">
        <v>6</v>
      </c>
      <c r="FO20" s="228"/>
      <c r="FP20" s="61">
        <v>11</v>
      </c>
      <c r="FQ20" s="61">
        <v>13</v>
      </c>
      <c r="FR20" s="61">
        <v>13</v>
      </c>
      <c r="FS20" s="61">
        <v>6</v>
      </c>
      <c r="FT20" s="61">
        <v>7</v>
      </c>
      <c r="FU20" s="62">
        <v>50</v>
      </c>
      <c r="FV20" s="63">
        <v>56</v>
      </c>
      <c r="FW20" s="60">
        <v>0</v>
      </c>
      <c r="FX20" s="61">
        <v>0</v>
      </c>
      <c r="FY20" s="62">
        <v>0</v>
      </c>
      <c r="FZ20" s="228"/>
      <c r="GA20" s="61">
        <v>0</v>
      </c>
      <c r="GB20" s="61">
        <v>0</v>
      </c>
      <c r="GC20" s="61">
        <v>0</v>
      </c>
      <c r="GD20" s="61">
        <v>0</v>
      </c>
      <c r="GE20" s="61">
        <v>0</v>
      </c>
      <c r="GF20" s="62">
        <v>0</v>
      </c>
      <c r="GG20" s="63">
        <v>0</v>
      </c>
      <c r="GH20" s="60">
        <v>11</v>
      </c>
      <c r="GI20" s="61">
        <v>27</v>
      </c>
      <c r="GJ20" s="62">
        <v>38</v>
      </c>
      <c r="GK20" s="228"/>
      <c r="GL20" s="61">
        <v>31</v>
      </c>
      <c r="GM20" s="61">
        <v>34</v>
      </c>
      <c r="GN20" s="61">
        <v>32</v>
      </c>
      <c r="GO20" s="61">
        <v>18</v>
      </c>
      <c r="GP20" s="61">
        <v>23</v>
      </c>
      <c r="GQ20" s="62">
        <v>138</v>
      </c>
      <c r="GR20" s="63">
        <v>176</v>
      </c>
      <c r="GS20" s="113">
        <v>68</v>
      </c>
      <c r="GT20" s="72">
        <v>82</v>
      </c>
      <c r="GU20" s="73">
        <v>150</v>
      </c>
      <c r="GV20" s="228"/>
      <c r="GW20" s="72">
        <v>110</v>
      </c>
      <c r="GX20" s="72">
        <v>128</v>
      </c>
      <c r="GY20" s="72">
        <v>92</v>
      </c>
      <c r="GZ20" s="72">
        <v>66</v>
      </c>
      <c r="HA20" s="72">
        <v>46</v>
      </c>
      <c r="HB20" s="74">
        <v>442</v>
      </c>
      <c r="HC20" s="75">
        <v>592</v>
      </c>
      <c r="HD20" s="60">
        <v>7</v>
      </c>
      <c r="HE20" s="61">
        <v>4</v>
      </c>
      <c r="HF20" s="62">
        <v>11</v>
      </c>
      <c r="HG20" s="228"/>
      <c r="HH20" s="61">
        <v>1</v>
      </c>
      <c r="HI20" s="61">
        <v>5</v>
      </c>
      <c r="HJ20" s="61">
        <v>2</v>
      </c>
      <c r="HK20" s="61">
        <v>3</v>
      </c>
      <c r="HL20" s="61">
        <v>1</v>
      </c>
      <c r="HM20" s="62">
        <v>12</v>
      </c>
      <c r="HN20" s="63">
        <v>23</v>
      </c>
      <c r="HO20" s="60">
        <v>3</v>
      </c>
      <c r="HP20" s="61">
        <v>5</v>
      </c>
      <c r="HQ20" s="62">
        <v>8</v>
      </c>
      <c r="HR20" s="228"/>
      <c r="HS20" s="61">
        <v>7</v>
      </c>
      <c r="HT20" s="61">
        <v>16</v>
      </c>
      <c r="HU20" s="61">
        <v>7</v>
      </c>
      <c r="HV20" s="61">
        <v>6</v>
      </c>
      <c r="HW20" s="61">
        <v>3</v>
      </c>
      <c r="HX20" s="62">
        <v>39</v>
      </c>
      <c r="HY20" s="63">
        <v>47</v>
      </c>
      <c r="HZ20" s="60">
        <v>9</v>
      </c>
      <c r="IA20" s="61">
        <v>5</v>
      </c>
      <c r="IB20" s="62">
        <v>14</v>
      </c>
      <c r="IC20" s="228"/>
      <c r="ID20" s="61">
        <v>22</v>
      </c>
      <c r="IE20" s="61">
        <v>14</v>
      </c>
      <c r="IF20" s="61">
        <v>13</v>
      </c>
      <c r="IG20" s="61">
        <v>13</v>
      </c>
      <c r="IH20" s="61">
        <v>5</v>
      </c>
      <c r="II20" s="62">
        <v>67</v>
      </c>
      <c r="IJ20" s="63">
        <v>81</v>
      </c>
      <c r="IK20" s="60">
        <v>15</v>
      </c>
      <c r="IL20" s="61">
        <v>19</v>
      </c>
      <c r="IM20" s="62">
        <v>34</v>
      </c>
      <c r="IN20" s="228"/>
      <c r="IO20" s="61">
        <v>23</v>
      </c>
      <c r="IP20" s="61">
        <v>29</v>
      </c>
      <c r="IQ20" s="61">
        <v>22</v>
      </c>
      <c r="IR20" s="61">
        <v>12</v>
      </c>
      <c r="IS20" s="61">
        <v>14</v>
      </c>
      <c r="IT20" s="62">
        <v>100</v>
      </c>
      <c r="IU20" s="63">
        <v>134</v>
      </c>
      <c r="IV20" s="60">
        <v>23</v>
      </c>
      <c r="IW20" s="61">
        <v>25</v>
      </c>
      <c r="IX20" s="62">
        <v>48</v>
      </c>
      <c r="IY20" s="228"/>
      <c r="IZ20" s="61">
        <v>34</v>
      </c>
      <c r="JA20" s="61">
        <v>26</v>
      </c>
      <c r="JB20" s="61">
        <v>23</v>
      </c>
      <c r="JC20" s="61">
        <v>17</v>
      </c>
      <c r="JD20" s="61">
        <v>9</v>
      </c>
      <c r="JE20" s="62">
        <v>109</v>
      </c>
      <c r="JF20" s="63">
        <v>157</v>
      </c>
      <c r="JG20" s="60">
        <v>11</v>
      </c>
      <c r="JH20" s="61">
        <v>24</v>
      </c>
      <c r="JI20" s="62">
        <v>35</v>
      </c>
      <c r="JJ20" s="228"/>
      <c r="JK20" s="61">
        <v>23</v>
      </c>
      <c r="JL20" s="61">
        <v>38</v>
      </c>
      <c r="JM20" s="61">
        <v>25</v>
      </c>
      <c r="JN20" s="61">
        <v>15</v>
      </c>
      <c r="JO20" s="61">
        <v>14</v>
      </c>
      <c r="JP20" s="62">
        <v>115</v>
      </c>
      <c r="JQ20" s="63">
        <v>150</v>
      </c>
      <c r="JR20" s="60">
        <v>0</v>
      </c>
      <c r="JS20" s="61">
        <v>0</v>
      </c>
      <c r="JT20" s="62">
        <v>0</v>
      </c>
      <c r="JU20" s="228"/>
      <c r="JV20" s="61">
        <v>0</v>
      </c>
      <c r="JW20" s="61">
        <v>0</v>
      </c>
      <c r="JX20" s="61">
        <v>0</v>
      </c>
      <c r="JY20" s="61">
        <v>0</v>
      </c>
      <c r="JZ20" s="61">
        <v>0</v>
      </c>
      <c r="KA20" s="62">
        <v>0</v>
      </c>
      <c r="KB20" s="63">
        <v>0</v>
      </c>
      <c r="KC20" s="60">
        <v>68</v>
      </c>
      <c r="KD20" s="61">
        <v>82</v>
      </c>
      <c r="KE20" s="62">
        <v>150</v>
      </c>
      <c r="KF20" s="228"/>
      <c r="KG20" s="61">
        <v>110</v>
      </c>
      <c r="KH20" s="61">
        <v>128</v>
      </c>
      <c r="KI20" s="61">
        <v>92</v>
      </c>
      <c r="KJ20" s="61">
        <v>66</v>
      </c>
      <c r="KK20" s="61">
        <v>46</v>
      </c>
      <c r="KL20" s="62">
        <v>442</v>
      </c>
      <c r="KM20" s="63">
        <v>592</v>
      </c>
    </row>
    <row r="21" spans="2:299" ht="21" customHeight="1" x14ac:dyDescent="0.2">
      <c r="B21" s="468" t="s">
        <v>18</v>
      </c>
      <c r="C21" s="291">
        <v>67</v>
      </c>
      <c r="D21" s="72">
        <v>61</v>
      </c>
      <c r="E21" s="73">
        <v>128</v>
      </c>
      <c r="F21" s="228"/>
      <c r="G21" s="72">
        <v>117</v>
      </c>
      <c r="H21" s="72">
        <v>94</v>
      </c>
      <c r="I21" s="72">
        <v>47</v>
      </c>
      <c r="J21" s="72">
        <v>49</v>
      </c>
      <c r="K21" s="72">
        <v>25</v>
      </c>
      <c r="L21" s="74">
        <v>332</v>
      </c>
      <c r="M21" s="75">
        <v>460</v>
      </c>
      <c r="N21" s="60">
        <v>4</v>
      </c>
      <c r="O21" s="61">
        <v>3</v>
      </c>
      <c r="P21" s="62">
        <v>7</v>
      </c>
      <c r="Q21" s="228"/>
      <c r="R21" s="61">
        <v>11</v>
      </c>
      <c r="S21" s="61">
        <v>4</v>
      </c>
      <c r="T21" s="61">
        <v>2</v>
      </c>
      <c r="U21" s="61">
        <v>1</v>
      </c>
      <c r="V21" s="61">
        <v>3</v>
      </c>
      <c r="W21" s="62">
        <v>21</v>
      </c>
      <c r="X21" s="63">
        <v>28</v>
      </c>
      <c r="Y21" s="60">
        <v>7</v>
      </c>
      <c r="Z21" s="61">
        <v>5</v>
      </c>
      <c r="AA21" s="62">
        <v>12</v>
      </c>
      <c r="AB21" s="228"/>
      <c r="AC21" s="61">
        <v>8</v>
      </c>
      <c r="AD21" s="61">
        <v>8</v>
      </c>
      <c r="AE21" s="61">
        <v>5</v>
      </c>
      <c r="AF21" s="61">
        <v>2</v>
      </c>
      <c r="AG21" s="61">
        <v>3</v>
      </c>
      <c r="AH21" s="62">
        <v>26</v>
      </c>
      <c r="AI21" s="63">
        <v>38</v>
      </c>
      <c r="AJ21" s="60">
        <v>10</v>
      </c>
      <c r="AK21" s="61">
        <v>9</v>
      </c>
      <c r="AL21" s="62">
        <v>19</v>
      </c>
      <c r="AM21" s="228"/>
      <c r="AN21" s="61">
        <v>17</v>
      </c>
      <c r="AO21" s="61">
        <v>11</v>
      </c>
      <c r="AP21" s="61">
        <v>5</v>
      </c>
      <c r="AQ21" s="61">
        <v>11</v>
      </c>
      <c r="AR21" s="61">
        <v>3</v>
      </c>
      <c r="AS21" s="62">
        <v>47</v>
      </c>
      <c r="AT21" s="63">
        <v>66</v>
      </c>
      <c r="AU21" s="60">
        <v>11</v>
      </c>
      <c r="AV21" s="61">
        <v>21</v>
      </c>
      <c r="AW21" s="62">
        <v>32</v>
      </c>
      <c r="AX21" s="228"/>
      <c r="AY21" s="61">
        <v>29</v>
      </c>
      <c r="AZ21" s="61">
        <v>24</v>
      </c>
      <c r="BA21" s="61">
        <v>11</v>
      </c>
      <c r="BB21" s="61">
        <v>14</v>
      </c>
      <c r="BC21" s="61">
        <v>5</v>
      </c>
      <c r="BD21" s="62">
        <v>83</v>
      </c>
      <c r="BE21" s="63">
        <v>115</v>
      </c>
      <c r="BF21" s="60">
        <v>19</v>
      </c>
      <c r="BG21" s="61">
        <v>11</v>
      </c>
      <c r="BH21" s="62">
        <v>30</v>
      </c>
      <c r="BI21" s="228"/>
      <c r="BJ21" s="61">
        <v>25</v>
      </c>
      <c r="BK21" s="61">
        <v>26</v>
      </c>
      <c r="BL21" s="61">
        <v>10</v>
      </c>
      <c r="BM21" s="61">
        <v>9</v>
      </c>
      <c r="BN21" s="61">
        <v>5</v>
      </c>
      <c r="BO21" s="62">
        <v>75</v>
      </c>
      <c r="BP21" s="63">
        <v>105</v>
      </c>
      <c r="BQ21" s="60">
        <v>16</v>
      </c>
      <c r="BR21" s="61">
        <v>12</v>
      </c>
      <c r="BS21" s="62">
        <v>28</v>
      </c>
      <c r="BT21" s="228"/>
      <c r="BU21" s="61">
        <v>27</v>
      </c>
      <c r="BV21" s="61">
        <v>21</v>
      </c>
      <c r="BW21" s="61">
        <v>14</v>
      </c>
      <c r="BX21" s="61">
        <v>12</v>
      </c>
      <c r="BY21" s="61">
        <v>6</v>
      </c>
      <c r="BZ21" s="62">
        <v>80</v>
      </c>
      <c r="CA21" s="63">
        <v>108</v>
      </c>
      <c r="CB21" s="60">
        <v>0</v>
      </c>
      <c r="CC21" s="61">
        <v>0</v>
      </c>
      <c r="CD21" s="62">
        <v>0</v>
      </c>
      <c r="CE21" s="228"/>
      <c r="CF21" s="61">
        <v>0</v>
      </c>
      <c r="CG21" s="61">
        <v>0</v>
      </c>
      <c r="CH21" s="61">
        <v>0</v>
      </c>
      <c r="CI21" s="61">
        <v>0</v>
      </c>
      <c r="CJ21" s="61">
        <v>0</v>
      </c>
      <c r="CK21" s="62">
        <v>0</v>
      </c>
      <c r="CL21" s="63">
        <v>0</v>
      </c>
      <c r="CM21" s="60">
        <v>67</v>
      </c>
      <c r="CN21" s="61">
        <v>61</v>
      </c>
      <c r="CO21" s="62">
        <v>128</v>
      </c>
      <c r="CP21" s="228"/>
      <c r="CQ21" s="61">
        <v>117</v>
      </c>
      <c r="CR21" s="61">
        <v>94</v>
      </c>
      <c r="CS21" s="61">
        <v>47</v>
      </c>
      <c r="CT21" s="61">
        <v>49</v>
      </c>
      <c r="CU21" s="61">
        <v>25</v>
      </c>
      <c r="CV21" s="62">
        <v>332</v>
      </c>
      <c r="CW21" s="63">
        <v>460</v>
      </c>
      <c r="CX21" s="113">
        <v>25</v>
      </c>
      <c r="CY21" s="72">
        <v>30</v>
      </c>
      <c r="CZ21" s="73">
        <v>55</v>
      </c>
      <c r="DA21" s="228"/>
      <c r="DB21" s="72">
        <v>46</v>
      </c>
      <c r="DC21" s="72">
        <v>37</v>
      </c>
      <c r="DD21" s="72">
        <v>39</v>
      </c>
      <c r="DE21" s="72">
        <v>24</v>
      </c>
      <c r="DF21" s="72">
        <v>25</v>
      </c>
      <c r="DG21" s="74">
        <v>171</v>
      </c>
      <c r="DH21" s="75">
        <v>226</v>
      </c>
      <c r="DI21" s="60">
        <v>2</v>
      </c>
      <c r="DJ21" s="61">
        <v>1</v>
      </c>
      <c r="DK21" s="62">
        <v>3</v>
      </c>
      <c r="DL21" s="228"/>
      <c r="DM21" s="61">
        <v>2</v>
      </c>
      <c r="DN21" s="61">
        <v>1</v>
      </c>
      <c r="DO21" s="61">
        <v>1</v>
      </c>
      <c r="DP21" s="61">
        <v>0</v>
      </c>
      <c r="DQ21" s="61">
        <v>2</v>
      </c>
      <c r="DR21" s="62">
        <v>6</v>
      </c>
      <c r="DS21" s="63">
        <v>9</v>
      </c>
      <c r="DT21" s="60">
        <v>4</v>
      </c>
      <c r="DU21" s="61">
        <v>4</v>
      </c>
      <c r="DV21" s="62">
        <v>8</v>
      </c>
      <c r="DW21" s="228"/>
      <c r="DX21" s="61">
        <v>3</v>
      </c>
      <c r="DY21" s="61">
        <v>2</v>
      </c>
      <c r="DZ21" s="61">
        <v>0</v>
      </c>
      <c r="EA21" s="61">
        <v>0</v>
      </c>
      <c r="EB21" s="61">
        <v>2</v>
      </c>
      <c r="EC21" s="62">
        <v>7</v>
      </c>
      <c r="ED21" s="63">
        <v>15</v>
      </c>
      <c r="EE21" s="60">
        <v>2</v>
      </c>
      <c r="EF21" s="61">
        <v>8</v>
      </c>
      <c r="EG21" s="62">
        <v>10</v>
      </c>
      <c r="EH21" s="228"/>
      <c r="EI21" s="61">
        <v>6</v>
      </c>
      <c r="EJ21" s="61">
        <v>6</v>
      </c>
      <c r="EK21" s="61">
        <v>2</v>
      </c>
      <c r="EL21" s="61">
        <v>0</v>
      </c>
      <c r="EM21" s="61">
        <v>2</v>
      </c>
      <c r="EN21" s="62">
        <v>16</v>
      </c>
      <c r="EO21" s="63">
        <v>26</v>
      </c>
      <c r="EP21" s="60">
        <v>8</v>
      </c>
      <c r="EQ21" s="61">
        <v>9</v>
      </c>
      <c r="ER21" s="62">
        <v>17</v>
      </c>
      <c r="ES21" s="228"/>
      <c r="ET21" s="61">
        <v>7</v>
      </c>
      <c r="EU21" s="61">
        <v>10</v>
      </c>
      <c r="EV21" s="61">
        <v>5</v>
      </c>
      <c r="EW21" s="61">
        <v>6</v>
      </c>
      <c r="EX21" s="61">
        <v>3</v>
      </c>
      <c r="EY21" s="62">
        <v>31</v>
      </c>
      <c r="EZ21" s="63">
        <v>48</v>
      </c>
      <c r="FA21" s="60">
        <v>8</v>
      </c>
      <c r="FB21" s="61">
        <v>6</v>
      </c>
      <c r="FC21" s="62">
        <v>14</v>
      </c>
      <c r="FD21" s="228"/>
      <c r="FE21" s="61">
        <v>18</v>
      </c>
      <c r="FF21" s="61">
        <v>7</v>
      </c>
      <c r="FG21" s="61">
        <v>10</v>
      </c>
      <c r="FH21" s="61">
        <v>7</v>
      </c>
      <c r="FI21" s="61">
        <v>6</v>
      </c>
      <c r="FJ21" s="62">
        <v>48</v>
      </c>
      <c r="FK21" s="63">
        <v>62</v>
      </c>
      <c r="FL21" s="60">
        <v>1</v>
      </c>
      <c r="FM21" s="61">
        <v>2</v>
      </c>
      <c r="FN21" s="62">
        <v>3</v>
      </c>
      <c r="FO21" s="228"/>
      <c r="FP21" s="61">
        <v>10</v>
      </c>
      <c r="FQ21" s="61">
        <v>11</v>
      </c>
      <c r="FR21" s="61">
        <v>21</v>
      </c>
      <c r="FS21" s="61">
        <v>11</v>
      </c>
      <c r="FT21" s="61">
        <v>10</v>
      </c>
      <c r="FU21" s="62">
        <v>63</v>
      </c>
      <c r="FV21" s="63">
        <v>66</v>
      </c>
      <c r="FW21" s="60">
        <v>0</v>
      </c>
      <c r="FX21" s="61">
        <v>0</v>
      </c>
      <c r="FY21" s="62">
        <v>0</v>
      </c>
      <c r="FZ21" s="228"/>
      <c r="GA21" s="61">
        <v>0</v>
      </c>
      <c r="GB21" s="61">
        <v>0</v>
      </c>
      <c r="GC21" s="61">
        <v>0</v>
      </c>
      <c r="GD21" s="61">
        <v>0</v>
      </c>
      <c r="GE21" s="61">
        <v>0</v>
      </c>
      <c r="GF21" s="62">
        <v>0</v>
      </c>
      <c r="GG21" s="63">
        <v>0</v>
      </c>
      <c r="GH21" s="60">
        <v>25</v>
      </c>
      <c r="GI21" s="61">
        <v>30</v>
      </c>
      <c r="GJ21" s="62">
        <v>55</v>
      </c>
      <c r="GK21" s="228"/>
      <c r="GL21" s="61">
        <v>46</v>
      </c>
      <c r="GM21" s="61">
        <v>37</v>
      </c>
      <c r="GN21" s="61">
        <v>39</v>
      </c>
      <c r="GO21" s="61">
        <v>24</v>
      </c>
      <c r="GP21" s="61">
        <v>25</v>
      </c>
      <c r="GQ21" s="62">
        <v>171</v>
      </c>
      <c r="GR21" s="63">
        <v>226</v>
      </c>
      <c r="GS21" s="113">
        <v>92</v>
      </c>
      <c r="GT21" s="72">
        <v>91</v>
      </c>
      <c r="GU21" s="73">
        <v>183</v>
      </c>
      <c r="GV21" s="228"/>
      <c r="GW21" s="72">
        <v>163</v>
      </c>
      <c r="GX21" s="72">
        <v>131</v>
      </c>
      <c r="GY21" s="72">
        <v>86</v>
      </c>
      <c r="GZ21" s="72">
        <v>73</v>
      </c>
      <c r="HA21" s="72">
        <v>50</v>
      </c>
      <c r="HB21" s="74">
        <v>503</v>
      </c>
      <c r="HC21" s="75">
        <v>686</v>
      </c>
      <c r="HD21" s="60">
        <v>6</v>
      </c>
      <c r="HE21" s="61">
        <v>4</v>
      </c>
      <c r="HF21" s="62">
        <v>10</v>
      </c>
      <c r="HG21" s="228"/>
      <c r="HH21" s="61">
        <v>13</v>
      </c>
      <c r="HI21" s="61">
        <v>5</v>
      </c>
      <c r="HJ21" s="61">
        <v>3</v>
      </c>
      <c r="HK21" s="61">
        <v>1</v>
      </c>
      <c r="HL21" s="61">
        <v>5</v>
      </c>
      <c r="HM21" s="62">
        <v>27</v>
      </c>
      <c r="HN21" s="63">
        <v>37</v>
      </c>
      <c r="HO21" s="60">
        <v>11</v>
      </c>
      <c r="HP21" s="61">
        <v>9</v>
      </c>
      <c r="HQ21" s="62">
        <v>20</v>
      </c>
      <c r="HR21" s="228"/>
      <c r="HS21" s="61">
        <v>11</v>
      </c>
      <c r="HT21" s="61">
        <v>10</v>
      </c>
      <c r="HU21" s="61">
        <v>5</v>
      </c>
      <c r="HV21" s="61">
        <v>2</v>
      </c>
      <c r="HW21" s="61">
        <v>5</v>
      </c>
      <c r="HX21" s="62">
        <v>33</v>
      </c>
      <c r="HY21" s="63">
        <v>53</v>
      </c>
      <c r="HZ21" s="60">
        <v>12</v>
      </c>
      <c r="IA21" s="61">
        <v>17</v>
      </c>
      <c r="IB21" s="62">
        <v>29</v>
      </c>
      <c r="IC21" s="228"/>
      <c r="ID21" s="61">
        <v>23</v>
      </c>
      <c r="IE21" s="61">
        <v>17</v>
      </c>
      <c r="IF21" s="61">
        <v>7</v>
      </c>
      <c r="IG21" s="61">
        <v>11</v>
      </c>
      <c r="IH21" s="61">
        <v>5</v>
      </c>
      <c r="II21" s="62">
        <v>63</v>
      </c>
      <c r="IJ21" s="63">
        <v>92</v>
      </c>
      <c r="IK21" s="60">
        <v>19</v>
      </c>
      <c r="IL21" s="61">
        <v>30</v>
      </c>
      <c r="IM21" s="62">
        <v>49</v>
      </c>
      <c r="IN21" s="228"/>
      <c r="IO21" s="61">
        <v>36</v>
      </c>
      <c r="IP21" s="61">
        <v>34</v>
      </c>
      <c r="IQ21" s="61">
        <v>16</v>
      </c>
      <c r="IR21" s="61">
        <v>20</v>
      </c>
      <c r="IS21" s="61">
        <v>8</v>
      </c>
      <c r="IT21" s="62">
        <v>114</v>
      </c>
      <c r="IU21" s="63">
        <v>163</v>
      </c>
      <c r="IV21" s="60">
        <v>27</v>
      </c>
      <c r="IW21" s="61">
        <v>17</v>
      </c>
      <c r="IX21" s="62">
        <v>44</v>
      </c>
      <c r="IY21" s="228"/>
      <c r="IZ21" s="61">
        <v>43</v>
      </c>
      <c r="JA21" s="61">
        <v>33</v>
      </c>
      <c r="JB21" s="61">
        <v>20</v>
      </c>
      <c r="JC21" s="61">
        <v>16</v>
      </c>
      <c r="JD21" s="61">
        <v>11</v>
      </c>
      <c r="JE21" s="62">
        <v>123</v>
      </c>
      <c r="JF21" s="63">
        <v>167</v>
      </c>
      <c r="JG21" s="60">
        <v>17</v>
      </c>
      <c r="JH21" s="61">
        <v>14</v>
      </c>
      <c r="JI21" s="62">
        <v>31</v>
      </c>
      <c r="JJ21" s="228"/>
      <c r="JK21" s="61">
        <v>37</v>
      </c>
      <c r="JL21" s="61">
        <v>32</v>
      </c>
      <c r="JM21" s="61">
        <v>35</v>
      </c>
      <c r="JN21" s="61">
        <v>23</v>
      </c>
      <c r="JO21" s="61">
        <v>16</v>
      </c>
      <c r="JP21" s="62">
        <v>143</v>
      </c>
      <c r="JQ21" s="63">
        <v>174</v>
      </c>
      <c r="JR21" s="60">
        <v>0</v>
      </c>
      <c r="JS21" s="61">
        <v>0</v>
      </c>
      <c r="JT21" s="62">
        <v>0</v>
      </c>
      <c r="JU21" s="228"/>
      <c r="JV21" s="61">
        <v>0</v>
      </c>
      <c r="JW21" s="61">
        <v>0</v>
      </c>
      <c r="JX21" s="61">
        <v>0</v>
      </c>
      <c r="JY21" s="61">
        <v>0</v>
      </c>
      <c r="JZ21" s="61">
        <v>0</v>
      </c>
      <c r="KA21" s="62">
        <v>0</v>
      </c>
      <c r="KB21" s="63">
        <v>0</v>
      </c>
      <c r="KC21" s="60">
        <v>92</v>
      </c>
      <c r="KD21" s="61">
        <v>91</v>
      </c>
      <c r="KE21" s="62">
        <v>183</v>
      </c>
      <c r="KF21" s="228"/>
      <c r="KG21" s="61">
        <v>163</v>
      </c>
      <c r="KH21" s="61">
        <v>131</v>
      </c>
      <c r="KI21" s="61">
        <v>86</v>
      </c>
      <c r="KJ21" s="61">
        <v>73</v>
      </c>
      <c r="KK21" s="61">
        <v>50</v>
      </c>
      <c r="KL21" s="62">
        <v>503</v>
      </c>
      <c r="KM21" s="63">
        <v>686</v>
      </c>
    </row>
    <row r="22" spans="2:299" ht="21" customHeight="1" x14ac:dyDescent="0.2">
      <c r="B22" s="468" t="s">
        <v>19</v>
      </c>
      <c r="C22" s="291">
        <v>29</v>
      </c>
      <c r="D22" s="72">
        <v>20</v>
      </c>
      <c r="E22" s="73">
        <v>49</v>
      </c>
      <c r="F22" s="228"/>
      <c r="G22" s="72">
        <v>52</v>
      </c>
      <c r="H22" s="72">
        <v>40</v>
      </c>
      <c r="I22" s="72">
        <v>19</v>
      </c>
      <c r="J22" s="72">
        <v>16</v>
      </c>
      <c r="K22" s="72">
        <v>14</v>
      </c>
      <c r="L22" s="74">
        <v>141</v>
      </c>
      <c r="M22" s="75">
        <v>190</v>
      </c>
      <c r="N22" s="76">
        <v>2</v>
      </c>
      <c r="O22" s="61">
        <v>1</v>
      </c>
      <c r="P22" s="62">
        <v>3</v>
      </c>
      <c r="Q22" s="228"/>
      <c r="R22" s="61">
        <v>2</v>
      </c>
      <c r="S22" s="61">
        <v>0</v>
      </c>
      <c r="T22" s="61">
        <v>1</v>
      </c>
      <c r="U22" s="61">
        <v>0</v>
      </c>
      <c r="V22" s="61">
        <v>0</v>
      </c>
      <c r="W22" s="62">
        <v>3</v>
      </c>
      <c r="X22" s="63">
        <v>6</v>
      </c>
      <c r="Y22" s="60">
        <v>2</v>
      </c>
      <c r="Z22" s="61">
        <v>0</v>
      </c>
      <c r="AA22" s="62">
        <v>2</v>
      </c>
      <c r="AB22" s="228"/>
      <c r="AC22" s="61">
        <v>4</v>
      </c>
      <c r="AD22" s="61">
        <v>4</v>
      </c>
      <c r="AE22" s="61">
        <v>1</v>
      </c>
      <c r="AF22" s="61">
        <v>1</v>
      </c>
      <c r="AG22" s="61">
        <v>2</v>
      </c>
      <c r="AH22" s="62">
        <v>12</v>
      </c>
      <c r="AI22" s="63">
        <v>14</v>
      </c>
      <c r="AJ22" s="76">
        <v>5</v>
      </c>
      <c r="AK22" s="61">
        <v>2</v>
      </c>
      <c r="AL22" s="62">
        <v>7</v>
      </c>
      <c r="AM22" s="228"/>
      <c r="AN22" s="61">
        <v>7</v>
      </c>
      <c r="AO22" s="61">
        <v>4</v>
      </c>
      <c r="AP22" s="61">
        <v>1</v>
      </c>
      <c r="AQ22" s="61">
        <v>4</v>
      </c>
      <c r="AR22" s="61">
        <v>1</v>
      </c>
      <c r="AS22" s="62">
        <v>17</v>
      </c>
      <c r="AT22" s="63">
        <v>24</v>
      </c>
      <c r="AU22" s="60">
        <v>4</v>
      </c>
      <c r="AV22" s="61">
        <v>3</v>
      </c>
      <c r="AW22" s="62">
        <v>7</v>
      </c>
      <c r="AX22" s="228"/>
      <c r="AY22" s="61">
        <v>11</v>
      </c>
      <c r="AZ22" s="61">
        <v>11</v>
      </c>
      <c r="BA22" s="61">
        <v>3</v>
      </c>
      <c r="BB22" s="61">
        <v>1</v>
      </c>
      <c r="BC22" s="61">
        <v>5</v>
      </c>
      <c r="BD22" s="62">
        <v>31</v>
      </c>
      <c r="BE22" s="63">
        <v>38</v>
      </c>
      <c r="BF22" s="76">
        <v>9</v>
      </c>
      <c r="BG22" s="61">
        <v>5</v>
      </c>
      <c r="BH22" s="62">
        <v>14</v>
      </c>
      <c r="BI22" s="228"/>
      <c r="BJ22" s="61">
        <v>11</v>
      </c>
      <c r="BK22" s="61">
        <v>11</v>
      </c>
      <c r="BL22" s="61">
        <v>3</v>
      </c>
      <c r="BM22" s="61">
        <v>6</v>
      </c>
      <c r="BN22" s="61">
        <v>2</v>
      </c>
      <c r="BO22" s="62">
        <v>33</v>
      </c>
      <c r="BP22" s="63">
        <v>47</v>
      </c>
      <c r="BQ22" s="60">
        <v>7</v>
      </c>
      <c r="BR22" s="61">
        <v>9</v>
      </c>
      <c r="BS22" s="62">
        <v>16</v>
      </c>
      <c r="BT22" s="228"/>
      <c r="BU22" s="61">
        <v>17</v>
      </c>
      <c r="BV22" s="61">
        <v>10</v>
      </c>
      <c r="BW22" s="61">
        <v>10</v>
      </c>
      <c r="BX22" s="61">
        <v>4</v>
      </c>
      <c r="BY22" s="61">
        <v>4</v>
      </c>
      <c r="BZ22" s="62">
        <v>45</v>
      </c>
      <c r="CA22" s="63">
        <v>61</v>
      </c>
      <c r="CB22" s="60">
        <v>0</v>
      </c>
      <c r="CC22" s="61">
        <v>0</v>
      </c>
      <c r="CD22" s="62">
        <v>0</v>
      </c>
      <c r="CE22" s="228"/>
      <c r="CF22" s="61">
        <v>0</v>
      </c>
      <c r="CG22" s="61">
        <v>0</v>
      </c>
      <c r="CH22" s="61">
        <v>0</v>
      </c>
      <c r="CI22" s="61">
        <v>0</v>
      </c>
      <c r="CJ22" s="61">
        <v>0</v>
      </c>
      <c r="CK22" s="62">
        <v>0</v>
      </c>
      <c r="CL22" s="63">
        <v>0</v>
      </c>
      <c r="CM22" s="60">
        <v>29</v>
      </c>
      <c r="CN22" s="61">
        <v>20</v>
      </c>
      <c r="CO22" s="62">
        <v>49</v>
      </c>
      <c r="CP22" s="228"/>
      <c r="CQ22" s="61">
        <v>52</v>
      </c>
      <c r="CR22" s="61">
        <v>40</v>
      </c>
      <c r="CS22" s="61">
        <v>19</v>
      </c>
      <c r="CT22" s="61">
        <v>16</v>
      </c>
      <c r="CU22" s="61">
        <v>14</v>
      </c>
      <c r="CV22" s="62">
        <v>141</v>
      </c>
      <c r="CW22" s="63">
        <v>190</v>
      </c>
      <c r="CX22" s="113">
        <v>13</v>
      </c>
      <c r="CY22" s="72">
        <v>5</v>
      </c>
      <c r="CZ22" s="73">
        <v>18</v>
      </c>
      <c r="DA22" s="228"/>
      <c r="DB22" s="72">
        <v>15</v>
      </c>
      <c r="DC22" s="72">
        <v>10</v>
      </c>
      <c r="DD22" s="72">
        <v>15</v>
      </c>
      <c r="DE22" s="72">
        <v>3</v>
      </c>
      <c r="DF22" s="72">
        <v>8</v>
      </c>
      <c r="DG22" s="74">
        <v>51</v>
      </c>
      <c r="DH22" s="75">
        <v>69</v>
      </c>
      <c r="DI22" s="76">
        <v>1</v>
      </c>
      <c r="DJ22" s="61">
        <v>0</v>
      </c>
      <c r="DK22" s="62">
        <v>1</v>
      </c>
      <c r="DL22" s="228"/>
      <c r="DM22" s="61">
        <v>0</v>
      </c>
      <c r="DN22" s="61">
        <v>0</v>
      </c>
      <c r="DO22" s="61">
        <v>2</v>
      </c>
      <c r="DP22" s="61">
        <v>1</v>
      </c>
      <c r="DQ22" s="61">
        <v>0</v>
      </c>
      <c r="DR22" s="62">
        <v>3</v>
      </c>
      <c r="DS22" s="63">
        <v>4</v>
      </c>
      <c r="DT22" s="60">
        <v>1</v>
      </c>
      <c r="DU22" s="61">
        <v>1</v>
      </c>
      <c r="DV22" s="62">
        <v>2</v>
      </c>
      <c r="DW22" s="228"/>
      <c r="DX22" s="61">
        <v>1</v>
      </c>
      <c r="DY22" s="61">
        <v>1</v>
      </c>
      <c r="DZ22" s="61">
        <v>1</v>
      </c>
      <c r="EA22" s="61">
        <v>0</v>
      </c>
      <c r="EB22" s="61">
        <v>0</v>
      </c>
      <c r="EC22" s="62">
        <v>3</v>
      </c>
      <c r="ED22" s="63">
        <v>5</v>
      </c>
      <c r="EE22" s="76">
        <v>4</v>
      </c>
      <c r="EF22" s="61">
        <v>2</v>
      </c>
      <c r="EG22" s="62">
        <v>6</v>
      </c>
      <c r="EH22" s="228"/>
      <c r="EI22" s="61">
        <v>1</v>
      </c>
      <c r="EJ22" s="61">
        <v>2</v>
      </c>
      <c r="EK22" s="61">
        <v>2</v>
      </c>
      <c r="EL22" s="61">
        <v>0</v>
      </c>
      <c r="EM22" s="61">
        <v>0</v>
      </c>
      <c r="EN22" s="62">
        <v>5</v>
      </c>
      <c r="EO22" s="63">
        <v>11</v>
      </c>
      <c r="EP22" s="60">
        <v>5</v>
      </c>
      <c r="EQ22" s="61">
        <v>0</v>
      </c>
      <c r="ER22" s="62">
        <v>5</v>
      </c>
      <c r="ES22" s="228"/>
      <c r="ET22" s="61">
        <v>3</v>
      </c>
      <c r="EU22" s="61">
        <v>0</v>
      </c>
      <c r="EV22" s="61">
        <v>2</v>
      </c>
      <c r="EW22" s="61">
        <v>0</v>
      </c>
      <c r="EX22" s="61">
        <v>1</v>
      </c>
      <c r="EY22" s="62">
        <v>6</v>
      </c>
      <c r="EZ22" s="63">
        <v>11</v>
      </c>
      <c r="FA22" s="76">
        <v>1</v>
      </c>
      <c r="FB22" s="61">
        <v>1</v>
      </c>
      <c r="FC22" s="62">
        <v>2</v>
      </c>
      <c r="FD22" s="228"/>
      <c r="FE22" s="61">
        <v>6</v>
      </c>
      <c r="FF22" s="61">
        <v>2</v>
      </c>
      <c r="FG22" s="61">
        <v>4</v>
      </c>
      <c r="FH22" s="61">
        <v>0</v>
      </c>
      <c r="FI22" s="61">
        <v>2</v>
      </c>
      <c r="FJ22" s="62">
        <v>14</v>
      </c>
      <c r="FK22" s="63">
        <v>16</v>
      </c>
      <c r="FL22" s="60">
        <v>1</v>
      </c>
      <c r="FM22" s="61">
        <v>1</v>
      </c>
      <c r="FN22" s="62">
        <v>2</v>
      </c>
      <c r="FO22" s="228"/>
      <c r="FP22" s="61">
        <v>4</v>
      </c>
      <c r="FQ22" s="61">
        <v>5</v>
      </c>
      <c r="FR22" s="61">
        <v>4</v>
      </c>
      <c r="FS22" s="61">
        <v>2</v>
      </c>
      <c r="FT22" s="61">
        <v>5</v>
      </c>
      <c r="FU22" s="62">
        <v>20</v>
      </c>
      <c r="FV22" s="63">
        <v>22</v>
      </c>
      <c r="FW22" s="60">
        <v>0</v>
      </c>
      <c r="FX22" s="61">
        <v>0</v>
      </c>
      <c r="FY22" s="62">
        <v>0</v>
      </c>
      <c r="FZ22" s="228"/>
      <c r="GA22" s="61">
        <v>0</v>
      </c>
      <c r="GB22" s="61">
        <v>0</v>
      </c>
      <c r="GC22" s="61">
        <v>0</v>
      </c>
      <c r="GD22" s="61">
        <v>0</v>
      </c>
      <c r="GE22" s="61">
        <v>0</v>
      </c>
      <c r="GF22" s="62">
        <v>0</v>
      </c>
      <c r="GG22" s="63">
        <v>0</v>
      </c>
      <c r="GH22" s="60">
        <v>13</v>
      </c>
      <c r="GI22" s="61">
        <v>5</v>
      </c>
      <c r="GJ22" s="62">
        <v>18</v>
      </c>
      <c r="GK22" s="228"/>
      <c r="GL22" s="61">
        <v>15</v>
      </c>
      <c r="GM22" s="61">
        <v>10</v>
      </c>
      <c r="GN22" s="61">
        <v>15</v>
      </c>
      <c r="GO22" s="61">
        <v>3</v>
      </c>
      <c r="GP22" s="61">
        <v>8</v>
      </c>
      <c r="GQ22" s="62">
        <v>51</v>
      </c>
      <c r="GR22" s="63">
        <v>69</v>
      </c>
      <c r="GS22" s="113">
        <v>42</v>
      </c>
      <c r="GT22" s="72">
        <v>25</v>
      </c>
      <c r="GU22" s="73">
        <v>67</v>
      </c>
      <c r="GV22" s="228"/>
      <c r="GW22" s="72">
        <v>67</v>
      </c>
      <c r="GX22" s="72">
        <v>50</v>
      </c>
      <c r="GY22" s="72">
        <v>34</v>
      </c>
      <c r="GZ22" s="72">
        <v>19</v>
      </c>
      <c r="HA22" s="72">
        <v>22</v>
      </c>
      <c r="HB22" s="74">
        <v>192</v>
      </c>
      <c r="HC22" s="75">
        <v>259</v>
      </c>
      <c r="HD22" s="76">
        <v>3</v>
      </c>
      <c r="HE22" s="61">
        <v>1</v>
      </c>
      <c r="HF22" s="62">
        <v>4</v>
      </c>
      <c r="HG22" s="228"/>
      <c r="HH22" s="61">
        <v>2</v>
      </c>
      <c r="HI22" s="61">
        <v>0</v>
      </c>
      <c r="HJ22" s="61">
        <v>3</v>
      </c>
      <c r="HK22" s="61">
        <v>1</v>
      </c>
      <c r="HL22" s="61">
        <v>0</v>
      </c>
      <c r="HM22" s="62">
        <v>6</v>
      </c>
      <c r="HN22" s="63">
        <v>10</v>
      </c>
      <c r="HO22" s="60">
        <v>3</v>
      </c>
      <c r="HP22" s="61">
        <v>1</v>
      </c>
      <c r="HQ22" s="62">
        <v>4</v>
      </c>
      <c r="HR22" s="228"/>
      <c r="HS22" s="61">
        <v>5</v>
      </c>
      <c r="HT22" s="61">
        <v>5</v>
      </c>
      <c r="HU22" s="61">
        <v>2</v>
      </c>
      <c r="HV22" s="61">
        <v>1</v>
      </c>
      <c r="HW22" s="61">
        <v>2</v>
      </c>
      <c r="HX22" s="62">
        <v>15</v>
      </c>
      <c r="HY22" s="63">
        <v>19</v>
      </c>
      <c r="HZ22" s="76">
        <v>9</v>
      </c>
      <c r="IA22" s="61">
        <v>4</v>
      </c>
      <c r="IB22" s="62">
        <v>13</v>
      </c>
      <c r="IC22" s="228"/>
      <c r="ID22" s="61">
        <v>8</v>
      </c>
      <c r="IE22" s="61">
        <v>6</v>
      </c>
      <c r="IF22" s="61">
        <v>3</v>
      </c>
      <c r="IG22" s="61">
        <v>4</v>
      </c>
      <c r="IH22" s="61">
        <v>1</v>
      </c>
      <c r="II22" s="62">
        <v>22</v>
      </c>
      <c r="IJ22" s="63">
        <v>35</v>
      </c>
      <c r="IK22" s="60">
        <v>9</v>
      </c>
      <c r="IL22" s="61">
        <v>3</v>
      </c>
      <c r="IM22" s="62">
        <v>12</v>
      </c>
      <c r="IN22" s="228"/>
      <c r="IO22" s="61">
        <v>14</v>
      </c>
      <c r="IP22" s="61">
        <v>11</v>
      </c>
      <c r="IQ22" s="61">
        <v>5</v>
      </c>
      <c r="IR22" s="61">
        <v>1</v>
      </c>
      <c r="IS22" s="61">
        <v>6</v>
      </c>
      <c r="IT22" s="62">
        <v>37</v>
      </c>
      <c r="IU22" s="63">
        <v>49</v>
      </c>
      <c r="IV22" s="76">
        <v>10</v>
      </c>
      <c r="IW22" s="61">
        <v>6</v>
      </c>
      <c r="IX22" s="62">
        <v>16</v>
      </c>
      <c r="IY22" s="228"/>
      <c r="IZ22" s="61">
        <v>17</v>
      </c>
      <c r="JA22" s="61">
        <v>13</v>
      </c>
      <c r="JB22" s="61">
        <v>7</v>
      </c>
      <c r="JC22" s="61">
        <v>6</v>
      </c>
      <c r="JD22" s="61">
        <v>4</v>
      </c>
      <c r="JE22" s="62">
        <v>47</v>
      </c>
      <c r="JF22" s="63">
        <v>63</v>
      </c>
      <c r="JG22" s="60">
        <v>8</v>
      </c>
      <c r="JH22" s="61">
        <v>10</v>
      </c>
      <c r="JI22" s="62">
        <v>18</v>
      </c>
      <c r="JJ22" s="228"/>
      <c r="JK22" s="61">
        <v>21</v>
      </c>
      <c r="JL22" s="61">
        <v>15</v>
      </c>
      <c r="JM22" s="61">
        <v>14</v>
      </c>
      <c r="JN22" s="61">
        <v>6</v>
      </c>
      <c r="JO22" s="61">
        <v>9</v>
      </c>
      <c r="JP22" s="62">
        <v>65</v>
      </c>
      <c r="JQ22" s="63">
        <v>83</v>
      </c>
      <c r="JR22" s="60">
        <v>0</v>
      </c>
      <c r="JS22" s="61">
        <v>0</v>
      </c>
      <c r="JT22" s="62">
        <v>0</v>
      </c>
      <c r="JU22" s="228"/>
      <c r="JV22" s="61">
        <v>0</v>
      </c>
      <c r="JW22" s="61">
        <v>0</v>
      </c>
      <c r="JX22" s="61">
        <v>0</v>
      </c>
      <c r="JY22" s="61">
        <v>0</v>
      </c>
      <c r="JZ22" s="61">
        <v>0</v>
      </c>
      <c r="KA22" s="62">
        <v>0</v>
      </c>
      <c r="KB22" s="63">
        <v>0</v>
      </c>
      <c r="KC22" s="60">
        <v>42</v>
      </c>
      <c r="KD22" s="61">
        <v>25</v>
      </c>
      <c r="KE22" s="62">
        <v>67</v>
      </c>
      <c r="KF22" s="228"/>
      <c r="KG22" s="61">
        <v>67</v>
      </c>
      <c r="KH22" s="61">
        <v>50</v>
      </c>
      <c r="KI22" s="61">
        <v>34</v>
      </c>
      <c r="KJ22" s="61">
        <v>19</v>
      </c>
      <c r="KK22" s="61">
        <v>22</v>
      </c>
      <c r="KL22" s="62">
        <v>192</v>
      </c>
      <c r="KM22" s="63">
        <v>259</v>
      </c>
    </row>
    <row r="23" spans="2:299" ht="21" customHeight="1" x14ac:dyDescent="0.2">
      <c r="B23" s="468" t="s">
        <v>20</v>
      </c>
      <c r="C23" s="291">
        <v>32</v>
      </c>
      <c r="D23" s="72">
        <v>54</v>
      </c>
      <c r="E23" s="73">
        <v>86</v>
      </c>
      <c r="F23" s="228"/>
      <c r="G23" s="72">
        <v>61</v>
      </c>
      <c r="H23" s="72">
        <v>48</v>
      </c>
      <c r="I23" s="72">
        <v>32</v>
      </c>
      <c r="J23" s="72">
        <v>28</v>
      </c>
      <c r="K23" s="72">
        <v>18</v>
      </c>
      <c r="L23" s="74">
        <v>187</v>
      </c>
      <c r="M23" s="75">
        <v>273</v>
      </c>
      <c r="N23" s="60">
        <v>1</v>
      </c>
      <c r="O23" s="61">
        <v>1</v>
      </c>
      <c r="P23" s="62">
        <v>2</v>
      </c>
      <c r="Q23" s="228"/>
      <c r="R23" s="61">
        <v>4</v>
      </c>
      <c r="S23" s="61">
        <v>1</v>
      </c>
      <c r="T23" s="61">
        <v>0</v>
      </c>
      <c r="U23" s="61">
        <v>0</v>
      </c>
      <c r="V23" s="61">
        <v>0</v>
      </c>
      <c r="W23" s="62">
        <v>5</v>
      </c>
      <c r="X23" s="63">
        <v>7</v>
      </c>
      <c r="Y23" s="60">
        <v>4</v>
      </c>
      <c r="Z23" s="61">
        <v>3</v>
      </c>
      <c r="AA23" s="62">
        <v>7</v>
      </c>
      <c r="AB23" s="228"/>
      <c r="AC23" s="61">
        <v>8</v>
      </c>
      <c r="AD23" s="61">
        <v>4</v>
      </c>
      <c r="AE23" s="61">
        <v>4</v>
      </c>
      <c r="AF23" s="61">
        <v>3</v>
      </c>
      <c r="AG23" s="61">
        <v>1</v>
      </c>
      <c r="AH23" s="62">
        <v>20</v>
      </c>
      <c r="AI23" s="63">
        <v>27</v>
      </c>
      <c r="AJ23" s="60">
        <v>6</v>
      </c>
      <c r="AK23" s="61">
        <v>6</v>
      </c>
      <c r="AL23" s="62">
        <v>12</v>
      </c>
      <c r="AM23" s="228"/>
      <c r="AN23" s="61">
        <v>5</v>
      </c>
      <c r="AO23" s="61">
        <v>4</v>
      </c>
      <c r="AP23" s="61">
        <v>5</v>
      </c>
      <c r="AQ23" s="61">
        <v>4</v>
      </c>
      <c r="AR23" s="61">
        <v>4</v>
      </c>
      <c r="AS23" s="62">
        <v>22</v>
      </c>
      <c r="AT23" s="63">
        <v>34</v>
      </c>
      <c r="AU23" s="60">
        <v>10</v>
      </c>
      <c r="AV23" s="61">
        <v>14</v>
      </c>
      <c r="AW23" s="62">
        <v>24</v>
      </c>
      <c r="AX23" s="228"/>
      <c r="AY23" s="61">
        <v>20</v>
      </c>
      <c r="AZ23" s="61">
        <v>13</v>
      </c>
      <c r="BA23" s="61">
        <v>12</v>
      </c>
      <c r="BB23" s="61">
        <v>8</v>
      </c>
      <c r="BC23" s="61">
        <v>4</v>
      </c>
      <c r="BD23" s="62">
        <v>57</v>
      </c>
      <c r="BE23" s="63">
        <v>81</v>
      </c>
      <c r="BF23" s="60">
        <v>6</v>
      </c>
      <c r="BG23" s="61">
        <v>19</v>
      </c>
      <c r="BH23" s="62">
        <v>25</v>
      </c>
      <c r="BI23" s="228"/>
      <c r="BJ23" s="61">
        <v>15</v>
      </c>
      <c r="BK23" s="61">
        <v>14</v>
      </c>
      <c r="BL23" s="61">
        <v>6</v>
      </c>
      <c r="BM23" s="61">
        <v>7</v>
      </c>
      <c r="BN23" s="61">
        <v>6</v>
      </c>
      <c r="BO23" s="62">
        <v>48</v>
      </c>
      <c r="BP23" s="63">
        <v>73</v>
      </c>
      <c r="BQ23" s="60">
        <v>5</v>
      </c>
      <c r="BR23" s="61">
        <v>11</v>
      </c>
      <c r="BS23" s="62">
        <v>16</v>
      </c>
      <c r="BT23" s="228"/>
      <c r="BU23" s="61">
        <v>9</v>
      </c>
      <c r="BV23" s="61">
        <v>12</v>
      </c>
      <c r="BW23" s="61">
        <v>5</v>
      </c>
      <c r="BX23" s="61">
        <v>6</v>
      </c>
      <c r="BY23" s="61">
        <v>3</v>
      </c>
      <c r="BZ23" s="62">
        <v>35</v>
      </c>
      <c r="CA23" s="63">
        <v>51</v>
      </c>
      <c r="CB23" s="60">
        <v>0</v>
      </c>
      <c r="CC23" s="61">
        <v>0</v>
      </c>
      <c r="CD23" s="62">
        <v>0</v>
      </c>
      <c r="CE23" s="228"/>
      <c r="CF23" s="61">
        <v>0</v>
      </c>
      <c r="CG23" s="61">
        <v>0</v>
      </c>
      <c r="CH23" s="61">
        <v>0</v>
      </c>
      <c r="CI23" s="61">
        <v>0</v>
      </c>
      <c r="CJ23" s="61">
        <v>0</v>
      </c>
      <c r="CK23" s="62">
        <v>0</v>
      </c>
      <c r="CL23" s="63">
        <v>0</v>
      </c>
      <c r="CM23" s="60">
        <v>32</v>
      </c>
      <c r="CN23" s="61">
        <v>54</v>
      </c>
      <c r="CO23" s="62">
        <v>86</v>
      </c>
      <c r="CP23" s="228"/>
      <c r="CQ23" s="61">
        <v>61</v>
      </c>
      <c r="CR23" s="61">
        <v>48</v>
      </c>
      <c r="CS23" s="61">
        <v>32</v>
      </c>
      <c r="CT23" s="61">
        <v>28</v>
      </c>
      <c r="CU23" s="61">
        <v>18</v>
      </c>
      <c r="CV23" s="62">
        <v>187</v>
      </c>
      <c r="CW23" s="63">
        <v>273</v>
      </c>
      <c r="CX23" s="113">
        <v>13</v>
      </c>
      <c r="CY23" s="72">
        <v>13</v>
      </c>
      <c r="CZ23" s="73">
        <v>26</v>
      </c>
      <c r="DA23" s="228"/>
      <c r="DB23" s="72">
        <v>29</v>
      </c>
      <c r="DC23" s="72">
        <v>19</v>
      </c>
      <c r="DD23" s="72">
        <v>7</v>
      </c>
      <c r="DE23" s="72">
        <v>13</v>
      </c>
      <c r="DF23" s="72">
        <v>7</v>
      </c>
      <c r="DG23" s="74">
        <v>75</v>
      </c>
      <c r="DH23" s="75">
        <v>101</v>
      </c>
      <c r="DI23" s="60">
        <v>1</v>
      </c>
      <c r="DJ23" s="61">
        <v>0</v>
      </c>
      <c r="DK23" s="62">
        <v>1</v>
      </c>
      <c r="DL23" s="228"/>
      <c r="DM23" s="61">
        <v>1</v>
      </c>
      <c r="DN23" s="61">
        <v>1</v>
      </c>
      <c r="DO23" s="61">
        <v>0</v>
      </c>
      <c r="DP23" s="61">
        <v>0</v>
      </c>
      <c r="DQ23" s="61">
        <v>0</v>
      </c>
      <c r="DR23" s="62">
        <v>2</v>
      </c>
      <c r="DS23" s="63">
        <v>3</v>
      </c>
      <c r="DT23" s="60">
        <v>1</v>
      </c>
      <c r="DU23" s="61">
        <v>0</v>
      </c>
      <c r="DV23" s="62">
        <v>1</v>
      </c>
      <c r="DW23" s="228"/>
      <c r="DX23" s="61">
        <v>1</v>
      </c>
      <c r="DY23" s="61">
        <v>0</v>
      </c>
      <c r="DZ23" s="61">
        <v>0</v>
      </c>
      <c r="EA23" s="61">
        <v>0</v>
      </c>
      <c r="EB23" s="61">
        <v>0</v>
      </c>
      <c r="EC23" s="62">
        <v>1</v>
      </c>
      <c r="ED23" s="63">
        <v>2</v>
      </c>
      <c r="EE23" s="60">
        <v>0</v>
      </c>
      <c r="EF23" s="61">
        <v>4</v>
      </c>
      <c r="EG23" s="62">
        <v>4</v>
      </c>
      <c r="EH23" s="228"/>
      <c r="EI23" s="61">
        <v>2</v>
      </c>
      <c r="EJ23" s="61">
        <v>4</v>
      </c>
      <c r="EK23" s="61">
        <v>1</v>
      </c>
      <c r="EL23" s="61">
        <v>2</v>
      </c>
      <c r="EM23" s="61">
        <v>0</v>
      </c>
      <c r="EN23" s="62">
        <v>9</v>
      </c>
      <c r="EO23" s="63">
        <v>13</v>
      </c>
      <c r="EP23" s="60">
        <v>4</v>
      </c>
      <c r="EQ23" s="61">
        <v>3</v>
      </c>
      <c r="ER23" s="62">
        <v>7</v>
      </c>
      <c r="ES23" s="228"/>
      <c r="ET23" s="61">
        <v>7</v>
      </c>
      <c r="EU23" s="61">
        <v>4</v>
      </c>
      <c r="EV23" s="61">
        <v>2</v>
      </c>
      <c r="EW23" s="61">
        <v>2</v>
      </c>
      <c r="EX23" s="61">
        <v>1</v>
      </c>
      <c r="EY23" s="62">
        <v>16</v>
      </c>
      <c r="EZ23" s="63">
        <v>23</v>
      </c>
      <c r="FA23" s="60">
        <v>6</v>
      </c>
      <c r="FB23" s="61">
        <v>1</v>
      </c>
      <c r="FC23" s="62">
        <v>7</v>
      </c>
      <c r="FD23" s="228"/>
      <c r="FE23" s="61">
        <v>7</v>
      </c>
      <c r="FF23" s="61">
        <v>5</v>
      </c>
      <c r="FG23" s="61">
        <v>1</v>
      </c>
      <c r="FH23" s="61">
        <v>3</v>
      </c>
      <c r="FI23" s="61">
        <v>2</v>
      </c>
      <c r="FJ23" s="62">
        <v>18</v>
      </c>
      <c r="FK23" s="63">
        <v>25</v>
      </c>
      <c r="FL23" s="60">
        <v>1</v>
      </c>
      <c r="FM23" s="61">
        <v>5</v>
      </c>
      <c r="FN23" s="62">
        <v>6</v>
      </c>
      <c r="FO23" s="228"/>
      <c r="FP23" s="61">
        <v>11</v>
      </c>
      <c r="FQ23" s="61">
        <v>5</v>
      </c>
      <c r="FR23" s="61">
        <v>3</v>
      </c>
      <c r="FS23" s="61">
        <v>6</v>
      </c>
      <c r="FT23" s="61">
        <v>4</v>
      </c>
      <c r="FU23" s="62">
        <v>29</v>
      </c>
      <c r="FV23" s="63">
        <v>35</v>
      </c>
      <c r="FW23" s="60">
        <v>0</v>
      </c>
      <c r="FX23" s="61">
        <v>0</v>
      </c>
      <c r="FY23" s="62">
        <v>0</v>
      </c>
      <c r="FZ23" s="228"/>
      <c r="GA23" s="61">
        <v>0</v>
      </c>
      <c r="GB23" s="61">
        <v>0</v>
      </c>
      <c r="GC23" s="61">
        <v>0</v>
      </c>
      <c r="GD23" s="61">
        <v>0</v>
      </c>
      <c r="GE23" s="61">
        <v>0</v>
      </c>
      <c r="GF23" s="62">
        <v>0</v>
      </c>
      <c r="GG23" s="63">
        <v>0</v>
      </c>
      <c r="GH23" s="60">
        <v>13</v>
      </c>
      <c r="GI23" s="61">
        <v>13</v>
      </c>
      <c r="GJ23" s="62">
        <v>26</v>
      </c>
      <c r="GK23" s="228"/>
      <c r="GL23" s="61">
        <v>29</v>
      </c>
      <c r="GM23" s="61">
        <v>19</v>
      </c>
      <c r="GN23" s="61">
        <v>7</v>
      </c>
      <c r="GO23" s="61">
        <v>13</v>
      </c>
      <c r="GP23" s="61">
        <v>7</v>
      </c>
      <c r="GQ23" s="62">
        <v>75</v>
      </c>
      <c r="GR23" s="63">
        <v>101</v>
      </c>
      <c r="GS23" s="113">
        <v>45</v>
      </c>
      <c r="GT23" s="72">
        <v>67</v>
      </c>
      <c r="GU23" s="73">
        <v>112</v>
      </c>
      <c r="GV23" s="228"/>
      <c r="GW23" s="72">
        <v>90</v>
      </c>
      <c r="GX23" s="72">
        <v>67</v>
      </c>
      <c r="GY23" s="72">
        <v>39</v>
      </c>
      <c r="GZ23" s="72">
        <v>41</v>
      </c>
      <c r="HA23" s="72">
        <v>25</v>
      </c>
      <c r="HB23" s="74">
        <v>262</v>
      </c>
      <c r="HC23" s="75">
        <v>374</v>
      </c>
      <c r="HD23" s="60">
        <v>2</v>
      </c>
      <c r="HE23" s="61">
        <v>1</v>
      </c>
      <c r="HF23" s="62">
        <v>3</v>
      </c>
      <c r="HG23" s="228"/>
      <c r="HH23" s="61">
        <v>5</v>
      </c>
      <c r="HI23" s="61">
        <v>2</v>
      </c>
      <c r="HJ23" s="61">
        <v>0</v>
      </c>
      <c r="HK23" s="61">
        <v>0</v>
      </c>
      <c r="HL23" s="61">
        <v>0</v>
      </c>
      <c r="HM23" s="62">
        <v>7</v>
      </c>
      <c r="HN23" s="63">
        <v>10</v>
      </c>
      <c r="HO23" s="60">
        <v>5</v>
      </c>
      <c r="HP23" s="61">
        <v>3</v>
      </c>
      <c r="HQ23" s="62">
        <v>8</v>
      </c>
      <c r="HR23" s="228"/>
      <c r="HS23" s="61">
        <v>9</v>
      </c>
      <c r="HT23" s="61">
        <v>4</v>
      </c>
      <c r="HU23" s="61">
        <v>4</v>
      </c>
      <c r="HV23" s="61">
        <v>3</v>
      </c>
      <c r="HW23" s="61">
        <v>1</v>
      </c>
      <c r="HX23" s="62">
        <v>21</v>
      </c>
      <c r="HY23" s="63">
        <v>29</v>
      </c>
      <c r="HZ23" s="60">
        <v>6</v>
      </c>
      <c r="IA23" s="61">
        <v>10</v>
      </c>
      <c r="IB23" s="62">
        <v>16</v>
      </c>
      <c r="IC23" s="228"/>
      <c r="ID23" s="61">
        <v>7</v>
      </c>
      <c r="IE23" s="61">
        <v>8</v>
      </c>
      <c r="IF23" s="61">
        <v>6</v>
      </c>
      <c r="IG23" s="61">
        <v>6</v>
      </c>
      <c r="IH23" s="61">
        <v>4</v>
      </c>
      <c r="II23" s="62">
        <v>31</v>
      </c>
      <c r="IJ23" s="63">
        <v>47</v>
      </c>
      <c r="IK23" s="60">
        <v>14</v>
      </c>
      <c r="IL23" s="61">
        <v>17</v>
      </c>
      <c r="IM23" s="62">
        <v>31</v>
      </c>
      <c r="IN23" s="228"/>
      <c r="IO23" s="61">
        <v>27</v>
      </c>
      <c r="IP23" s="61">
        <v>17</v>
      </c>
      <c r="IQ23" s="61">
        <v>14</v>
      </c>
      <c r="IR23" s="61">
        <v>10</v>
      </c>
      <c r="IS23" s="61">
        <v>5</v>
      </c>
      <c r="IT23" s="62">
        <v>73</v>
      </c>
      <c r="IU23" s="63">
        <v>104</v>
      </c>
      <c r="IV23" s="60">
        <v>12</v>
      </c>
      <c r="IW23" s="61">
        <v>20</v>
      </c>
      <c r="IX23" s="62">
        <v>32</v>
      </c>
      <c r="IY23" s="228"/>
      <c r="IZ23" s="61">
        <v>22</v>
      </c>
      <c r="JA23" s="61">
        <v>19</v>
      </c>
      <c r="JB23" s="61">
        <v>7</v>
      </c>
      <c r="JC23" s="61">
        <v>10</v>
      </c>
      <c r="JD23" s="61">
        <v>8</v>
      </c>
      <c r="JE23" s="62">
        <v>66</v>
      </c>
      <c r="JF23" s="63">
        <v>98</v>
      </c>
      <c r="JG23" s="60">
        <v>6</v>
      </c>
      <c r="JH23" s="61">
        <v>16</v>
      </c>
      <c r="JI23" s="62">
        <v>22</v>
      </c>
      <c r="JJ23" s="228"/>
      <c r="JK23" s="61">
        <v>20</v>
      </c>
      <c r="JL23" s="61">
        <v>17</v>
      </c>
      <c r="JM23" s="61">
        <v>8</v>
      </c>
      <c r="JN23" s="61">
        <v>12</v>
      </c>
      <c r="JO23" s="61">
        <v>7</v>
      </c>
      <c r="JP23" s="62">
        <v>64</v>
      </c>
      <c r="JQ23" s="63">
        <v>86</v>
      </c>
      <c r="JR23" s="60">
        <v>0</v>
      </c>
      <c r="JS23" s="61">
        <v>0</v>
      </c>
      <c r="JT23" s="62">
        <v>0</v>
      </c>
      <c r="JU23" s="228"/>
      <c r="JV23" s="61">
        <v>0</v>
      </c>
      <c r="JW23" s="61">
        <v>0</v>
      </c>
      <c r="JX23" s="61">
        <v>0</v>
      </c>
      <c r="JY23" s="61">
        <v>0</v>
      </c>
      <c r="JZ23" s="61">
        <v>0</v>
      </c>
      <c r="KA23" s="62">
        <v>0</v>
      </c>
      <c r="KB23" s="63">
        <v>0</v>
      </c>
      <c r="KC23" s="60">
        <v>45</v>
      </c>
      <c r="KD23" s="61">
        <v>67</v>
      </c>
      <c r="KE23" s="62">
        <v>112</v>
      </c>
      <c r="KF23" s="228"/>
      <c r="KG23" s="61">
        <v>90</v>
      </c>
      <c r="KH23" s="61">
        <v>67</v>
      </c>
      <c r="KI23" s="61">
        <v>39</v>
      </c>
      <c r="KJ23" s="61">
        <v>41</v>
      </c>
      <c r="KK23" s="61">
        <v>25</v>
      </c>
      <c r="KL23" s="62">
        <v>262</v>
      </c>
      <c r="KM23" s="63">
        <v>374</v>
      </c>
    </row>
    <row r="24" spans="2:299" ht="21" customHeight="1" x14ac:dyDescent="0.2">
      <c r="B24" s="468" t="s">
        <v>21</v>
      </c>
      <c r="C24" s="291">
        <v>29</v>
      </c>
      <c r="D24" s="72">
        <v>34</v>
      </c>
      <c r="E24" s="73">
        <v>63</v>
      </c>
      <c r="F24" s="228"/>
      <c r="G24" s="72">
        <v>49</v>
      </c>
      <c r="H24" s="72">
        <v>32</v>
      </c>
      <c r="I24" s="72">
        <v>23</v>
      </c>
      <c r="J24" s="72">
        <v>22</v>
      </c>
      <c r="K24" s="72">
        <v>14</v>
      </c>
      <c r="L24" s="74">
        <v>140</v>
      </c>
      <c r="M24" s="75">
        <v>203</v>
      </c>
      <c r="N24" s="60">
        <v>0</v>
      </c>
      <c r="O24" s="61">
        <v>2</v>
      </c>
      <c r="P24" s="62">
        <v>2</v>
      </c>
      <c r="Q24" s="228"/>
      <c r="R24" s="61">
        <v>1</v>
      </c>
      <c r="S24" s="61">
        <v>0</v>
      </c>
      <c r="T24" s="61">
        <v>2</v>
      </c>
      <c r="U24" s="61">
        <v>2</v>
      </c>
      <c r="V24" s="61">
        <v>3</v>
      </c>
      <c r="W24" s="62">
        <v>8</v>
      </c>
      <c r="X24" s="63">
        <v>10</v>
      </c>
      <c r="Y24" s="60">
        <v>4</v>
      </c>
      <c r="Z24" s="61">
        <v>4</v>
      </c>
      <c r="AA24" s="62">
        <v>8</v>
      </c>
      <c r="AB24" s="228"/>
      <c r="AC24" s="61">
        <v>6</v>
      </c>
      <c r="AD24" s="61">
        <v>6</v>
      </c>
      <c r="AE24" s="61">
        <v>1</v>
      </c>
      <c r="AF24" s="61">
        <v>3</v>
      </c>
      <c r="AG24" s="61">
        <v>0</v>
      </c>
      <c r="AH24" s="62">
        <v>16</v>
      </c>
      <c r="AI24" s="63">
        <v>24</v>
      </c>
      <c r="AJ24" s="60">
        <v>2</v>
      </c>
      <c r="AK24" s="61">
        <v>6</v>
      </c>
      <c r="AL24" s="62">
        <v>8</v>
      </c>
      <c r="AM24" s="228"/>
      <c r="AN24" s="61">
        <v>7</v>
      </c>
      <c r="AO24" s="61">
        <v>4</v>
      </c>
      <c r="AP24" s="61">
        <v>3</v>
      </c>
      <c r="AQ24" s="61">
        <v>2</v>
      </c>
      <c r="AR24" s="61">
        <v>1</v>
      </c>
      <c r="AS24" s="62">
        <v>17</v>
      </c>
      <c r="AT24" s="63">
        <v>25</v>
      </c>
      <c r="AU24" s="60">
        <v>5</v>
      </c>
      <c r="AV24" s="61">
        <v>8</v>
      </c>
      <c r="AW24" s="62">
        <v>13</v>
      </c>
      <c r="AX24" s="228"/>
      <c r="AY24" s="61">
        <v>12</v>
      </c>
      <c r="AZ24" s="61">
        <v>5</v>
      </c>
      <c r="BA24" s="61">
        <v>5</v>
      </c>
      <c r="BB24" s="61">
        <v>8</v>
      </c>
      <c r="BC24" s="61">
        <v>2</v>
      </c>
      <c r="BD24" s="62">
        <v>32</v>
      </c>
      <c r="BE24" s="63">
        <v>45</v>
      </c>
      <c r="BF24" s="60">
        <v>13</v>
      </c>
      <c r="BG24" s="61">
        <v>7</v>
      </c>
      <c r="BH24" s="62">
        <v>20</v>
      </c>
      <c r="BI24" s="228"/>
      <c r="BJ24" s="61">
        <v>16</v>
      </c>
      <c r="BK24" s="61">
        <v>10</v>
      </c>
      <c r="BL24" s="61">
        <v>4</v>
      </c>
      <c r="BM24" s="61">
        <v>6</v>
      </c>
      <c r="BN24" s="61">
        <v>4</v>
      </c>
      <c r="BO24" s="62">
        <v>40</v>
      </c>
      <c r="BP24" s="63">
        <v>60</v>
      </c>
      <c r="BQ24" s="60">
        <v>5</v>
      </c>
      <c r="BR24" s="61">
        <v>7</v>
      </c>
      <c r="BS24" s="62">
        <v>12</v>
      </c>
      <c r="BT24" s="228"/>
      <c r="BU24" s="61">
        <v>7</v>
      </c>
      <c r="BV24" s="61">
        <v>7</v>
      </c>
      <c r="BW24" s="61">
        <v>8</v>
      </c>
      <c r="BX24" s="61">
        <v>1</v>
      </c>
      <c r="BY24" s="61">
        <v>4</v>
      </c>
      <c r="BZ24" s="62">
        <v>27</v>
      </c>
      <c r="CA24" s="63">
        <v>39</v>
      </c>
      <c r="CB24" s="60">
        <v>0</v>
      </c>
      <c r="CC24" s="61">
        <v>0</v>
      </c>
      <c r="CD24" s="62">
        <v>0</v>
      </c>
      <c r="CE24" s="228"/>
      <c r="CF24" s="61">
        <v>0</v>
      </c>
      <c r="CG24" s="61">
        <v>0</v>
      </c>
      <c r="CH24" s="61">
        <v>0</v>
      </c>
      <c r="CI24" s="61">
        <v>0</v>
      </c>
      <c r="CJ24" s="61">
        <v>0</v>
      </c>
      <c r="CK24" s="62">
        <v>0</v>
      </c>
      <c r="CL24" s="63">
        <v>0</v>
      </c>
      <c r="CM24" s="60">
        <v>29</v>
      </c>
      <c r="CN24" s="61">
        <v>34</v>
      </c>
      <c r="CO24" s="62">
        <v>63</v>
      </c>
      <c r="CP24" s="228"/>
      <c r="CQ24" s="61">
        <v>49</v>
      </c>
      <c r="CR24" s="61">
        <v>32</v>
      </c>
      <c r="CS24" s="61">
        <v>23</v>
      </c>
      <c r="CT24" s="61">
        <v>22</v>
      </c>
      <c r="CU24" s="61">
        <v>14</v>
      </c>
      <c r="CV24" s="62">
        <v>140</v>
      </c>
      <c r="CW24" s="63">
        <v>203</v>
      </c>
      <c r="CX24" s="113">
        <v>12</v>
      </c>
      <c r="CY24" s="72">
        <v>8</v>
      </c>
      <c r="CZ24" s="73">
        <v>20</v>
      </c>
      <c r="DA24" s="228"/>
      <c r="DB24" s="72">
        <v>13</v>
      </c>
      <c r="DC24" s="72">
        <v>13</v>
      </c>
      <c r="DD24" s="72">
        <v>9</v>
      </c>
      <c r="DE24" s="72">
        <v>10</v>
      </c>
      <c r="DF24" s="72">
        <v>4</v>
      </c>
      <c r="DG24" s="74">
        <v>49</v>
      </c>
      <c r="DH24" s="75">
        <v>69</v>
      </c>
      <c r="DI24" s="60">
        <v>0</v>
      </c>
      <c r="DJ24" s="61">
        <v>0</v>
      </c>
      <c r="DK24" s="62">
        <v>0</v>
      </c>
      <c r="DL24" s="228"/>
      <c r="DM24" s="61">
        <v>0</v>
      </c>
      <c r="DN24" s="61">
        <v>0</v>
      </c>
      <c r="DO24" s="61">
        <v>0</v>
      </c>
      <c r="DP24" s="61">
        <v>0</v>
      </c>
      <c r="DQ24" s="61">
        <v>0</v>
      </c>
      <c r="DR24" s="62">
        <v>0</v>
      </c>
      <c r="DS24" s="63">
        <v>0</v>
      </c>
      <c r="DT24" s="60">
        <v>2</v>
      </c>
      <c r="DU24" s="61">
        <v>1</v>
      </c>
      <c r="DV24" s="62">
        <v>3</v>
      </c>
      <c r="DW24" s="228"/>
      <c r="DX24" s="61">
        <v>1</v>
      </c>
      <c r="DY24" s="61">
        <v>2</v>
      </c>
      <c r="DZ24" s="61">
        <v>0</v>
      </c>
      <c r="EA24" s="61">
        <v>0</v>
      </c>
      <c r="EB24" s="61">
        <v>1</v>
      </c>
      <c r="EC24" s="62">
        <v>4</v>
      </c>
      <c r="ED24" s="63">
        <v>7</v>
      </c>
      <c r="EE24" s="60">
        <v>0</v>
      </c>
      <c r="EF24" s="61">
        <v>1</v>
      </c>
      <c r="EG24" s="62">
        <v>1</v>
      </c>
      <c r="EH24" s="228"/>
      <c r="EI24" s="61">
        <v>2</v>
      </c>
      <c r="EJ24" s="61">
        <v>1</v>
      </c>
      <c r="EK24" s="61">
        <v>0</v>
      </c>
      <c r="EL24" s="61">
        <v>0</v>
      </c>
      <c r="EM24" s="61">
        <v>0</v>
      </c>
      <c r="EN24" s="62">
        <v>3</v>
      </c>
      <c r="EO24" s="63">
        <v>4</v>
      </c>
      <c r="EP24" s="60">
        <v>7</v>
      </c>
      <c r="EQ24" s="61">
        <v>3</v>
      </c>
      <c r="ER24" s="62">
        <v>10</v>
      </c>
      <c r="ES24" s="228"/>
      <c r="ET24" s="61">
        <v>1</v>
      </c>
      <c r="EU24" s="61">
        <v>2</v>
      </c>
      <c r="EV24" s="61">
        <v>1</v>
      </c>
      <c r="EW24" s="61">
        <v>3</v>
      </c>
      <c r="EX24" s="61">
        <v>0</v>
      </c>
      <c r="EY24" s="62">
        <v>7</v>
      </c>
      <c r="EZ24" s="63">
        <v>17</v>
      </c>
      <c r="FA24" s="60">
        <v>0</v>
      </c>
      <c r="FB24" s="61">
        <v>3</v>
      </c>
      <c r="FC24" s="62">
        <v>3</v>
      </c>
      <c r="FD24" s="228"/>
      <c r="FE24" s="61">
        <v>2</v>
      </c>
      <c r="FF24" s="61">
        <v>4</v>
      </c>
      <c r="FG24" s="61">
        <v>4</v>
      </c>
      <c r="FH24" s="61">
        <v>2</v>
      </c>
      <c r="FI24" s="61">
        <v>3</v>
      </c>
      <c r="FJ24" s="62">
        <v>15</v>
      </c>
      <c r="FK24" s="63">
        <v>18</v>
      </c>
      <c r="FL24" s="60">
        <v>3</v>
      </c>
      <c r="FM24" s="61">
        <v>0</v>
      </c>
      <c r="FN24" s="62">
        <v>3</v>
      </c>
      <c r="FO24" s="228"/>
      <c r="FP24" s="61">
        <v>7</v>
      </c>
      <c r="FQ24" s="61">
        <v>4</v>
      </c>
      <c r="FR24" s="61">
        <v>4</v>
      </c>
      <c r="FS24" s="61">
        <v>5</v>
      </c>
      <c r="FT24" s="61">
        <v>0</v>
      </c>
      <c r="FU24" s="62">
        <v>20</v>
      </c>
      <c r="FV24" s="63">
        <v>23</v>
      </c>
      <c r="FW24" s="60">
        <v>0</v>
      </c>
      <c r="FX24" s="61">
        <v>0</v>
      </c>
      <c r="FY24" s="62">
        <v>0</v>
      </c>
      <c r="FZ24" s="228"/>
      <c r="GA24" s="61">
        <v>0</v>
      </c>
      <c r="GB24" s="61">
        <v>0</v>
      </c>
      <c r="GC24" s="61">
        <v>0</v>
      </c>
      <c r="GD24" s="61">
        <v>0</v>
      </c>
      <c r="GE24" s="61">
        <v>0</v>
      </c>
      <c r="GF24" s="62">
        <v>0</v>
      </c>
      <c r="GG24" s="63">
        <v>0</v>
      </c>
      <c r="GH24" s="60">
        <v>12</v>
      </c>
      <c r="GI24" s="61">
        <v>8</v>
      </c>
      <c r="GJ24" s="62">
        <v>20</v>
      </c>
      <c r="GK24" s="228"/>
      <c r="GL24" s="61">
        <v>13</v>
      </c>
      <c r="GM24" s="61">
        <v>13</v>
      </c>
      <c r="GN24" s="61">
        <v>9</v>
      </c>
      <c r="GO24" s="61">
        <v>10</v>
      </c>
      <c r="GP24" s="61">
        <v>4</v>
      </c>
      <c r="GQ24" s="62">
        <v>49</v>
      </c>
      <c r="GR24" s="63">
        <v>69</v>
      </c>
      <c r="GS24" s="113">
        <v>41</v>
      </c>
      <c r="GT24" s="72">
        <v>42</v>
      </c>
      <c r="GU24" s="73">
        <v>83</v>
      </c>
      <c r="GV24" s="228"/>
      <c r="GW24" s="72">
        <v>62</v>
      </c>
      <c r="GX24" s="72">
        <v>45</v>
      </c>
      <c r="GY24" s="72">
        <v>32</v>
      </c>
      <c r="GZ24" s="72">
        <v>32</v>
      </c>
      <c r="HA24" s="72">
        <v>18</v>
      </c>
      <c r="HB24" s="74">
        <v>189</v>
      </c>
      <c r="HC24" s="75">
        <v>272</v>
      </c>
      <c r="HD24" s="60">
        <v>0</v>
      </c>
      <c r="HE24" s="61">
        <v>2</v>
      </c>
      <c r="HF24" s="62">
        <v>2</v>
      </c>
      <c r="HG24" s="228"/>
      <c r="HH24" s="61">
        <v>1</v>
      </c>
      <c r="HI24" s="61">
        <v>0</v>
      </c>
      <c r="HJ24" s="61">
        <v>2</v>
      </c>
      <c r="HK24" s="61">
        <v>2</v>
      </c>
      <c r="HL24" s="61">
        <v>3</v>
      </c>
      <c r="HM24" s="62">
        <v>8</v>
      </c>
      <c r="HN24" s="63">
        <v>10</v>
      </c>
      <c r="HO24" s="60">
        <v>6</v>
      </c>
      <c r="HP24" s="61">
        <v>5</v>
      </c>
      <c r="HQ24" s="62">
        <v>11</v>
      </c>
      <c r="HR24" s="228"/>
      <c r="HS24" s="61">
        <v>7</v>
      </c>
      <c r="HT24" s="61">
        <v>8</v>
      </c>
      <c r="HU24" s="61">
        <v>1</v>
      </c>
      <c r="HV24" s="61">
        <v>3</v>
      </c>
      <c r="HW24" s="61">
        <v>1</v>
      </c>
      <c r="HX24" s="62">
        <v>20</v>
      </c>
      <c r="HY24" s="63">
        <v>31</v>
      </c>
      <c r="HZ24" s="60">
        <v>2</v>
      </c>
      <c r="IA24" s="61">
        <v>7</v>
      </c>
      <c r="IB24" s="62">
        <v>9</v>
      </c>
      <c r="IC24" s="228"/>
      <c r="ID24" s="61">
        <v>9</v>
      </c>
      <c r="IE24" s="61">
        <v>5</v>
      </c>
      <c r="IF24" s="61">
        <v>3</v>
      </c>
      <c r="IG24" s="61">
        <v>2</v>
      </c>
      <c r="IH24" s="61">
        <v>1</v>
      </c>
      <c r="II24" s="62">
        <v>20</v>
      </c>
      <c r="IJ24" s="63">
        <v>29</v>
      </c>
      <c r="IK24" s="60">
        <v>12</v>
      </c>
      <c r="IL24" s="61">
        <v>11</v>
      </c>
      <c r="IM24" s="62">
        <v>23</v>
      </c>
      <c r="IN24" s="228"/>
      <c r="IO24" s="61">
        <v>13</v>
      </c>
      <c r="IP24" s="61">
        <v>7</v>
      </c>
      <c r="IQ24" s="61">
        <v>6</v>
      </c>
      <c r="IR24" s="61">
        <v>11</v>
      </c>
      <c r="IS24" s="61">
        <v>2</v>
      </c>
      <c r="IT24" s="62">
        <v>39</v>
      </c>
      <c r="IU24" s="63">
        <v>62</v>
      </c>
      <c r="IV24" s="60">
        <v>13</v>
      </c>
      <c r="IW24" s="61">
        <v>10</v>
      </c>
      <c r="IX24" s="62">
        <v>23</v>
      </c>
      <c r="IY24" s="228"/>
      <c r="IZ24" s="61">
        <v>18</v>
      </c>
      <c r="JA24" s="61">
        <v>14</v>
      </c>
      <c r="JB24" s="61">
        <v>8</v>
      </c>
      <c r="JC24" s="61">
        <v>8</v>
      </c>
      <c r="JD24" s="61">
        <v>7</v>
      </c>
      <c r="JE24" s="62">
        <v>55</v>
      </c>
      <c r="JF24" s="63">
        <v>78</v>
      </c>
      <c r="JG24" s="60">
        <v>8</v>
      </c>
      <c r="JH24" s="61">
        <v>7</v>
      </c>
      <c r="JI24" s="62">
        <v>15</v>
      </c>
      <c r="JJ24" s="228"/>
      <c r="JK24" s="61">
        <v>14</v>
      </c>
      <c r="JL24" s="61">
        <v>11</v>
      </c>
      <c r="JM24" s="61">
        <v>12</v>
      </c>
      <c r="JN24" s="61">
        <v>6</v>
      </c>
      <c r="JO24" s="61">
        <v>4</v>
      </c>
      <c r="JP24" s="62">
        <v>47</v>
      </c>
      <c r="JQ24" s="63">
        <v>62</v>
      </c>
      <c r="JR24" s="60">
        <v>0</v>
      </c>
      <c r="JS24" s="61">
        <v>0</v>
      </c>
      <c r="JT24" s="62">
        <v>0</v>
      </c>
      <c r="JU24" s="228"/>
      <c r="JV24" s="61">
        <v>0</v>
      </c>
      <c r="JW24" s="61">
        <v>0</v>
      </c>
      <c r="JX24" s="61">
        <v>0</v>
      </c>
      <c r="JY24" s="61">
        <v>0</v>
      </c>
      <c r="JZ24" s="61">
        <v>0</v>
      </c>
      <c r="KA24" s="62">
        <v>0</v>
      </c>
      <c r="KB24" s="63">
        <v>0</v>
      </c>
      <c r="KC24" s="60">
        <v>41</v>
      </c>
      <c r="KD24" s="61">
        <v>42</v>
      </c>
      <c r="KE24" s="62">
        <v>83</v>
      </c>
      <c r="KF24" s="228"/>
      <c r="KG24" s="61">
        <v>62</v>
      </c>
      <c r="KH24" s="61">
        <v>45</v>
      </c>
      <c r="KI24" s="61">
        <v>32</v>
      </c>
      <c r="KJ24" s="61">
        <v>32</v>
      </c>
      <c r="KK24" s="61">
        <v>18</v>
      </c>
      <c r="KL24" s="62">
        <v>189</v>
      </c>
      <c r="KM24" s="63">
        <v>272</v>
      </c>
    </row>
    <row r="25" spans="2:299" ht="21" customHeight="1" x14ac:dyDescent="0.2">
      <c r="B25" s="468" t="s">
        <v>22</v>
      </c>
      <c r="C25" s="291">
        <v>12</v>
      </c>
      <c r="D25" s="72">
        <v>8</v>
      </c>
      <c r="E25" s="73">
        <v>20</v>
      </c>
      <c r="F25" s="228"/>
      <c r="G25" s="72">
        <v>22</v>
      </c>
      <c r="H25" s="72">
        <v>24</v>
      </c>
      <c r="I25" s="72">
        <v>10</v>
      </c>
      <c r="J25" s="72">
        <v>10</v>
      </c>
      <c r="K25" s="72">
        <v>7</v>
      </c>
      <c r="L25" s="74">
        <v>73</v>
      </c>
      <c r="M25" s="75">
        <v>93</v>
      </c>
      <c r="N25" s="60">
        <v>0</v>
      </c>
      <c r="O25" s="61">
        <v>0</v>
      </c>
      <c r="P25" s="62">
        <v>0</v>
      </c>
      <c r="Q25" s="228"/>
      <c r="R25" s="61">
        <v>0</v>
      </c>
      <c r="S25" s="61">
        <v>0</v>
      </c>
      <c r="T25" s="61">
        <v>0</v>
      </c>
      <c r="U25" s="61">
        <v>1</v>
      </c>
      <c r="V25" s="61">
        <v>0</v>
      </c>
      <c r="W25" s="62">
        <v>1</v>
      </c>
      <c r="X25" s="63">
        <v>1</v>
      </c>
      <c r="Y25" s="60">
        <v>2</v>
      </c>
      <c r="Z25" s="61">
        <v>1</v>
      </c>
      <c r="AA25" s="62">
        <v>3</v>
      </c>
      <c r="AB25" s="228"/>
      <c r="AC25" s="61">
        <v>3</v>
      </c>
      <c r="AD25" s="61">
        <v>1</v>
      </c>
      <c r="AE25" s="61">
        <v>0</v>
      </c>
      <c r="AF25" s="61">
        <v>0</v>
      </c>
      <c r="AG25" s="61">
        <v>2</v>
      </c>
      <c r="AH25" s="62">
        <v>6</v>
      </c>
      <c r="AI25" s="63">
        <v>9</v>
      </c>
      <c r="AJ25" s="60">
        <v>0</v>
      </c>
      <c r="AK25" s="61">
        <v>0</v>
      </c>
      <c r="AL25" s="62">
        <v>0</v>
      </c>
      <c r="AM25" s="228"/>
      <c r="AN25" s="61">
        <v>3</v>
      </c>
      <c r="AO25" s="61">
        <v>1</v>
      </c>
      <c r="AP25" s="61">
        <v>1</v>
      </c>
      <c r="AQ25" s="61">
        <v>1</v>
      </c>
      <c r="AR25" s="61">
        <v>1</v>
      </c>
      <c r="AS25" s="62">
        <v>7</v>
      </c>
      <c r="AT25" s="63">
        <v>7</v>
      </c>
      <c r="AU25" s="60">
        <v>8</v>
      </c>
      <c r="AV25" s="61">
        <v>4</v>
      </c>
      <c r="AW25" s="62">
        <v>12</v>
      </c>
      <c r="AX25" s="228"/>
      <c r="AY25" s="61">
        <v>5</v>
      </c>
      <c r="AZ25" s="61">
        <v>8</v>
      </c>
      <c r="BA25" s="61">
        <v>2</v>
      </c>
      <c r="BB25" s="61">
        <v>3</v>
      </c>
      <c r="BC25" s="61">
        <v>2</v>
      </c>
      <c r="BD25" s="62">
        <v>20</v>
      </c>
      <c r="BE25" s="63">
        <v>32</v>
      </c>
      <c r="BF25" s="60">
        <v>1</v>
      </c>
      <c r="BG25" s="61">
        <v>1</v>
      </c>
      <c r="BH25" s="62">
        <v>2</v>
      </c>
      <c r="BI25" s="228"/>
      <c r="BJ25" s="61">
        <v>4</v>
      </c>
      <c r="BK25" s="61">
        <v>6</v>
      </c>
      <c r="BL25" s="61">
        <v>3</v>
      </c>
      <c r="BM25" s="61">
        <v>1</v>
      </c>
      <c r="BN25" s="61">
        <v>1</v>
      </c>
      <c r="BO25" s="62">
        <v>15</v>
      </c>
      <c r="BP25" s="63">
        <v>17</v>
      </c>
      <c r="BQ25" s="60">
        <v>1</v>
      </c>
      <c r="BR25" s="61">
        <v>2</v>
      </c>
      <c r="BS25" s="62">
        <v>3</v>
      </c>
      <c r="BT25" s="228"/>
      <c r="BU25" s="61">
        <v>7</v>
      </c>
      <c r="BV25" s="61">
        <v>8</v>
      </c>
      <c r="BW25" s="61">
        <v>4</v>
      </c>
      <c r="BX25" s="61">
        <v>4</v>
      </c>
      <c r="BY25" s="61">
        <v>1</v>
      </c>
      <c r="BZ25" s="62">
        <v>24</v>
      </c>
      <c r="CA25" s="63">
        <v>27</v>
      </c>
      <c r="CB25" s="60">
        <v>0</v>
      </c>
      <c r="CC25" s="61">
        <v>0</v>
      </c>
      <c r="CD25" s="62">
        <v>0</v>
      </c>
      <c r="CE25" s="228"/>
      <c r="CF25" s="61">
        <v>0</v>
      </c>
      <c r="CG25" s="61">
        <v>0</v>
      </c>
      <c r="CH25" s="61">
        <v>0</v>
      </c>
      <c r="CI25" s="61">
        <v>0</v>
      </c>
      <c r="CJ25" s="61">
        <v>0</v>
      </c>
      <c r="CK25" s="62">
        <v>0</v>
      </c>
      <c r="CL25" s="63">
        <v>0</v>
      </c>
      <c r="CM25" s="60">
        <v>12</v>
      </c>
      <c r="CN25" s="61">
        <v>8</v>
      </c>
      <c r="CO25" s="62">
        <v>20</v>
      </c>
      <c r="CP25" s="228"/>
      <c r="CQ25" s="61">
        <v>22</v>
      </c>
      <c r="CR25" s="61">
        <v>24</v>
      </c>
      <c r="CS25" s="61">
        <v>10</v>
      </c>
      <c r="CT25" s="61">
        <v>10</v>
      </c>
      <c r="CU25" s="61">
        <v>7</v>
      </c>
      <c r="CV25" s="62">
        <v>73</v>
      </c>
      <c r="CW25" s="63">
        <v>93</v>
      </c>
      <c r="CX25" s="113">
        <v>1</v>
      </c>
      <c r="CY25" s="72">
        <v>5</v>
      </c>
      <c r="CZ25" s="73">
        <v>6</v>
      </c>
      <c r="DA25" s="228"/>
      <c r="DB25" s="72">
        <v>6</v>
      </c>
      <c r="DC25" s="72">
        <v>4</v>
      </c>
      <c r="DD25" s="72">
        <v>3</v>
      </c>
      <c r="DE25" s="72">
        <v>4</v>
      </c>
      <c r="DF25" s="72">
        <v>3</v>
      </c>
      <c r="DG25" s="74">
        <v>20</v>
      </c>
      <c r="DH25" s="75">
        <v>26</v>
      </c>
      <c r="DI25" s="60">
        <v>0</v>
      </c>
      <c r="DJ25" s="61">
        <v>0</v>
      </c>
      <c r="DK25" s="62">
        <v>0</v>
      </c>
      <c r="DL25" s="228"/>
      <c r="DM25" s="61">
        <v>0</v>
      </c>
      <c r="DN25" s="61">
        <v>0</v>
      </c>
      <c r="DO25" s="61">
        <v>0</v>
      </c>
      <c r="DP25" s="61">
        <v>0</v>
      </c>
      <c r="DQ25" s="61">
        <v>0</v>
      </c>
      <c r="DR25" s="62">
        <v>0</v>
      </c>
      <c r="DS25" s="63">
        <v>0</v>
      </c>
      <c r="DT25" s="60">
        <v>0</v>
      </c>
      <c r="DU25" s="61">
        <v>0</v>
      </c>
      <c r="DV25" s="62">
        <v>0</v>
      </c>
      <c r="DW25" s="228"/>
      <c r="DX25" s="61">
        <v>0</v>
      </c>
      <c r="DY25" s="61">
        <v>0</v>
      </c>
      <c r="DZ25" s="61">
        <v>0</v>
      </c>
      <c r="EA25" s="61">
        <v>0</v>
      </c>
      <c r="EB25" s="61">
        <v>0</v>
      </c>
      <c r="EC25" s="62">
        <v>0</v>
      </c>
      <c r="ED25" s="63">
        <v>0</v>
      </c>
      <c r="EE25" s="60">
        <v>1</v>
      </c>
      <c r="EF25" s="61">
        <v>2</v>
      </c>
      <c r="EG25" s="62">
        <v>3</v>
      </c>
      <c r="EH25" s="228"/>
      <c r="EI25" s="61">
        <v>0</v>
      </c>
      <c r="EJ25" s="61">
        <v>1</v>
      </c>
      <c r="EK25" s="61">
        <v>0</v>
      </c>
      <c r="EL25" s="61">
        <v>0</v>
      </c>
      <c r="EM25" s="61">
        <v>0</v>
      </c>
      <c r="EN25" s="62">
        <v>1</v>
      </c>
      <c r="EO25" s="63">
        <v>4</v>
      </c>
      <c r="EP25" s="60">
        <v>0</v>
      </c>
      <c r="EQ25" s="61">
        <v>1</v>
      </c>
      <c r="ER25" s="62">
        <v>1</v>
      </c>
      <c r="ES25" s="228"/>
      <c r="ET25" s="61">
        <v>2</v>
      </c>
      <c r="EU25" s="61">
        <v>0</v>
      </c>
      <c r="EV25" s="61">
        <v>1</v>
      </c>
      <c r="EW25" s="61">
        <v>1</v>
      </c>
      <c r="EX25" s="61">
        <v>0</v>
      </c>
      <c r="EY25" s="62">
        <v>4</v>
      </c>
      <c r="EZ25" s="63">
        <v>5</v>
      </c>
      <c r="FA25" s="60">
        <v>0</v>
      </c>
      <c r="FB25" s="61">
        <v>0</v>
      </c>
      <c r="FC25" s="62">
        <v>0</v>
      </c>
      <c r="FD25" s="228"/>
      <c r="FE25" s="61">
        <v>1</v>
      </c>
      <c r="FF25" s="61">
        <v>1</v>
      </c>
      <c r="FG25" s="61">
        <v>1</v>
      </c>
      <c r="FH25" s="61">
        <v>2</v>
      </c>
      <c r="FI25" s="61">
        <v>0</v>
      </c>
      <c r="FJ25" s="62">
        <v>5</v>
      </c>
      <c r="FK25" s="63">
        <v>5</v>
      </c>
      <c r="FL25" s="60">
        <v>0</v>
      </c>
      <c r="FM25" s="61">
        <v>2</v>
      </c>
      <c r="FN25" s="62">
        <v>2</v>
      </c>
      <c r="FO25" s="228"/>
      <c r="FP25" s="61">
        <v>3</v>
      </c>
      <c r="FQ25" s="61">
        <v>2</v>
      </c>
      <c r="FR25" s="61">
        <v>1</v>
      </c>
      <c r="FS25" s="61">
        <v>1</v>
      </c>
      <c r="FT25" s="61">
        <v>3</v>
      </c>
      <c r="FU25" s="62">
        <v>10</v>
      </c>
      <c r="FV25" s="63">
        <v>12</v>
      </c>
      <c r="FW25" s="60">
        <v>0</v>
      </c>
      <c r="FX25" s="61">
        <v>0</v>
      </c>
      <c r="FY25" s="62">
        <v>0</v>
      </c>
      <c r="FZ25" s="228"/>
      <c r="GA25" s="61">
        <v>0</v>
      </c>
      <c r="GB25" s="61">
        <v>0</v>
      </c>
      <c r="GC25" s="61">
        <v>0</v>
      </c>
      <c r="GD25" s="61">
        <v>0</v>
      </c>
      <c r="GE25" s="61">
        <v>0</v>
      </c>
      <c r="GF25" s="62">
        <v>0</v>
      </c>
      <c r="GG25" s="63">
        <v>0</v>
      </c>
      <c r="GH25" s="60">
        <v>1</v>
      </c>
      <c r="GI25" s="61">
        <v>5</v>
      </c>
      <c r="GJ25" s="62">
        <v>6</v>
      </c>
      <c r="GK25" s="228"/>
      <c r="GL25" s="61">
        <v>6</v>
      </c>
      <c r="GM25" s="61">
        <v>4</v>
      </c>
      <c r="GN25" s="61">
        <v>3</v>
      </c>
      <c r="GO25" s="61">
        <v>4</v>
      </c>
      <c r="GP25" s="61">
        <v>3</v>
      </c>
      <c r="GQ25" s="62">
        <v>20</v>
      </c>
      <c r="GR25" s="63">
        <v>26</v>
      </c>
      <c r="GS25" s="113">
        <v>13</v>
      </c>
      <c r="GT25" s="72">
        <v>13</v>
      </c>
      <c r="GU25" s="73">
        <v>26</v>
      </c>
      <c r="GV25" s="228"/>
      <c r="GW25" s="72">
        <v>28</v>
      </c>
      <c r="GX25" s="72">
        <v>28</v>
      </c>
      <c r="GY25" s="72">
        <v>13</v>
      </c>
      <c r="GZ25" s="72">
        <v>14</v>
      </c>
      <c r="HA25" s="72">
        <v>10</v>
      </c>
      <c r="HB25" s="74">
        <v>93</v>
      </c>
      <c r="HC25" s="75">
        <v>119</v>
      </c>
      <c r="HD25" s="60">
        <v>0</v>
      </c>
      <c r="HE25" s="61">
        <v>0</v>
      </c>
      <c r="HF25" s="62">
        <v>0</v>
      </c>
      <c r="HG25" s="228"/>
      <c r="HH25" s="61">
        <v>0</v>
      </c>
      <c r="HI25" s="61">
        <v>0</v>
      </c>
      <c r="HJ25" s="61">
        <v>0</v>
      </c>
      <c r="HK25" s="61">
        <v>1</v>
      </c>
      <c r="HL25" s="61">
        <v>0</v>
      </c>
      <c r="HM25" s="62">
        <v>1</v>
      </c>
      <c r="HN25" s="63">
        <v>1</v>
      </c>
      <c r="HO25" s="60">
        <v>2</v>
      </c>
      <c r="HP25" s="61">
        <v>1</v>
      </c>
      <c r="HQ25" s="62">
        <v>3</v>
      </c>
      <c r="HR25" s="228"/>
      <c r="HS25" s="61">
        <v>3</v>
      </c>
      <c r="HT25" s="61">
        <v>1</v>
      </c>
      <c r="HU25" s="61">
        <v>0</v>
      </c>
      <c r="HV25" s="61">
        <v>0</v>
      </c>
      <c r="HW25" s="61">
        <v>2</v>
      </c>
      <c r="HX25" s="62">
        <v>6</v>
      </c>
      <c r="HY25" s="63">
        <v>9</v>
      </c>
      <c r="HZ25" s="60">
        <v>1</v>
      </c>
      <c r="IA25" s="61">
        <v>2</v>
      </c>
      <c r="IB25" s="62">
        <v>3</v>
      </c>
      <c r="IC25" s="228"/>
      <c r="ID25" s="61">
        <v>3</v>
      </c>
      <c r="IE25" s="61">
        <v>2</v>
      </c>
      <c r="IF25" s="61">
        <v>1</v>
      </c>
      <c r="IG25" s="61">
        <v>1</v>
      </c>
      <c r="IH25" s="61">
        <v>1</v>
      </c>
      <c r="II25" s="62">
        <v>8</v>
      </c>
      <c r="IJ25" s="63">
        <v>11</v>
      </c>
      <c r="IK25" s="60">
        <v>8</v>
      </c>
      <c r="IL25" s="61">
        <v>5</v>
      </c>
      <c r="IM25" s="62">
        <v>13</v>
      </c>
      <c r="IN25" s="228"/>
      <c r="IO25" s="61">
        <v>7</v>
      </c>
      <c r="IP25" s="61">
        <v>8</v>
      </c>
      <c r="IQ25" s="61">
        <v>3</v>
      </c>
      <c r="IR25" s="61">
        <v>4</v>
      </c>
      <c r="IS25" s="61">
        <v>2</v>
      </c>
      <c r="IT25" s="62">
        <v>24</v>
      </c>
      <c r="IU25" s="63">
        <v>37</v>
      </c>
      <c r="IV25" s="60">
        <v>1</v>
      </c>
      <c r="IW25" s="61">
        <v>1</v>
      </c>
      <c r="IX25" s="62">
        <v>2</v>
      </c>
      <c r="IY25" s="228"/>
      <c r="IZ25" s="61">
        <v>5</v>
      </c>
      <c r="JA25" s="61">
        <v>7</v>
      </c>
      <c r="JB25" s="61">
        <v>4</v>
      </c>
      <c r="JC25" s="61">
        <v>3</v>
      </c>
      <c r="JD25" s="61">
        <v>1</v>
      </c>
      <c r="JE25" s="62">
        <v>20</v>
      </c>
      <c r="JF25" s="63">
        <v>22</v>
      </c>
      <c r="JG25" s="60">
        <v>1</v>
      </c>
      <c r="JH25" s="61">
        <v>4</v>
      </c>
      <c r="JI25" s="62">
        <v>5</v>
      </c>
      <c r="JJ25" s="228"/>
      <c r="JK25" s="61">
        <v>10</v>
      </c>
      <c r="JL25" s="61">
        <v>10</v>
      </c>
      <c r="JM25" s="61">
        <v>5</v>
      </c>
      <c r="JN25" s="61">
        <v>5</v>
      </c>
      <c r="JO25" s="61">
        <v>4</v>
      </c>
      <c r="JP25" s="62">
        <v>34</v>
      </c>
      <c r="JQ25" s="63">
        <v>39</v>
      </c>
      <c r="JR25" s="60">
        <v>0</v>
      </c>
      <c r="JS25" s="61">
        <v>0</v>
      </c>
      <c r="JT25" s="62">
        <v>0</v>
      </c>
      <c r="JU25" s="228"/>
      <c r="JV25" s="61">
        <v>0</v>
      </c>
      <c r="JW25" s="61">
        <v>0</v>
      </c>
      <c r="JX25" s="61">
        <v>0</v>
      </c>
      <c r="JY25" s="61">
        <v>0</v>
      </c>
      <c r="JZ25" s="61">
        <v>0</v>
      </c>
      <c r="KA25" s="62">
        <v>0</v>
      </c>
      <c r="KB25" s="63">
        <v>0</v>
      </c>
      <c r="KC25" s="60">
        <v>13</v>
      </c>
      <c r="KD25" s="61">
        <v>13</v>
      </c>
      <c r="KE25" s="62">
        <v>26</v>
      </c>
      <c r="KF25" s="228"/>
      <c r="KG25" s="61">
        <v>28</v>
      </c>
      <c r="KH25" s="61">
        <v>28</v>
      </c>
      <c r="KI25" s="61">
        <v>13</v>
      </c>
      <c r="KJ25" s="61">
        <v>14</v>
      </c>
      <c r="KK25" s="61">
        <v>10</v>
      </c>
      <c r="KL25" s="62">
        <v>93</v>
      </c>
      <c r="KM25" s="63">
        <v>119</v>
      </c>
    </row>
    <row r="26" spans="2:299" ht="21" customHeight="1" x14ac:dyDescent="0.2">
      <c r="B26" s="468" t="s">
        <v>23</v>
      </c>
      <c r="C26" s="291">
        <v>14</v>
      </c>
      <c r="D26" s="72">
        <v>15</v>
      </c>
      <c r="E26" s="73">
        <v>29</v>
      </c>
      <c r="F26" s="228"/>
      <c r="G26" s="72">
        <v>25</v>
      </c>
      <c r="H26" s="72">
        <v>24</v>
      </c>
      <c r="I26" s="72">
        <v>22</v>
      </c>
      <c r="J26" s="72">
        <v>14</v>
      </c>
      <c r="K26" s="72">
        <v>9</v>
      </c>
      <c r="L26" s="74">
        <v>94</v>
      </c>
      <c r="M26" s="75">
        <v>123</v>
      </c>
      <c r="N26" s="60">
        <v>0</v>
      </c>
      <c r="O26" s="61">
        <v>1</v>
      </c>
      <c r="P26" s="62">
        <v>1</v>
      </c>
      <c r="Q26" s="228"/>
      <c r="R26" s="61">
        <v>1</v>
      </c>
      <c r="S26" s="61">
        <v>1</v>
      </c>
      <c r="T26" s="61">
        <v>0</v>
      </c>
      <c r="U26" s="61">
        <v>0</v>
      </c>
      <c r="V26" s="61">
        <v>0</v>
      </c>
      <c r="W26" s="62">
        <v>2</v>
      </c>
      <c r="X26" s="63">
        <v>3</v>
      </c>
      <c r="Y26" s="60">
        <v>2</v>
      </c>
      <c r="Z26" s="61">
        <v>0</v>
      </c>
      <c r="AA26" s="62">
        <v>2</v>
      </c>
      <c r="AB26" s="228"/>
      <c r="AC26" s="61">
        <v>0</v>
      </c>
      <c r="AD26" s="61">
        <v>3</v>
      </c>
      <c r="AE26" s="61">
        <v>2</v>
      </c>
      <c r="AF26" s="61">
        <v>1</v>
      </c>
      <c r="AG26" s="61">
        <v>2</v>
      </c>
      <c r="AH26" s="62">
        <v>8</v>
      </c>
      <c r="AI26" s="63">
        <v>10</v>
      </c>
      <c r="AJ26" s="60">
        <v>3</v>
      </c>
      <c r="AK26" s="61">
        <v>2</v>
      </c>
      <c r="AL26" s="62">
        <v>5</v>
      </c>
      <c r="AM26" s="228"/>
      <c r="AN26" s="61">
        <v>3</v>
      </c>
      <c r="AO26" s="61">
        <v>1</v>
      </c>
      <c r="AP26" s="61">
        <v>3</v>
      </c>
      <c r="AQ26" s="61">
        <v>0</v>
      </c>
      <c r="AR26" s="61">
        <v>3</v>
      </c>
      <c r="AS26" s="62">
        <v>10</v>
      </c>
      <c r="AT26" s="63">
        <v>15</v>
      </c>
      <c r="AU26" s="60">
        <v>2</v>
      </c>
      <c r="AV26" s="61">
        <v>6</v>
      </c>
      <c r="AW26" s="62">
        <v>8</v>
      </c>
      <c r="AX26" s="228"/>
      <c r="AY26" s="61">
        <v>7</v>
      </c>
      <c r="AZ26" s="61">
        <v>2</v>
      </c>
      <c r="BA26" s="61">
        <v>6</v>
      </c>
      <c r="BB26" s="61">
        <v>6</v>
      </c>
      <c r="BC26" s="61">
        <v>1</v>
      </c>
      <c r="BD26" s="62">
        <v>22</v>
      </c>
      <c r="BE26" s="63">
        <v>30</v>
      </c>
      <c r="BF26" s="60">
        <v>5</v>
      </c>
      <c r="BG26" s="61">
        <v>4</v>
      </c>
      <c r="BH26" s="62">
        <v>9</v>
      </c>
      <c r="BI26" s="228"/>
      <c r="BJ26" s="61">
        <v>8</v>
      </c>
      <c r="BK26" s="61">
        <v>7</v>
      </c>
      <c r="BL26" s="61">
        <v>9</v>
      </c>
      <c r="BM26" s="61">
        <v>3</v>
      </c>
      <c r="BN26" s="61">
        <v>2</v>
      </c>
      <c r="BO26" s="62">
        <v>29</v>
      </c>
      <c r="BP26" s="63">
        <v>38</v>
      </c>
      <c r="BQ26" s="60">
        <v>2</v>
      </c>
      <c r="BR26" s="61">
        <v>2</v>
      </c>
      <c r="BS26" s="62">
        <v>4</v>
      </c>
      <c r="BT26" s="228"/>
      <c r="BU26" s="61">
        <v>6</v>
      </c>
      <c r="BV26" s="61">
        <v>10</v>
      </c>
      <c r="BW26" s="61">
        <v>2</v>
      </c>
      <c r="BX26" s="61">
        <v>4</v>
      </c>
      <c r="BY26" s="61">
        <v>1</v>
      </c>
      <c r="BZ26" s="62">
        <v>23</v>
      </c>
      <c r="CA26" s="63">
        <v>27</v>
      </c>
      <c r="CB26" s="60">
        <v>0</v>
      </c>
      <c r="CC26" s="61">
        <v>0</v>
      </c>
      <c r="CD26" s="62">
        <v>0</v>
      </c>
      <c r="CE26" s="228"/>
      <c r="CF26" s="61">
        <v>0</v>
      </c>
      <c r="CG26" s="61">
        <v>0</v>
      </c>
      <c r="CH26" s="61">
        <v>0</v>
      </c>
      <c r="CI26" s="61">
        <v>0</v>
      </c>
      <c r="CJ26" s="61">
        <v>0</v>
      </c>
      <c r="CK26" s="62">
        <v>0</v>
      </c>
      <c r="CL26" s="63">
        <v>0</v>
      </c>
      <c r="CM26" s="60">
        <v>14</v>
      </c>
      <c r="CN26" s="61">
        <v>15</v>
      </c>
      <c r="CO26" s="62">
        <v>29</v>
      </c>
      <c r="CP26" s="228"/>
      <c r="CQ26" s="61">
        <v>25</v>
      </c>
      <c r="CR26" s="61">
        <v>24</v>
      </c>
      <c r="CS26" s="61">
        <v>22</v>
      </c>
      <c r="CT26" s="61">
        <v>14</v>
      </c>
      <c r="CU26" s="61">
        <v>9</v>
      </c>
      <c r="CV26" s="62">
        <v>94</v>
      </c>
      <c r="CW26" s="63">
        <v>123</v>
      </c>
      <c r="CX26" s="113">
        <v>10</v>
      </c>
      <c r="CY26" s="72">
        <v>7</v>
      </c>
      <c r="CZ26" s="73">
        <v>17</v>
      </c>
      <c r="DA26" s="228"/>
      <c r="DB26" s="72">
        <v>10</v>
      </c>
      <c r="DC26" s="72">
        <v>10</v>
      </c>
      <c r="DD26" s="72">
        <v>5</v>
      </c>
      <c r="DE26" s="72">
        <v>7</v>
      </c>
      <c r="DF26" s="72">
        <v>5</v>
      </c>
      <c r="DG26" s="74">
        <v>37</v>
      </c>
      <c r="DH26" s="75">
        <v>54</v>
      </c>
      <c r="DI26" s="60">
        <v>0</v>
      </c>
      <c r="DJ26" s="61">
        <v>0</v>
      </c>
      <c r="DK26" s="62">
        <v>0</v>
      </c>
      <c r="DL26" s="228"/>
      <c r="DM26" s="61">
        <v>1</v>
      </c>
      <c r="DN26" s="61">
        <v>0</v>
      </c>
      <c r="DO26" s="61">
        <v>0</v>
      </c>
      <c r="DP26" s="61">
        <v>0</v>
      </c>
      <c r="DQ26" s="61">
        <v>0</v>
      </c>
      <c r="DR26" s="62">
        <v>1</v>
      </c>
      <c r="DS26" s="63">
        <v>1</v>
      </c>
      <c r="DT26" s="60">
        <v>1</v>
      </c>
      <c r="DU26" s="61">
        <v>0</v>
      </c>
      <c r="DV26" s="62">
        <v>1</v>
      </c>
      <c r="DW26" s="228"/>
      <c r="DX26" s="61">
        <v>1</v>
      </c>
      <c r="DY26" s="61">
        <v>0</v>
      </c>
      <c r="DZ26" s="61">
        <v>0</v>
      </c>
      <c r="EA26" s="61">
        <v>0</v>
      </c>
      <c r="EB26" s="61">
        <v>0</v>
      </c>
      <c r="EC26" s="62">
        <v>1</v>
      </c>
      <c r="ED26" s="63">
        <v>2</v>
      </c>
      <c r="EE26" s="60">
        <v>1</v>
      </c>
      <c r="EF26" s="61">
        <v>2</v>
      </c>
      <c r="EG26" s="62">
        <v>3</v>
      </c>
      <c r="EH26" s="228"/>
      <c r="EI26" s="61">
        <v>1</v>
      </c>
      <c r="EJ26" s="61">
        <v>0</v>
      </c>
      <c r="EK26" s="61">
        <v>0</v>
      </c>
      <c r="EL26" s="61">
        <v>0</v>
      </c>
      <c r="EM26" s="61">
        <v>1</v>
      </c>
      <c r="EN26" s="62">
        <v>2</v>
      </c>
      <c r="EO26" s="63">
        <v>5</v>
      </c>
      <c r="EP26" s="60">
        <v>5</v>
      </c>
      <c r="EQ26" s="61">
        <v>3</v>
      </c>
      <c r="ER26" s="62">
        <v>8</v>
      </c>
      <c r="ES26" s="228"/>
      <c r="ET26" s="61">
        <v>1</v>
      </c>
      <c r="EU26" s="61">
        <v>2</v>
      </c>
      <c r="EV26" s="61">
        <v>3</v>
      </c>
      <c r="EW26" s="61">
        <v>0</v>
      </c>
      <c r="EX26" s="61">
        <v>1</v>
      </c>
      <c r="EY26" s="62">
        <v>7</v>
      </c>
      <c r="EZ26" s="63">
        <v>15</v>
      </c>
      <c r="FA26" s="60">
        <v>2</v>
      </c>
      <c r="FB26" s="61">
        <v>1</v>
      </c>
      <c r="FC26" s="62">
        <v>3</v>
      </c>
      <c r="FD26" s="228"/>
      <c r="FE26" s="61">
        <v>1</v>
      </c>
      <c r="FF26" s="61">
        <v>3</v>
      </c>
      <c r="FG26" s="61">
        <v>1</v>
      </c>
      <c r="FH26" s="61">
        <v>3</v>
      </c>
      <c r="FI26" s="61">
        <v>0</v>
      </c>
      <c r="FJ26" s="62">
        <v>8</v>
      </c>
      <c r="FK26" s="63">
        <v>11</v>
      </c>
      <c r="FL26" s="60">
        <v>1</v>
      </c>
      <c r="FM26" s="61">
        <v>1</v>
      </c>
      <c r="FN26" s="62">
        <v>2</v>
      </c>
      <c r="FO26" s="228"/>
      <c r="FP26" s="61">
        <v>5</v>
      </c>
      <c r="FQ26" s="61">
        <v>5</v>
      </c>
      <c r="FR26" s="61">
        <v>1</v>
      </c>
      <c r="FS26" s="61">
        <v>4</v>
      </c>
      <c r="FT26" s="61">
        <v>3</v>
      </c>
      <c r="FU26" s="62">
        <v>18</v>
      </c>
      <c r="FV26" s="63">
        <v>20</v>
      </c>
      <c r="FW26" s="60">
        <v>0</v>
      </c>
      <c r="FX26" s="61">
        <v>0</v>
      </c>
      <c r="FY26" s="62">
        <v>0</v>
      </c>
      <c r="FZ26" s="228"/>
      <c r="GA26" s="61">
        <v>0</v>
      </c>
      <c r="GB26" s="61">
        <v>0</v>
      </c>
      <c r="GC26" s="61">
        <v>0</v>
      </c>
      <c r="GD26" s="61">
        <v>0</v>
      </c>
      <c r="GE26" s="61">
        <v>0</v>
      </c>
      <c r="GF26" s="62">
        <v>0</v>
      </c>
      <c r="GG26" s="63">
        <v>0</v>
      </c>
      <c r="GH26" s="60">
        <v>10</v>
      </c>
      <c r="GI26" s="61">
        <v>7</v>
      </c>
      <c r="GJ26" s="62">
        <v>17</v>
      </c>
      <c r="GK26" s="228"/>
      <c r="GL26" s="61">
        <v>10</v>
      </c>
      <c r="GM26" s="61">
        <v>10</v>
      </c>
      <c r="GN26" s="61">
        <v>5</v>
      </c>
      <c r="GO26" s="61">
        <v>7</v>
      </c>
      <c r="GP26" s="61">
        <v>5</v>
      </c>
      <c r="GQ26" s="62">
        <v>37</v>
      </c>
      <c r="GR26" s="63">
        <v>54</v>
      </c>
      <c r="GS26" s="113">
        <v>24</v>
      </c>
      <c r="GT26" s="72">
        <v>22</v>
      </c>
      <c r="GU26" s="73">
        <v>46</v>
      </c>
      <c r="GV26" s="228"/>
      <c r="GW26" s="72">
        <v>35</v>
      </c>
      <c r="GX26" s="72">
        <v>34</v>
      </c>
      <c r="GY26" s="72">
        <v>27</v>
      </c>
      <c r="GZ26" s="72">
        <v>21</v>
      </c>
      <c r="HA26" s="72">
        <v>14</v>
      </c>
      <c r="HB26" s="74">
        <v>131</v>
      </c>
      <c r="HC26" s="75">
        <v>177</v>
      </c>
      <c r="HD26" s="60">
        <v>0</v>
      </c>
      <c r="HE26" s="61">
        <v>1</v>
      </c>
      <c r="HF26" s="62">
        <v>1</v>
      </c>
      <c r="HG26" s="228"/>
      <c r="HH26" s="61">
        <v>2</v>
      </c>
      <c r="HI26" s="61">
        <v>1</v>
      </c>
      <c r="HJ26" s="61">
        <v>0</v>
      </c>
      <c r="HK26" s="61">
        <v>0</v>
      </c>
      <c r="HL26" s="61">
        <v>0</v>
      </c>
      <c r="HM26" s="62">
        <v>3</v>
      </c>
      <c r="HN26" s="63">
        <v>4</v>
      </c>
      <c r="HO26" s="60">
        <v>3</v>
      </c>
      <c r="HP26" s="61">
        <v>0</v>
      </c>
      <c r="HQ26" s="62">
        <v>3</v>
      </c>
      <c r="HR26" s="228"/>
      <c r="HS26" s="61">
        <v>1</v>
      </c>
      <c r="HT26" s="61">
        <v>3</v>
      </c>
      <c r="HU26" s="61">
        <v>2</v>
      </c>
      <c r="HV26" s="61">
        <v>1</v>
      </c>
      <c r="HW26" s="61">
        <v>2</v>
      </c>
      <c r="HX26" s="62">
        <v>9</v>
      </c>
      <c r="HY26" s="63">
        <v>12</v>
      </c>
      <c r="HZ26" s="60">
        <v>4</v>
      </c>
      <c r="IA26" s="61">
        <v>4</v>
      </c>
      <c r="IB26" s="62">
        <v>8</v>
      </c>
      <c r="IC26" s="228"/>
      <c r="ID26" s="61">
        <v>4</v>
      </c>
      <c r="IE26" s="61">
        <v>1</v>
      </c>
      <c r="IF26" s="61">
        <v>3</v>
      </c>
      <c r="IG26" s="61">
        <v>0</v>
      </c>
      <c r="IH26" s="61">
        <v>4</v>
      </c>
      <c r="II26" s="62">
        <v>12</v>
      </c>
      <c r="IJ26" s="63">
        <v>20</v>
      </c>
      <c r="IK26" s="60">
        <v>7</v>
      </c>
      <c r="IL26" s="61">
        <v>9</v>
      </c>
      <c r="IM26" s="62">
        <v>16</v>
      </c>
      <c r="IN26" s="228"/>
      <c r="IO26" s="61">
        <v>8</v>
      </c>
      <c r="IP26" s="61">
        <v>4</v>
      </c>
      <c r="IQ26" s="61">
        <v>9</v>
      </c>
      <c r="IR26" s="61">
        <v>6</v>
      </c>
      <c r="IS26" s="61">
        <v>2</v>
      </c>
      <c r="IT26" s="62">
        <v>29</v>
      </c>
      <c r="IU26" s="63">
        <v>45</v>
      </c>
      <c r="IV26" s="60">
        <v>7</v>
      </c>
      <c r="IW26" s="61">
        <v>5</v>
      </c>
      <c r="IX26" s="62">
        <v>12</v>
      </c>
      <c r="IY26" s="228"/>
      <c r="IZ26" s="61">
        <v>9</v>
      </c>
      <c r="JA26" s="61">
        <v>10</v>
      </c>
      <c r="JB26" s="61">
        <v>10</v>
      </c>
      <c r="JC26" s="61">
        <v>6</v>
      </c>
      <c r="JD26" s="61">
        <v>2</v>
      </c>
      <c r="JE26" s="62">
        <v>37</v>
      </c>
      <c r="JF26" s="63">
        <v>49</v>
      </c>
      <c r="JG26" s="60">
        <v>3</v>
      </c>
      <c r="JH26" s="61">
        <v>3</v>
      </c>
      <c r="JI26" s="62">
        <v>6</v>
      </c>
      <c r="JJ26" s="228"/>
      <c r="JK26" s="61">
        <v>11</v>
      </c>
      <c r="JL26" s="61">
        <v>15</v>
      </c>
      <c r="JM26" s="61">
        <v>3</v>
      </c>
      <c r="JN26" s="61">
        <v>8</v>
      </c>
      <c r="JO26" s="61">
        <v>4</v>
      </c>
      <c r="JP26" s="62">
        <v>41</v>
      </c>
      <c r="JQ26" s="63">
        <v>47</v>
      </c>
      <c r="JR26" s="60">
        <v>0</v>
      </c>
      <c r="JS26" s="61">
        <v>0</v>
      </c>
      <c r="JT26" s="62">
        <v>0</v>
      </c>
      <c r="JU26" s="228"/>
      <c r="JV26" s="61">
        <v>0</v>
      </c>
      <c r="JW26" s="61">
        <v>0</v>
      </c>
      <c r="JX26" s="61">
        <v>0</v>
      </c>
      <c r="JY26" s="61">
        <v>0</v>
      </c>
      <c r="JZ26" s="61">
        <v>0</v>
      </c>
      <c r="KA26" s="62">
        <v>0</v>
      </c>
      <c r="KB26" s="63">
        <v>0</v>
      </c>
      <c r="KC26" s="60">
        <v>24</v>
      </c>
      <c r="KD26" s="61">
        <v>22</v>
      </c>
      <c r="KE26" s="62">
        <v>46</v>
      </c>
      <c r="KF26" s="228"/>
      <c r="KG26" s="61">
        <v>35</v>
      </c>
      <c r="KH26" s="61">
        <v>34</v>
      </c>
      <c r="KI26" s="61">
        <v>27</v>
      </c>
      <c r="KJ26" s="61">
        <v>21</v>
      </c>
      <c r="KK26" s="61">
        <v>14</v>
      </c>
      <c r="KL26" s="62">
        <v>131</v>
      </c>
      <c r="KM26" s="63">
        <v>177</v>
      </c>
    </row>
    <row r="27" spans="2:299" ht="21" customHeight="1" x14ac:dyDescent="0.2">
      <c r="B27" s="468" t="s">
        <v>24</v>
      </c>
      <c r="C27" s="291">
        <v>20</v>
      </c>
      <c r="D27" s="72">
        <v>21</v>
      </c>
      <c r="E27" s="73">
        <v>41</v>
      </c>
      <c r="F27" s="228"/>
      <c r="G27" s="72">
        <v>31</v>
      </c>
      <c r="H27" s="72">
        <v>24</v>
      </c>
      <c r="I27" s="72">
        <v>15</v>
      </c>
      <c r="J27" s="72">
        <v>13</v>
      </c>
      <c r="K27" s="72">
        <v>10</v>
      </c>
      <c r="L27" s="74">
        <v>93</v>
      </c>
      <c r="M27" s="75">
        <v>134</v>
      </c>
      <c r="N27" s="60">
        <v>0</v>
      </c>
      <c r="O27" s="61">
        <v>0</v>
      </c>
      <c r="P27" s="62">
        <v>0</v>
      </c>
      <c r="Q27" s="228"/>
      <c r="R27" s="61">
        <v>0</v>
      </c>
      <c r="S27" s="61">
        <v>0</v>
      </c>
      <c r="T27" s="61">
        <v>0</v>
      </c>
      <c r="U27" s="61">
        <v>0</v>
      </c>
      <c r="V27" s="61">
        <v>1</v>
      </c>
      <c r="W27" s="62">
        <v>1</v>
      </c>
      <c r="X27" s="63">
        <v>1</v>
      </c>
      <c r="Y27" s="60">
        <v>1</v>
      </c>
      <c r="Z27" s="61">
        <v>1</v>
      </c>
      <c r="AA27" s="62">
        <v>2</v>
      </c>
      <c r="AB27" s="228"/>
      <c r="AC27" s="61">
        <v>0</v>
      </c>
      <c r="AD27" s="61">
        <v>1</v>
      </c>
      <c r="AE27" s="61">
        <v>1</v>
      </c>
      <c r="AF27" s="61">
        <v>1</v>
      </c>
      <c r="AG27" s="61">
        <v>1</v>
      </c>
      <c r="AH27" s="62">
        <v>4</v>
      </c>
      <c r="AI27" s="63">
        <v>6</v>
      </c>
      <c r="AJ27" s="60">
        <v>1</v>
      </c>
      <c r="AK27" s="61">
        <v>1</v>
      </c>
      <c r="AL27" s="62">
        <v>2</v>
      </c>
      <c r="AM27" s="228"/>
      <c r="AN27" s="61">
        <v>2</v>
      </c>
      <c r="AO27" s="61">
        <v>3</v>
      </c>
      <c r="AP27" s="61">
        <v>2</v>
      </c>
      <c r="AQ27" s="61">
        <v>1</v>
      </c>
      <c r="AR27" s="61">
        <v>0</v>
      </c>
      <c r="AS27" s="62">
        <v>8</v>
      </c>
      <c r="AT27" s="63">
        <v>10</v>
      </c>
      <c r="AU27" s="60">
        <v>5</v>
      </c>
      <c r="AV27" s="61">
        <v>5</v>
      </c>
      <c r="AW27" s="62">
        <v>10</v>
      </c>
      <c r="AX27" s="228"/>
      <c r="AY27" s="61">
        <v>7</v>
      </c>
      <c r="AZ27" s="61">
        <v>5</v>
      </c>
      <c r="BA27" s="61">
        <v>3</v>
      </c>
      <c r="BB27" s="61">
        <v>3</v>
      </c>
      <c r="BC27" s="61">
        <v>2</v>
      </c>
      <c r="BD27" s="62">
        <v>20</v>
      </c>
      <c r="BE27" s="63">
        <v>30</v>
      </c>
      <c r="BF27" s="60">
        <v>5</v>
      </c>
      <c r="BG27" s="61">
        <v>5</v>
      </c>
      <c r="BH27" s="62">
        <v>10</v>
      </c>
      <c r="BI27" s="228"/>
      <c r="BJ27" s="61">
        <v>13</v>
      </c>
      <c r="BK27" s="61">
        <v>5</v>
      </c>
      <c r="BL27" s="61">
        <v>6</v>
      </c>
      <c r="BM27" s="61">
        <v>2</v>
      </c>
      <c r="BN27" s="61">
        <v>3</v>
      </c>
      <c r="BO27" s="62">
        <v>29</v>
      </c>
      <c r="BP27" s="63">
        <v>39</v>
      </c>
      <c r="BQ27" s="60">
        <v>8</v>
      </c>
      <c r="BR27" s="61">
        <v>9</v>
      </c>
      <c r="BS27" s="62">
        <v>17</v>
      </c>
      <c r="BT27" s="228"/>
      <c r="BU27" s="61">
        <v>9</v>
      </c>
      <c r="BV27" s="61">
        <v>10</v>
      </c>
      <c r="BW27" s="61">
        <v>3</v>
      </c>
      <c r="BX27" s="61">
        <v>6</v>
      </c>
      <c r="BY27" s="61">
        <v>3</v>
      </c>
      <c r="BZ27" s="62">
        <v>31</v>
      </c>
      <c r="CA27" s="63">
        <v>48</v>
      </c>
      <c r="CB27" s="60">
        <v>0</v>
      </c>
      <c r="CC27" s="61">
        <v>0</v>
      </c>
      <c r="CD27" s="62">
        <v>0</v>
      </c>
      <c r="CE27" s="228"/>
      <c r="CF27" s="61">
        <v>0</v>
      </c>
      <c r="CG27" s="61">
        <v>0</v>
      </c>
      <c r="CH27" s="61">
        <v>0</v>
      </c>
      <c r="CI27" s="61">
        <v>0</v>
      </c>
      <c r="CJ27" s="61">
        <v>0</v>
      </c>
      <c r="CK27" s="62">
        <v>0</v>
      </c>
      <c r="CL27" s="63">
        <v>0</v>
      </c>
      <c r="CM27" s="60">
        <v>20</v>
      </c>
      <c r="CN27" s="61">
        <v>21</v>
      </c>
      <c r="CO27" s="62">
        <v>41</v>
      </c>
      <c r="CP27" s="228"/>
      <c r="CQ27" s="61">
        <v>31</v>
      </c>
      <c r="CR27" s="61">
        <v>24</v>
      </c>
      <c r="CS27" s="61">
        <v>15</v>
      </c>
      <c r="CT27" s="61">
        <v>13</v>
      </c>
      <c r="CU27" s="61">
        <v>10</v>
      </c>
      <c r="CV27" s="62">
        <v>93</v>
      </c>
      <c r="CW27" s="63">
        <v>134</v>
      </c>
      <c r="CX27" s="113">
        <v>7</v>
      </c>
      <c r="CY27" s="72">
        <v>8</v>
      </c>
      <c r="CZ27" s="73">
        <v>15</v>
      </c>
      <c r="DA27" s="228"/>
      <c r="DB27" s="72">
        <v>10</v>
      </c>
      <c r="DC27" s="72">
        <v>7</v>
      </c>
      <c r="DD27" s="72">
        <v>3</v>
      </c>
      <c r="DE27" s="72">
        <v>5</v>
      </c>
      <c r="DF27" s="72">
        <v>3</v>
      </c>
      <c r="DG27" s="74">
        <v>28</v>
      </c>
      <c r="DH27" s="75">
        <v>43</v>
      </c>
      <c r="DI27" s="60">
        <v>0</v>
      </c>
      <c r="DJ27" s="61">
        <v>0</v>
      </c>
      <c r="DK27" s="62">
        <v>0</v>
      </c>
      <c r="DL27" s="228"/>
      <c r="DM27" s="61">
        <v>0</v>
      </c>
      <c r="DN27" s="61">
        <v>0</v>
      </c>
      <c r="DO27" s="61">
        <v>0</v>
      </c>
      <c r="DP27" s="61">
        <v>0</v>
      </c>
      <c r="DQ27" s="61">
        <v>0</v>
      </c>
      <c r="DR27" s="62">
        <v>0</v>
      </c>
      <c r="DS27" s="63">
        <v>0</v>
      </c>
      <c r="DT27" s="60">
        <v>0</v>
      </c>
      <c r="DU27" s="61">
        <v>0</v>
      </c>
      <c r="DV27" s="62">
        <v>0</v>
      </c>
      <c r="DW27" s="228"/>
      <c r="DX27" s="61">
        <v>2</v>
      </c>
      <c r="DY27" s="61">
        <v>0</v>
      </c>
      <c r="DZ27" s="61">
        <v>0</v>
      </c>
      <c r="EA27" s="61">
        <v>0</v>
      </c>
      <c r="EB27" s="61">
        <v>0</v>
      </c>
      <c r="EC27" s="62">
        <v>2</v>
      </c>
      <c r="ED27" s="63">
        <v>2</v>
      </c>
      <c r="EE27" s="60">
        <v>1</v>
      </c>
      <c r="EF27" s="61">
        <v>1</v>
      </c>
      <c r="EG27" s="62">
        <v>2</v>
      </c>
      <c r="EH27" s="228"/>
      <c r="EI27" s="61">
        <v>1</v>
      </c>
      <c r="EJ27" s="61">
        <v>2</v>
      </c>
      <c r="EK27" s="61">
        <v>0</v>
      </c>
      <c r="EL27" s="61">
        <v>0</v>
      </c>
      <c r="EM27" s="61">
        <v>0</v>
      </c>
      <c r="EN27" s="62">
        <v>3</v>
      </c>
      <c r="EO27" s="63">
        <v>5</v>
      </c>
      <c r="EP27" s="60">
        <v>3</v>
      </c>
      <c r="EQ27" s="61">
        <v>2</v>
      </c>
      <c r="ER27" s="62">
        <v>5</v>
      </c>
      <c r="ES27" s="228"/>
      <c r="ET27" s="61">
        <v>3</v>
      </c>
      <c r="EU27" s="61">
        <v>2</v>
      </c>
      <c r="EV27" s="61">
        <v>1</v>
      </c>
      <c r="EW27" s="61">
        <v>1</v>
      </c>
      <c r="EX27" s="61">
        <v>1</v>
      </c>
      <c r="EY27" s="62">
        <v>8</v>
      </c>
      <c r="EZ27" s="63">
        <v>13</v>
      </c>
      <c r="FA27" s="60">
        <v>3</v>
      </c>
      <c r="FB27" s="61">
        <v>2</v>
      </c>
      <c r="FC27" s="62">
        <v>5</v>
      </c>
      <c r="FD27" s="228"/>
      <c r="FE27" s="61">
        <v>3</v>
      </c>
      <c r="FF27" s="61">
        <v>1</v>
      </c>
      <c r="FG27" s="61">
        <v>0</v>
      </c>
      <c r="FH27" s="61">
        <v>0</v>
      </c>
      <c r="FI27" s="61">
        <v>1</v>
      </c>
      <c r="FJ27" s="62">
        <v>5</v>
      </c>
      <c r="FK27" s="63">
        <v>10</v>
      </c>
      <c r="FL27" s="60">
        <v>0</v>
      </c>
      <c r="FM27" s="61">
        <v>3</v>
      </c>
      <c r="FN27" s="62">
        <v>3</v>
      </c>
      <c r="FO27" s="228"/>
      <c r="FP27" s="61">
        <v>1</v>
      </c>
      <c r="FQ27" s="61">
        <v>2</v>
      </c>
      <c r="FR27" s="61">
        <v>2</v>
      </c>
      <c r="FS27" s="61">
        <v>4</v>
      </c>
      <c r="FT27" s="61">
        <v>1</v>
      </c>
      <c r="FU27" s="62">
        <v>10</v>
      </c>
      <c r="FV27" s="63">
        <v>13</v>
      </c>
      <c r="FW27" s="60">
        <v>0</v>
      </c>
      <c r="FX27" s="61">
        <v>0</v>
      </c>
      <c r="FY27" s="62">
        <v>0</v>
      </c>
      <c r="FZ27" s="228"/>
      <c r="GA27" s="61">
        <v>0</v>
      </c>
      <c r="GB27" s="61">
        <v>0</v>
      </c>
      <c r="GC27" s="61">
        <v>0</v>
      </c>
      <c r="GD27" s="61">
        <v>0</v>
      </c>
      <c r="GE27" s="61">
        <v>0</v>
      </c>
      <c r="GF27" s="62">
        <v>0</v>
      </c>
      <c r="GG27" s="63">
        <v>0</v>
      </c>
      <c r="GH27" s="60">
        <v>7</v>
      </c>
      <c r="GI27" s="61">
        <v>8</v>
      </c>
      <c r="GJ27" s="62">
        <v>15</v>
      </c>
      <c r="GK27" s="228"/>
      <c r="GL27" s="61">
        <v>10</v>
      </c>
      <c r="GM27" s="61">
        <v>7</v>
      </c>
      <c r="GN27" s="61">
        <v>3</v>
      </c>
      <c r="GO27" s="61">
        <v>5</v>
      </c>
      <c r="GP27" s="61">
        <v>3</v>
      </c>
      <c r="GQ27" s="62">
        <v>28</v>
      </c>
      <c r="GR27" s="63">
        <v>43</v>
      </c>
      <c r="GS27" s="113">
        <v>27</v>
      </c>
      <c r="GT27" s="72">
        <v>29</v>
      </c>
      <c r="GU27" s="73">
        <v>56</v>
      </c>
      <c r="GV27" s="228"/>
      <c r="GW27" s="72">
        <v>41</v>
      </c>
      <c r="GX27" s="72">
        <v>31</v>
      </c>
      <c r="GY27" s="72">
        <v>18</v>
      </c>
      <c r="GZ27" s="72">
        <v>18</v>
      </c>
      <c r="HA27" s="72">
        <v>13</v>
      </c>
      <c r="HB27" s="74">
        <v>121</v>
      </c>
      <c r="HC27" s="75">
        <v>177</v>
      </c>
      <c r="HD27" s="60">
        <v>0</v>
      </c>
      <c r="HE27" s="61">
        <v>0</v>
      </c>
      <c r="HF27" s="62">
        <v>0</v>
      </c>
      <c r="HG27" s="228"/>
      <c r="HH27" s="61">
        <v>0</v>
      </c>
      <c r="HI27" s="61">
        <v>0</v>
      </c>
      <c r="HJ27" s="61">
        <v>0</v>
      </c>
      <c r="HK27" s="61">
        <v>0</v>
      </c>
      <c r="HL27" s="61">
        <v>1</v>
      </c>
      <c r="HM27" s="62">
        <v>1</v>
      </c>
      <c r="HN27" s="63">
        <v>1</v>
      </c>
      <c r="HO27" s="60">
        <v>1</v>
      </c>
      <c r="HP27" s="61">
        <v>1</v>
      </c>
      <c r="HQ27" s="62">
        <v>2</v>
      </c>
      <c r="HR27" s="228"/>
      <c r="HS27" s="61">
        <v>2</v>
      </c>
      <c r="HT27" s="61">
        <v>1</v>
      </c>
      <c r="HU27" s="61">
        <v>1</v>
      </c>
      <c r="HV27" s="61">
        <v>1</v>
      </c>
      <c r="HW27" s="61">
        <v>1</v>
      </c>
      <c r="HX27" s="62">
        <v>6</v>
      </c>
      <c r="HY27" s="63">
        <v>8</v>
      </c>
      <c r="HZ27" s="60">
        <v>2</v>
      </c>
      <c r="IA27" s="61">
        <v>2</v>
      </c>
      <c r="IB27" s="62">
        <v>4</v>
      </c>
      <c r="IC27" s="228"/>
      <c r="ID27" s="61">
        <v>3</v>
      </c>
      <c r="IE27" s="61">
        <v>5</v>
      </c>
      <c r="IF27" s="61">
        <v>2</v>
      </c>
      <c r="IG27" s="61">
        <v>1</v>
      </c>
      <c r="IH27" s="61">
        <v>0</v>
      </c>
      <c r="II27" s="62">
        <v>11</v>
      </c>
      <c r="IJ27" s="63">
        <v>15</v>
      </c>
      <c r="IK27" s="60">
        <v>8</v>
      </c>
      <c r="IL27" s="61">
        <v>7</v>
      </c>
      <c r="IM27" s="62">
        <v>15</v>
      </c>
      <c r="IN27" s="228"/>
      <c r="IO27" s="61">
        <v>10</v>
      </c>
      <c r="IP27" s="61">
        <v>7</v>
      </c>
      <c r="IQ27" s="61">
        <v>4</v>
      </c>
      <c r="IR27" s="61">
        <v>4</v>
      </c>
      <c r="IS27" s="61">
        <v>3</v>
      </c>
      <c r="IT27" s="62">
        <v>28</v>
      </c>
      <c r="IU27" s="63">
        <v>43</v>
      </c>
      <c r="IV27" s="60">
        <v>8</v>
      </c>
      <c r="IW27" s="61">
        <v>7</v>
      </c>
      <c r="IX27" s="62">
        <v>15</v>
      </c>
      <c r="IY27" s="228"/>
      <c r="IZ27" s="61">
        <v>16</v>
      </c>
      <c r="JA27" s="61">
        <v>6</v>
      </c>
      <c r="JB27" s="61">
        <v>6</v>
      </c>
      <c r="JC27" s="61">
        <v>2</v>
      </c>
      <c r="JD27" s="61">
        <v>4</v>
      </c>
      <c r="JE27" s="62">
        <v>34</v>
      </c>
      <c r="JF27" s="63">
        <v>49</v>
      </c>
      <c r="JG27" s="60">
        <v>8</v>
      </c>
      <c r="JH27" s="61">
        <v>12</v>
      </c>
      <c r="JI27" s="62">
        <v>20</v>
      </c>
      <c r="JJ27" s="228"/>
      <c r="JK27" s="61">
        <v>10</v>
      </c>
      <c r="JL27" s="61">
        <v>12</v>
      </c>
      <c r="JM27" s="61">
        <v>5</v>
      </c>
      <c r="JN27" s="61">
        <v>10</v>
      </c>
      <c r="JO27" s="61">
        <v>4</v>
      </c>
      <c r="JP27" s="62">
        <v>41</v>
      </c>
      <c r="JQ27" s="63">
        <v>61</v>
      </c>
      <c r="JR27" s="60">
        <v>0</v>
      </c>
      <c r="JS27" s="61">
        <v>0</v>
      </c>
      <c r="JT27" s="62">
        <v>0</v>
      </c>
      <c r="JU27" s="228"/>
      <c r="JV27" s="61">
        <v>0</v>
      </c>
      <c r="JW27" s="61">
        <v>0</v>
      </c>
      <c r="JX27" s="61">
        <v>0</v>
      </c>
      <c r="JY27" s="61">
        <v>0</v>
      </c>
      <c r="JZ27" s="61">
        <v>0</v>
      </c>
      <c r="KA27" s="62">
        <v>0</v>
      </c>
      <c r="KB27" s="63">
        <v>0</v>
      </c>
      <c r="KC27" s="60">
        <v>27</v>
      </c>
      <c r="KD27" s="61">
        <v>29</v>
      </c>
      <c r="KE27" s="62">
        <v>56</v>
      </c>
      <c r="KF27" s="228"/>
      <c r="KG27" s="61">
        <v>41</v>
      </c>
      <c r="KH27" s="61">
        <v>31</v>
      </c>
      <c r="KI27" s="61">
        <v>18</v>
      </c>
      <c r="KJ27" s="61">
        <v>18</v>
      </c>
      <c r="KK27" s="61">
        <v>13</v>
      </c>
      <c r="KL27" s="62">
        <v>121</v>
      </c>
      <c r="KM27" s="63">
        <v>177</v>
      </c>
    </row>
    <row r="28" spans="2:299" ht="21" customHeight="1" x14ac:dyDescent="0.2">
      <c r="B28" s="468" t="s">
        <v>25</v>
      </c>
      <c r="C28" s="291">
        <v>10</v>
      </c>
      <c r="D28" s="72">
        <v>14</v>
      </c>
      <c r="E28" s="73">
        <v>24</v>
      </c>
      <c r="F28" s="228"/>
      <c r="G28" s="72">
        <v>12</v>
      </c>
      <c r="H28" s="72">
        <v>12</v>
      </c>
      <c r="I28" s="72">
        <v>4</v>
      </c>
      <c r="J28" s="72">
        <v>3</v>
      </c>
      <c r="K28" s="72">
        <v>7</v>
      </c>
      <c r="L28" s="74">
        <v>38</v>
      </c>
      <c r="M28" s="75">
        <v>62</v>
      </c>
      <c r="N28" s="60">
        <v>0</v>
      </c>
      <c r="O28" s="61">
        <v>1</v>
      </c>
      <c r="P28" s="62">
        <v>1</v>
      </c>
      <c r="Q28" s="228"/>
      <c r="R28" s="61">
        <v>0</v>
      </c>
      <c r="S28" s="61">
        <v>0</v>
      </c>
      <c r="T28" s="61">
        <v>0</v>
      </c>
      <c r="U28" s="61">
        <v>0</v>
      </c>
      <c r="V28" s="61">
        <v>0</v>
      </c>
      <c r="W28" s="62">
        <v>0</v>
      </c>
      <c r="X28" s="63">
        <v>1</v>
      </c>
      <c r="Y28" s="60">
        <v>2</v>
      </c>
      <c r="Z28" s="61">
        <v>1</v>
      </c>
      <c r="AA28" s="62">
        <v>3</v>
      </c>
      <c r="AB28" s="228"/>
      <c r="AC28" s="61">
        <v>2</v>
      </c>
      <c r="AD28" s="61">
        <v>1</v>
      </c>
      <c r="AE28" s="61">
        <v>0</v>
      </c>
      <c r="AF28" s="61">
        <v>0</v>
      </c>
      <c r="AG28" s="61">
        <v>1</v>
      </c>
      <c r="AH28" s="62">
        <v>4</v>
      </c>
      <c r="AI28" s="63">
        <v>7</v>
      </c>
      <c r="AJ28" s="60">
        <v>0</v>
      </c>
      <c r="AK28" s="61">
        <v>0</v>
      </c>
      <c r="AL28" s="62">
        <v>0</v>
      </c>
      <c r="AM28" s="228"/>
      <c r="AN28" s="61">
        <v>1</v>
      </c>
      <c r="AO28" s="61">
        <v>0</v>
      </c>
      <c r="AP28" s="61">
        <v>0</v>
      </c>
      <c r="AQ28" s="61">
        <v>0</v>
      </c>
      <c r="AR28" s="61">
        <v>0</v>
      </c>
      <c r="AS28" s="62">
        <v>1</v>
      </c>
      <c r="AT28" s="63">
        <v>1</v>
      </c>
      <c r="AU28" s="60">
        <v>3</v>
      </c>
      <c r="AV28" s="61">
        <v>6</v>
      </c>
      <c r="AW28" s="62">
        <v>9</v>
      </c>
      <c r="AX28" s="228"/>
      <c r="AY28" s="61">
        <v>5</v>
      </c>
      <c r="AZ28" s="61">
        <v>3</v>
      </c>
      <c r="BA28" s="61">
        <v>1</v>
      </c>
      <c r="BB28" s="61">
        <v>1</v>
      </c>
      <c r="BC28" s="61">
        <v>2</v>
      </c>
      <c r="BD28" s="62">
        <v>12</v>
      </c>
      <c r="BE28" s="63">
        <v>21</v>
      </c>
      <c r="BF28" s="60">
        <v>4</v>
      </c>
      <c r="BG28" s="61">
        <v>3</v>
      </c>
      <c r="BH28" s="62">
        <v>7</v>
      </c>
      <c r="BI28" s="228"/>
      <c r="BJ28" s="61">
        <v>0</v>
      </c>
      <c r="BK28" s="61">
        <v>3</v>
      </c>
      <c r="BL28" s="61">
        <v>2</v>
      </c>
      <c r="BM28" s="61">
        <v>1</v>
      </c>
      <c r="BN28" s="61">
        <v>3</v>
      </c>
      <c r="BO28" s="62">
        <v>9</v>
      </c>
      <c r="BP28" s="63">
        <v>16</v>
      </c>
      <c r="BQ28" s="60">
        <v>1</v>
      </c>
      <c r="BR28" s="61">
        <v>3</v>
      </c>
      <c r="BS28" s="62">
        <v>4</v>
      </c>
      <c r="BT28" s="228"/>
      <c r="BU28" s="61">
        <v>4</v>
      </c>
      <c r="BV28" s="61">
        <v>5</v>
      </c>
      <c r="BW28" s="61">
        <v>1</v>
      </c>
      <c r="BX28" s="61">
        <v>1</v>
      </c>
      <c r="BY28" s="61">
        <v>1</v>
      </c>
      <c r="BZ28" s="62">
        <v>12</v>
      </c>
      <c r="CA28" s="63">
        <v>16</v>
      </c>
      <c r="CB28" s="60">
        <v>0</v>
      </c>
      <c r="CC28" s="61">
        <v>0</v>
      </c>
      <c r="CD28" s="62">
        <v>0</v>
      </c>
      <c r="CE28" s="228"/>
      <c r="CF28" s="61">
        <v>0</v>
      </c>
      <c r="CG28" s="61">
        <v>0</v>
      </c>
      <c r="CH28" s="61">
        <v>0</v>
      </c>
      <c r="CI28" s="61">
        <v>0</v>
      </c>
      <c r="CJ28" s="61">
        <v>0</v>
      </c>
      <c r="CK28" s="62">
        <v>0</v>
      </c>
      <c r="CL28" s="63">
        <v>0</v>
      </c>
      <c r="CM28" s="60">
        <v>10</v>
      </c>
      <c r="CN28" s="61">
        <v>14</v>
      </c>
      <c r="CO28" s="62">
        <v>24</v>
      </c>
      <c r="CP28" s="228"/>
      <c r="CQ28" s="61">
        <v>12</v>
      </c>
      <c r="CR28" s="61">
        <v>12</v>
      </c>
      <c r="CS28" s="61">
        <v>4</v>
      </c>
      <c r="CT28" s="61">
        <v>3</v>
      </c>
      <c r="CU28" s="61">
        <v>7</v>
      </c>
      <c r="CV28" s="62">
        <v>38</v>
      </c>
      <c r="CW28" s="63">
        <v>62</v>
      </c>
      <c r="CX28" s="113">
        <v>6</v>
      </c>
      <c r="CY28" s="72">
        <v>11</v>
      </c>
      <c r="CZ28" s="73">
        <v>17</v>
      </c>
      <c r="DA28" s="228"/>
      <c r="DB28" s="72">
        <v>8</v>
      </c>
      <c r="DC28" s="72">
        <v>5</v>
      </c>
      <c r="DD28" s="72">
        <v>6</v>
      </c>
      <c r="DE28" s="72">
        <v>3</v>
      </c>
      <c r="DF28" s="72">
        <v>4</v>
      </c>
      <c r="DG28" s="74">
        <v>26</v>
      </c>
      <c r="DH28" s="75">
        <v>43</v>
      </c>
      <c r="DI28" s="60">
        <v>0</v>
      </c>
      <c r="DJ28" s="61">
        <v>0</v>
      </c>
      <c r="DK28" s="62">
        <v>0</v>
      </c>
      <c r="DL28" s="228"/>
      <c r="DM28" s="61">
        <v>0</v>
      </c>
      <c r="DN28" s="61">
        <v>0</v>
      </c>
      <c r="DO28" s="61">
        <v>0</v>
      </c>
      <c r="DP28" s="61">
        <v>0</v>
      </c>
      <c r="DQ28" s="61">
        <v>0</v>
      </c>
      <c r="DR28" s="62">
        <v>0</v>
      </c>
      <c r="DS28" s="63">
        <v>0</v>
      </c>
      <c r="DT28" s="60">
        <v>1</v>
      </c>
      <c r="DU28" s="61">
        <v>0</v>
      </c>
      <c r="DV28" s="62">
        <v>1</v>
      </c>
      <c r="DW28" s="228"/>
      <c r="DX28" s="61">
        <v>1</v>
      </c>
      <c r="DY28" s="61">
        <v>1</v>
      </c>
      <c r="DZ28" s="61">
        <v>0</v>
      </c>
      <c r="EA28" s="61">
        <v>0</v>
      </c>
      <c r="EB28" s="61">
        <v>1</v>
      </c>
      <c r="EC28" s="62">
        <v>3</v>
      </c>
      <c r="ED28" s="63">
        <v>4</v>
      </c>
      <c r="EE28" s="60">
        <v>0</v>
      </c>
      <c r="EF28" s="61">
        <v>2</v>
      </c>
      <c r="EG28" s="62">
        <v>2</v>
      </c>
      <c r="EH28" s="228"/>
      <c r="EI28" s="61">
        <v>0</v>
      </c>
      <c r="EJ28" s="61">
        <v>0</v>
      </c>
      <c r="EK28" s="61">
        <v>0</v>
      </c>
      <c r="EL28" s="61">
        <v>0</v>
      </c>
      <c r="EM28" s="61">
        <v>0</v>
      </c>
      <c r="EN28" s="62">
        <v>0</v>
      </c>
      <c r="EO28" s="63">
        <v>2</v>
      </c>
      <c r="EP28" s="60">
        <v>0</v>
      </c>
      <c r="EQ28" s="61">
        <v>2</v>
      </c>
      <c r="ER28" s="62">
        <v>2</v>
      </c>
      <c r="ES28" s="228"/>
      <c r="ET28" s="61">
        <v>1</v>
      </c>
      <c r="EU28" s="61">
        <v>1</v>
      </c>
      <c r="EV28" s="61">
        <v>0</v>
      </c>
      <c r="EW28" s="61">
        <v>0</v>
      </c>
      <c r="EX28" s="61">
        <v>0</v>
      </c>
      <c r="EY28" s="62">
        <v>2</v>
      </c>
      <c r="EZ28" s="63">
        <v>4</v>
      </c>
      <c r="FA28" s="60">
        <v>3</v>
      </c>
      <c r="FB28" s="61">
        <v>3</v>
      </c>
      <c r="FC28" s="62">
        <v>6</v>
      </c>
      <c r="FD28" s="228"/>
      <c r="FE28" s="61">
        <v>2</v>
      </c>
      <c r="FF28" s="61">
        <v>1</v>
      </c>
      <c r="FG28" s="61">
        <v>1</v>
      </c>
      <c r="FH28" s="61">
        <v>2</v>
      </c>
      <c r="FI28" s="61">
        <v>1</v>
      </c>
      <c r="FJ28" s="62">
        <v>7</v>
      </c>
      <c r="FK28" s="63">
        <v>13</v>
      </c>
      <c r="FL28" s="60">
        <v>2</v>
      </c>
      <c r="FM28" s="61">
        <v>4</v>
      </c>
      <c r="FN28" s="62">
        <v>6</v>
      </c>
      <c r="FO28" s="228"/>
      <c r="FP28" s="61">
        <v>4</v>
      </c>
      <c r="FQ28" s="61">
        <v>2</v>
      </c>
      <c r="FR28" s="61">
        <v>5</v>
      </c>
      <c r="FS28" s="61">
        <v>1</v>
      </c>
      <c r="FT28" s="61">
        <v>2</v>
      </c>
      <c r="FU28" s="62">
        <v>14</v>
      </c>
      <c r="FV28" s="63">
        <v>20</v>
      </c>
      <c r="FW28" s="60">
        <v>0</v>
      </c>
      <c r="FX28" s="61">
        <v>0</v>
      </c>
      <c r="FY28" s="62">
        <v>0</v>
      </c>
      <c r="FZ28" s="228"/>
      <c r="GA28" s="61">
        <v>0</v>
      </c>
      <c r="GB28" s="61">
        <v>0</v>
      </c>
      <c r="GC28" s="61">
        <v>0</v>
      </c>
      <c r="GD28" s="61">
        <v>0</v>
      </c>
      <c r="GE28" s="61">
        <v>0</v>
      </c>
      <c r="GF28" s="62">
        <v>0</v>
      </c>
      <c r="GG28" s="63">
        <v>0</v>
      </c>
      <c r="GH28" s="60">
        <v>6</v>
      </c>
      <c r="GI28" s="61">
        <v>11</v>
      </c>
      <c r="GJ28" s="62">
        <v>17</v>
      </c>
      <c r="GK28" s="228"/>
      <c r="GL28" s="61">
        <v>8</v>
      </c>
      <c r="GM28" s="61">
        <v>5</v>
      </c>
      <c r="GN28" s="61">
        <v>6</v>
      </c>
      <c r="GO28" s="61">
        <v>3</v>
      </c>
      <c r="GP28" s="61">
        <v>4</v>
      </c>
      <c r="GQ28" s="62">
        <v>26</v>
      </c>
      <c r="GR28" s="63">
        <v>43</v>
      </c>
      <c r="GS28" s="113">
        <v>16</v>
      </c>
      <c r="GT28" s="72">
        <v>25</v>
      </c>
      <c r="GU28" s="73">
        <v>41</v>
      </c>
      <c r="GV28" s="228"/>
      <c r="GW28" s="72">
        <v>20</v>
      </c>
      <c r="GX28" s="72">
        <v>17</v>
      </c>
      <c r="GY28" s="72">
        <v>10</v>
      </c>
      <c r="GZ28" s="72">
        <v>6</v>
      </c>
      <c r="HA28" s="72">
        <v>11</v>
      </c>
      <c r="HB28" s="74">
        <v>64</v>
      </c>
      <c r="HC28" s="75">
        <v>105</v>
      </c>
      <c r="HD28" s="60">
        <v>0</v>
      </c>
      <c r="HE28" s="61">
        <v>1</v>
      </c>
      <c r="HF28" s="62">
        <v>1</v>
      </c>
      <c r="HG28" s="228"/>
      <c r="HH28" s="61">
        <v>0</v>
      </c>
      <c r="HI28" s="61">
        <v>0</v>
      </c>
      <c r="HJ28" s="61">
        <v>0</v>
      </c>
      <c r="HK28" s="61">
        <v>0</v>
      </c>
      <c r="HL28" s="61">
        <v>0</v>
      </c>
      <c r="HM28" s="62">
        <v>0</v>
      </c>
      <c r="HN28" s="63">
        <v>1</v>
      </c>
      <c r="HO28" s="60">
        <v>3</v>
      </c>
      <c r="HP28" s="61">
        <v>1</v>
      </c>
      <c r="HQ28" s="62">
        <v>4</v>
      </c>
      <c r="HR28" s="228"/>
      <c r="HS28" s="61">
        <v>3</v>
      </c>
      <c r="HT28" s="61">
        <v>2</v>
      </c>
      <c r="HU28" s="61">
        <v>0</v>
      </c>
      <c r="HV28" s="61">
        <v>0</v>
      </c>
      <c r="HW28" s="61">
        <v>2</v>
      </c>
      <c r="HX28" s="62">
        <v>7</v>
      </c>
      <c r="HY28" s="63">
        <v>11</v>
      </c>
      <c r="HZ28" s="60">
        <v>0</v>
      </c>
      <c r="IA28" s="61">
        <v>2</v>
      </c>
      <c r="IB28" s="62">
        <v>2</v>
      </c>
      <c r="IC28" s="228"/>
      <c r="ID28" s="61">
        <v>1</v>
      </c>
      <c r="IE28" s="61">
        <v>0</v>
      </c>
      <c r="IF28" s="61">
        <v>0</v>
      </c>
      <c r="IG28" s="61">
        <v>0</v>
      </c>
      <c r="IH28" s="61">
        <v>0</v>
      </c>
      <c r="II28" s="62">
        <v>1</v>
      </c>
      <c r="IJ28" s="63">
        <v>3</v>
      </c>
      <c r="IK28" s="60">
        <v>3</v>
      </c>
      <c r="IL28" s="61">
        <v>8</v>
      </c>
      <c r="IM28" s="62">
        <v>11</v>
      </c>
      <c r="IN28" s="228"/>
      <c r="IO28" s="61">
        <v>6</v>
      </c>
      <c r="IP28" s="61">
        <v>4</v>
      </c>
      <c r="IQ28" s="61">
        <v>1</v>
      </c>
      <c r="IR28" s="61">
        <v>1</v>
      </c>
      <c r="IS28" s="61">
        <v>2</v>
      </c>
      <c r="IT28" s="62">
        <v>14</v>
      </c>
      <c r="IU28" s="63">
        <v>25</v>
      </c>
      <c r="IV28" s="60">
        <v>7</v>
      </c>
      <c r="IW28" s="61">
        <v>6</v>
      </c>
      <c r="IX28" s="62">
        <v>13</v>
      </c>
      <c r="IY28" s="228"/>
      <c r="IZ28" s="61">
        <v>2</v>
      </c>
      <c r="JA28" s="61">
        <v>4</v>
      </c>
      <c r="JB28" s="61">
        <v>3</v>
      </c>
      <c r="JC28" s="61">
        <v>3</v>
      </c>
      <c r="JD28" s="61">
        <v>4</v>
      </c>
      <c r="JE28" s="62">
        <v>16</v>
      </c>
      <c r="JF28" s="63">
        <v>29</v>
      </c>
      <c r="JG28" s="60">
        <v>3</v>
      </c>
      <c r="JH28" s="61">
        <v>7</v>
      </c>
      <c r="JI28" s="62">
        <v>10</v>
      </c>
      <c r="JJ28" s="228"/>
      <c r="JK28" s="61">
        <v>8</v>
      </c>
      <c r="JL28" s="61">
        <v>7</v>
      </c>
      <c r="JM28" s="61">
        <v>6</v>
      </c>
      <c r="JN28" s="61">
        <v>2</v>
      </c>
      <c r="JO28" s="61">
        <v>3</v>
      </c>
      <c r="JP28" s="62">
        <v>26</v>
      </c>
      <c r="JQ28" s="63">
        <v>36</v>
      </c>
      <c r="JR28" s="60">
        <v>0</v>
      </c>
      <c r="JS28" s="61">
        <v>0</v>
      </c>
      <c r="JT28" s="62">
        <v>0</v>
      </c>
      <c r="JU28" s="228"/>
      <c r="JV28" s="61">
        <v>0</v>
      </c>
      <c r="JW28" s="61">
        <v>0</v>
      </c>
      <c r="JX28" s="61">
        <v>0</v>
      </c>
      <c r="JY28" s="61">
        <v>0</v>
      </c>
      <c r="JZ28" s="61">
        <v>0</v>
      </c>
      <c r="KA28" s="62">
        <v>0</v>
      </c>
      <c r="KB28" s="63">
        <v>0</v>
      </c>
      <c r="KC28" s="60">
        <v>16</v>
      </c>
      <c r="KD28" s="61">
        <v>25</v>
      </c>
      <c r="KE28" s="62">
        <v>41</v>
      </c>
      <c r="KF28" s="228"/>
      <c r="KG28" s="61">
        <v>20</v>
      </c>
      <c r="KH28" s="61">
        <v>17</v>
      </c>
      <c r="KI28" s="61">
        <v>10</v>
      </c>
      <c r="KJ28" s="61">
        <v>6</v>
      </c>
      <c r="KK28" s="61">
        <v>11</v>
      </c>
      <c r="KL28" s="62">
        <v>64</v>
      </c>
      <c r="KM28" s="63">
        <v>105</v>
      </c>
    </row>
    <row r="29" spans="2:299" ht="21" customHeight="1" x14ac:dyDescent="0.2">
      <c r="B29" s="468" t="s">
        <v>26</v>
      </c>
      <c r="C29" s="291">
        <v>10</v>
      </c>
      <c r="D29" s="72">
        <v>10</v>
      </c>
      <c r="E29" s="73">
        <v>20</v>
      </c>
      <c r="F29" s="228"/>
      <c r="G29" s="72">
        <v>23</v>
      </c>
      <c r="H29" s="72">
        <v>18</v>
      </c>
      <c r="I29" s="72">
        <v>8</v>
      </c>
      <c r="J29" s="72">
        <v>10</v>
      </c>
      <c r="K29" s="72">
        <v>7</v>
      </c>
      <c r="L29" s="74">
        <v>66</v>
      </c>
      <c r="M29" s="75">
        <v>86</v>
      </c>
      <c r="N29" s="60">
        <v>0</v>
      </c>
      <c r="O29" s="61">
        <v>0</v>
      </c>
      <c r="P29" s="62">
        <v>0</v>
      </c>
      <c r="Q29" s="228"/>
      <c r="R29" s="61">
        <v>1</v>
      </c>
      <c r="S29" s="61">
        <v>0</v>
      </c>
      <c r="T29" s="61">
        <v>1</v>
      </c>
      <c r="U29" s="61">
        <v>0</v>
      </c>
      <c r="V29" s="61">
        <v>0</v>
      </c>
      <c r="W29" s="62">
        <v>2</v>
      </c>
      <c r="X29" s="63">
        <v>2</v>
      </c>
      <c r="Y29" s="60">
        <v>0</v>
      </c>
      <c r="Z29" s="61">
        <v>1</v>
      </c>
      <c r="AA29" s="62">
        <v>1</v>
      </c>
      <c r="AB29" s="228"/>
      <c r="AC29" s="61">
        <v>2</v>
      </c>
      <c r="AD29" s="61">
        <v>2</v>
      </c>
      <c r="AE29" s="61">
        <v>0</v>
      </c>
      <c r="AF29" s="61">
        <v>0</v>
      </c>
      <c r="AG29" s="61">
        <v>1</v>
      </c>
      <c r="AH29" s="62">
        <v>5</v>
      </c>
      <c r="AI29" s="63">
        <v>6</v>
      </c>
      <c r="AJ29" s="60">
        <v>1</v>
      </c>
      <c r="AK29" s="61">
        <v>1</v>
      </c>
      <c r="AL29" s="62">
        <v>2</v>
      </c>
      <c r="AM29" s="228"/>
      <c r="AN29" s="61">
        <v>4</v>
      </c>
      <c r="AO29" s="61">
        <v>3</v>
      </c>
      <c r="AP29" s="61">
        <v>0</v>
      </c>
      <c r="AQ29" s="61">
        <v>2</v>
      </c>
      <c r="AR29" s="61">
        <v>0</v>
      </c>
      <c r="AS29" s="62">
        <v>9</v>
      </c>
      <c r="AT29" s="63">
        <v>11</v>
      </c>
      <c r="AU29" s="60">
        <v>3</v>
      </c>
      <c r="AV29" s="61">
        <v>2</v>
      </c>
      <c r="AW29" s="62">
        <v>5</v>
      </c>
      <c r="AX29" s="228"/>
      <c r="AY29" s="61">
        <v>5</v>
      </c>
      <c r="AZ29" s="61">
        <v>5</v>
      </c>
      <c r="BA29" s="61">
        <v>2</v>
      </c>
      <c r="BB29" s="61">
        <v>4</v>
      </c>
      <c r="BC29" s="61">
        <v>1</v>
      </c>
      <c r="BD29" s="62">
        <v>17</v>
      </c>
      <c r="BE29" s="63">
        <v>22</v>
      </c>
      <c r="BF29" s="60">
        <v>3</v>
      </c>
      <c r="BG29" s="61">
        <v>2</v>
      </c>
      <c r="BH29" s="62">
        <v>5</v>
      </c>
      <c r="BI29" s="228"/>
      <c r="BJ29" s="61">
        <v>4</v>
      </c>
      <c r="BK29" s="61">
        <v>3</v>
      </c>
      <c r="BL29" s="61">
        <v>2</v>
      </c>
      <c r="BM29" s="61">
        <v>3</v>
      </c>
      <c r="BN29" s="61">
        <v>2</v>
      </c>
      <c r="BO29" s="62">
        <v>14</v>
      </c>
      <c r="BP29" s="63">
        <v>19</v>
      </c>
      <c r="BQ29" s="60">
        <v>3</v>
      </c>
      <c r="BR29" s="61">
        <v>4</v>
      </c>
      <c r="BS29" s="62">
        <v>7</v>
      </c>
      <c r="BT29" s="228"/>
      <c r="BU29" s="61">
        <v>7</v>
      </c>
      <c r="BV29" s="61">
        <v>5</v>
      </c>
      <c r="BW29" s="61">
        <v>3</v>
      </c>
      <c r="BX29" s="61">
        <v>1</v>
      </c>
      <c r="BY29" s="61">
        <v>3</v>
      </c>
      <c r="BZ29" s="62">
        <v>19</v>
      </c>
      <c r="CA29" s="63">
        <v>26</v>
      </c>
      <c r="CB29" s="60">
        <v>0</v>
      </c>
      <c r="CC29" s="61">
        <v>0</v>
      </c>
      <c r="CD29" s="62">
        <v>0</v>
      </c>
      <c r="CE29" s="228"/>
      <c r="CF29" s="61">
        <v>0</v>
      </c>
      <c r="CG29" s="61">
        <v>0</v>
      </c>
      <c r="CH29" s="61">
        <v>0</v>
      </c>
      <c r="CI29" s="61">
        <v>0</v>
      </c>
      <c r="CJ29" s="61">
        <v>0</v>
      </c>
      <c r="CK29" s="62">
        <v>0</v>
      </c>
      <c r="CL29" s="63">
        <v>0</v>
      </c>
      <c r="CM29" s="60">
        <v>10</v>
      </c>
      <c r="CN29" s="61">
        <v>10</v>
      </c>
      <c r="CO29" s="62">
        <v>20</v>
      </c>
      <c r="CP29" s="228"/>
      <c r="CQ29" s="61">
        <v>23</v>
      </c>
      <c r="CR29" s="61">
        <v>18</v>
      </c>
      <c r="CS29" s="61">
        <v>8</v>
      </c>
      <c r="CT29" s="61">
        <v>10</v>
      </c>
      <c r="CU29" s="61">
        <v>7</v>
      </c>
      <c r="CV29" s="62">
        <v>66</v>
      </c>
      <c r="CW29" s="63">
        <v>86</v>
      </c>
      <c r="CX29" s="113">
        <v>3</v>
      </c>
      <c r="CY29" s="72">
        <v>5</v>
      </c>
      <c r="CZ29" s="73">
        <v>8</v>
      </c>
      <c r="DA29" s="228"/>
      <c r="DB29" s="72">
        <v>7</v>
      </c>
      <c r="DC29" s="72">
        <v>7</v>
      </c>
      <c r="DD29" s="72">
        <v>5</v>
      </c>
      <c r="DE29" s="72">
        <v>3</v>
      </c>
      <c r="DF29" s="72">
        <v>1</v>
      </c>
      <c r="DG29" s="74">
        <v>23</v>
      </c>
      <c r="DH29" s="75">
        <v>31</v>
      </c>
      <c r="DI29" s="60">
        <v>0</v>
      </c>
      <c r="DJ29" s="61">
        <v>0</v>
      </c>
      <c r="DK29" s="62">
        <v>0</v>
      </c>
      <c r="DL29" s="228"/>
      <c r="DM29" s="61">
        <v>0</v>
      </c>
      <c r="DN29" s="61">
        <v>0</v>
      </c>
      <c r="DO29" s="61">
        <v>0</v>
      </c>
      <c r="DP29" s="61">
        <v>0</v>
      </c>
      <c r="DQ29" s="61">
        <v>0</v>
      </c>
      <c r="DR29" s="62">
        <v>0</v>
      </c>
      <c r="DS29" s="63">
        <v>0</v>
      </c>
      <c r="DT29" s="60">
        <v>0</v>
      </c>
      <c r="DU29" s="61">
        <v>0</v>
      </c>
      <c r="DV29" s="62">
        <v>0</v>
      </c>
      <c r="DW29" s="228"/>
      <c r="DX29" s="61">
        <v>0</v>
      </c>
      <c r="DY29" s="61">
        <v>1</v>
      </c>
      <c r="DZ29" s="61">
        <v>0</v>
      </c>
      <c r="EA29" s="61">
        <v>1</v>
      </c>
      <c r="EB29" s="61">
        <v>0</v>
      </c>
      <c r="EC29" s="62">
        <v>2</v>
      </c>
      <c r="ED29" s="63">
        <v>2</v>
      </c>
      <c r="EE29" s="60">
        <v>1</v>
      </c>
      <c r="EF29" s="61">
        <v>3</v>
      </c>
      <c r="EG29" s="62">
        <v>4</v>
      </c>
      <c r="EH29" s="228"/>
      <c r="EI29" s="61">
        <v>1</v>
      </c>
      <c r="EJ29" s="61">
        <v>0</v>
      </c>
      <c r="EK29" s="61">
        <v>1</v>
      </c>
      <c r="EL29" s="61">
        <v>0</v>
      </c>
      <c r="EM29" s="61">
        <v>0</v>
      </c>
      <c r="EN29" s="62">
        <v>2</v>
      </c>
      <c r="EO29" s="63">
        <v>6</v>
      </c>
      <c r="EP29" s="60">
        <v>0</v>
      </c>
      <c r="EQ29" s="61">
        <v>0</v>
      </c>
      <c r="ER29" s="62">
        <v>0</v>
      </c>
      <c r="ES29" s="228"/>
      <c r="ET29" s="61">
        <v>0</v>
      </c>
      <c r="EU29" s="61">
        <v>0</v>
      </c>
      <c r="EV29" s="61">
        <v>1</v>
      </c>
      <c r="EW29" s="61">
        <v>0</v>
      </c>
      <c r="EX29" s="61">
        <v>0</v>
      </c>
      <c r="EY29" s="62">
        <v>1</v>
      </c>
      <c r="EZ29" s="63">
        <v>1</v>
      </c>
      <c r="FA29" s="60">
        <v>2</v>
      </c>
      <c r="FB29" s="61">
        <v>1</v>
      </c>
      <c r="FC29" s="62">
        <v>3</v>
      </c>
      <c r="FD29" s="228"/>
      <c r="FE29" s="61">
        <v>4</v>
      </c>
      <c r="FF29" s="61">
        <v>1</v>
      </c>
      <c r="FG29" s="61">
        <v>1</v>
      </c>
      <c r="FH29" s="61">
        <v>0</v>
      </c>
      <c r="FI29" s="61">
        <v>0</v>
      </c>
      <c r="FJ29" s="62">
        <v>6</v>
      </c>
      <c r="FK29" s="63">
        <v>9</v>
      </c>
      <c r="FL29" s="60">
        <v>0</v>
      </c>
      <c r="FM29" s="61">
        <v>1</v>
      </c>
      <c r="FN29" s="62">
        <v>1</v>
      </c>
      <c r="FO29" s="228"/>
      <c r="FP29" s="61">
        <v>2</v>
      </c>
      <c r="FQ29" s="61">
        <v>5</v>
      </c>
      <c r="FR29" s="61">
        <v>2</v>
      </c>
      <c r="FS29" s="61">
        <v>2</v>
      </c>
      <c r="FT29" s="61">
        <v>1</v>
      </c>
      <c r="FU29" s="62">
        <v>12</v>
      </c>
      <c r="FV29" s="63">
        <v>13</v>
      </c>
      <c r="FW29" s="60">
        <v>0</v>
      </c>
      <c r="FX29" s="61">
        <v>0</v>
      </c>
      <c r="FY29" s="62">
        <v>0</v>
      </c>
      <c r="FZ29" s="228"/>
      <c r="GA29" s="61">
        <v>0</v>
      </c>
      <c r="GB29" s="61">
        <v>0</v>
      </c>
      <c r="GC29" s="61">
        <v>0</v>
      </c>
      <c r="GD29" s="61">
        <v>0</v>
      </c>
      <c r="GE29" s="61">
        <v>0</v>
      </c>
      <c r="GF29" s="62">
        <v>0</v>
      </c>
      <c r="GG29" s="63">
        <v>0</v>
      </c>
      <c r="GH29" s="60">
        <v>3</v>
      </c>
      <c r="GI29" s="61">
        <v>5</v>
      </c>
      <c r="GJ29" s="62">
        <v>8</v>
      </c>
      <c r="GK29" s="228"/>
      <c r="GL29" s="61">
        <v>7</v>
      </c>
      <c r="GM29" s="61">
        <v>7</v>
      </c>
      <c r="GN29" s="61">
        <v>5</v>
      </c>
      <c r="GO29" s="61">
        <v>3</v>
      </c>
      <c r="GP29" s="61">
        <v>1</v>
      </c>
      <c r="GQ29" s="62">
        <v>23</v>
      </c>
      <c r="GR29" s="63">
        <v>31</v>
      </c>
      <c r="GS29" s="113">
        <v>13</v>
      </c>
      <c r="GT29" s="72">
        <v>15</v>
      </c>
      <c r="GU29" s="73">
        <v>28</v>
      </c>
      <c r="GV29" s="228"/>
      <c r="GW29" s="72">
        <v>30</v>
      </c>
      <c r="GX29" s="72">
        <v>25</v>
      </c>
      <c r="GY29" s="72">
        <v>13</v>
      </c>
      <c r="GZ29" s="72">
        <v>13</v>
      </c>
      <c r="HA29" s="72">
        <v>8</v>
      </c>
      <c r="HB29" s="74">
        <v>89</v>
      </c>
      <c r="HC29" s="75">
        <v>117</v>
      </c>
      <c r="HD29" s="60">
        <v>0</v>
      </c>
      <c r="HE29" s="61">
        <v>0</v>
      </c>
      <c r="HF29" s="62">
        <v>0</v>
      </c>
      <c r="HG29" s="228"/>
      <c r="HH29" s="61">
        <v>1</v>
      </c>
      <c r="HI29" s="61">
        <v>0</v>
      </c>
      <c r="HJ29" s="61">
        <v>1</v>
      </c>
      <c r="HK29" s="61">
        <v>0</v>
      </c>
      <c r="HL29" s="61">
        <v>0</v>
      </c>
      <c r="HM29" s="62">
        <v>2</v>
      </c>
      <c r="HN29" s="63">
        <v>2</v>
      </c>
      <c r="HO29" s="60">
        <v>0</v>
      </c>
      <c r="HP29" s="61">
        <v>1</v>
      </c>
      <c r="HQ29" s="62">
        <v>1</v>
      </c>
      <c r="HR29" s="228"/>
      <c r="HS29" s="61">
        <v>2</v>
      </c>
      <c r="HT29" s="61">
        <v>3</v>
      </c>
      <c r="HU29" s="61">
        <v>0</v>
      </c>
      <c r="HV29" s="61">
        <v>1</v>
      </c>
      <c r="HW29" s="61">
        <v>1</v>
      </c>
      <c r="HX29" s="62">
        <v>7</v>
      </c>
      <c r="HY29" s="63">
        <v>8</v>
      </c>
      <c r="HZ29" s="60">
        <v>2</v>
      </c>
      <c r="IA29" s="61">
        <v>4</v>
      </c>
      <c r="IB29" s="62">
        <v>6</v>
      </c>
      <c r="IC29" s="228"/>
      <c r="ID29" s="61">
        <v>5</v>
      </c>
      <c r="IE29" s="61">
        <v>3</v>
      </c>
      <c r="IF29" s="61">
        <v>1</v>
      </c>
      <c r="IG29" s="61">
        <v>2</v>
      </c>
      <c r="IH29" s="61">
        <v>0</v>
      </c>
      <c r="II29" s="62">
        <v>11</v>
      </c>
      <c r="IJ29" s="63">
        <v>17</v>
      </c>
      <c r="IK29" s="60">
        <v>3</v>
      </c>
      <c r="IL29" s="61">
        <v>2</v>
      </c>
      <c r="IM29" s="62">
        <v>5</v>
      </c>
      <c r="IN29" s="228"/>
      <c r="IO29" s="61">
        <v>5</v>
      </c>
      <c r="IP29" s="61">
        <v>5</v>
      </c>
      <c r="IQ29" s="61">
        <v>3</v>
      </c>
      <c r="IR29" s="61">
        <v>4</v>
      </c>
      <c r="IS29" s="61">
        <v>1</v>
      </c>
      <c r="IT29" s="62">
        <v>18</v>
      </c>
      <c r="IU29" s="63">
        <v>23</v>
      </c>
      <c r="IV29" s="60">
        <v>5</v>
      </c>
      <c r="IW29" s="61">
        <v>3</v>
      </c>
      <c r="IX29" s="62">
        <v>8</v>
      </c>
      <c r="IY29" s="228"/>
      <c r="IZ29" s="61">
        <v>8</v>
      </c>
      <c r="JA29" s="61">
        <v>4</v>
      </c>
      <c r="JB29" s="61">
        <v>3</v>
      </c>
      <c r="JC29" s="61">
        <v>3</v>
      </c>
      <c r="JD29" s="61">
        <v>2</v>
      </c>
      <c r="JE29" s="62">
        <v>20</v>
      </c>
      <c r="JF29" s="63">
        <v>28</v>
      </c>
      <c r="JG29" s="60">
        <v>3</v>
      </c>
      <c r="JH29" s="61">
        <v>5</v>
      </c>
      <c r="JI29" s="62">
        <v>8</v>
      </c>
      <c r="JJ29" s="228"/>
      <c r="JK29" s="61">
        <v>9</v>
      </c>
      <c r="JL29" s="61">
        <v>10</v>
      </c>
      <c r="JM29" s="61">
        <v>5</v>
      </c>
      <c r="JN29" s="61">
        <v>3</v>
      </c>
      <c r="JO29" s="61">
        <v>4</v>
      </c>
      <c r="JP29" s="62">
        <v>31</v>
      </c>
      <c r="JQ29" s="63">
        <v>39</v>
      </c>
      <c r="JR29" s="60">
        <v>0</v>
      </c>
      <c r="JS29" s="61">
        <v>0</v>
      </c>
      <c r="JT29" s="62">
        <v>0</v>
      </c>
      <c r="JU29" s="228"/>
      <c r="JV29" s="61">
        <v>0</v>
      </c>
      <c r="JW29" s="61">
        <v>0</v>
      </c>
      <c r="JX29" s="61">
        <v>0</v>
      </c>
      <c r="JY29" s="61">
        <v>0</v>
      </c>
      <c r="JZ29" s="61">
        <v>0</v>
      </c>
      <c r="KA29" s="62">
        <v>0</v>
      </c>
      <c r="KB29" s="63">
        <v>0</v>
      </c>
      <c r="KC29" s="60">
        <v>13</v>
      </c>
      <c r="KD29" s="61">
        <v>15</v>
      </c>
      <c r="KE29" s="62">
        <v>28</v>
      </c>
      <c r="KF29" s="228"/>
      <c r="KG29" s="61">
        <v>30</v>
      </c>
      <c r="KH29" s="61">
        <v>25</v>
      </c>
      <c r="KI29" s="61">
        <v>13</v>
      </c>
      <c r="KJ29" s="61">
        <v>13</v>
      </c>
      <c r="KK29" s="61">
        <v>8</v>
      </c>
      <c r="KL29" s="62">
        <v>89</v>
      </c>
      <c r="KM29" s="63">
        <v>117</v>
      </c>
    </row>
    <row r="30" spans="2:299" ht="21" customHeight="1" x14ac:dyDescent="0.2">
      <c r="B30" s="468" t="s">
        <v>27</v>
      </c>
      <c r="C30" s="291">
        <v>13</v>
      </c>
      <c r="D30" s="72">
        <v>17</v>
      </c>
      <c r="E30" s="73">
        <v>30</v>
      </c>
      <c r="F30" s="228"/>
      <c r="G30" s="72">
        <v>11</v>
      </c>
      <c r="H30" s="72">
        <v>13</v>
      </c>
      <c r="I30" s="72">
        <v>15</v>
      </c>
      <c r="J30" s="72">
        <v>5</v>
      </c>
      <c r="K30" s="72">
        <v>4</v>
      </c>
      <c r="L30" s="74">
        <v>48</v>
      </c>
      <c r="M30" s="75">
        <v>78</v>
      </c>
      <c r="N30" s="60">
        <v>0</v>
      </c>
      <c r="O30" s="61">
        <v>1</v>
      </c>
      <c r="P30" s="62">
        <v>1</v>
      </c>
      <c r="Q30" s="228"/>
      <c r="R30" s="61">
        <v>0</v>
      </c>
      <c r="S30" s="61">
        <v>0</v>
      </c>
      <c r="T30" s="61">
        <v>0</v>
      </c>
      <c r="U30" s="61">
        <v>0</v>
      </c>
      <c r="V30" s="61">
        <v>0</v>
      </c>
      <c r="W30" s="62">
        <v>0</v>
      </c>
      <c r="X30" s="63">
        <v>1</v>
      </c>
      <c r="Y30" s="60">
        <v>0</v>
      </c>
      <c r="Z30" s="61">
        <v>1</v>
      </c>
      <c r="AA30" s="62">
        <v>1</v>
      </c>
      <c r="AB30" s="228"/>
      <c r="AC30" s="61">
        <v>0</v>
      </c>
      <c r="AD30" s="61">
        <v>2</v>
      </c>
      <c r="AE30" s="61">
        <v>1</v>
      </c>
      <c r="AF30" s="61">
        <v>0</v>
      </c>
      <c r="AG30" s="61">
        <v>1</v>
      </c>
      <c r="AH30" s="62">
        <v>4</v>
      </c>
      <c r="AI30" s="63">
        <v>5</v>
      </c>
      <c r="AJ30" s="60">
        <v>2</v>
      </c>
      <c r="AK30" s="61">
        <v>1</v>
      </c>
      <c r="AL30" s="62">
        <v>3</v>
      </c>
      <c r="AM30" s="228"/>
      <c r="AN30" s="61">
        <v>0</v>
      </c>
      <c r="AO30" s="61">
        <v>1</v>
      </c>
      <c r="AP30" s="61">
        <v>1</v>
      </c>
      <c r="AQ30" s="61">
        <v>0</v>
      </c>
      <c r="AR30" s="61">
        <v>0</v>
      </c>
      <c r="AS30" s="62">
        <v>2</v>
      </c>
      <c r="AT30" s="63">
        <v>5</v>
      </c>
      <c r="AU30" s="60">
        <v>4</v>
      </c>
      <c r="AV30" s="61">
        <v>6</v>
      </c>
      <c r="AW30" s="62">
        <v>10</v>
      </c>
      <c r="AX30" s="228"/>
      <c r="AY30" s="61">
        <v>4</v>
      </c>
      <c r="AZ30" s="61">
        <v>5</v>
      </c>
      <c r="BA30" s="61">
        <v>4</v>
      </c>
      <c r="BB30" s="61">
        <v>1</v>
      </c>
      <c r="BC30" s="61">
        <v>1</v>
      </c>
      <c r="BD30" s="62">
        <v>15</v>
      </c>
      <c r="BE30" s="63">
        <v>25</v>
      </c>
      <c r="BF30" s="60">
        <v>5</v>
      </c>
      <c r="BG30" s="61">
        <v>6</v>
      </c>
      <c r="BH30" s="62">
        <v>11</v>
      </c>
      <c r="BI30" s="228"/>
      <c r="BJ30" s="61">
        <v>1</v>
      </c>
      <c r="BK30" s="61">
        <v>1</v>
      </c>
      <c r="BL30" s="61">
        <v>4</v>
      </c>
      <c r="BM30" s="61">
        <v>3</v>
      </c>
      <c r="BN30" s="61">
        <v>2</v>
      </c>
      <c r="BO30" s="62">
        <v>11</v>
      </c>
      <c r="BP30" s="63">
        <v>22</v>
      </c>
      <c r="BQ30" s="60">
        <v>2</v>
      </c>
      <c r="BR30" s="61">
        <v>2</v>
      </c>
      <c r="BS30" s="62">
        <v>4</v>
      </c>
      <c r="BT30" s="228"/>
      <c r="BU30" s="61">
        <v>6</v>
      </c>
      <c r="BV30" s="61">
        <v>4</v>
      </c>
      <c r="BW30" s="61">
        <v>5</v>
      </c>
      <c r="BX30" s="61">
        <v>1</v>
      </c>
      <c r="BY30" s="61">
        <v>0</v>
      </c>
      <c r="BZ30" s="62">
        <v>16</v>
      </c>
      <c r="CA30" s="63">
        <v>20</v>
      </c>
      <c r="CB30" s="60">
        <v>0</v>
      </c>
      <c r="CC30" s="61">
        <v>0</v>
      </c>
      <c r="CD30" s="62">
        <v>0</v>
      </c>
      <c r="CE30" s="228"/>
      <c r="CF30" s="61">
        <v>0</v>
      </c>
      <c r="CG30" s="61">
        <v>0</v>
      </c>
      <c r="CH30" s="61">
        <v>0</v>
      </c>
      <c r="CI30" s="61">
        <v>0</v>
      </c>
      <c r="CJ30" s="61">
        <v>0</v>
      </c>
      <c r="CK30" s="62">
        <v>0</v>
      </c>
      <c r="CL30" s="63">
        <v>0</v>
      </c>
      <c r="CM30" s="60">
        <v>13</v>
      </c>
      <c r="CN30" s="61">
        <v>17</v>
      </c>
      <c r="CO30" s="62">
        <v>30</v>
      </c>
      <c r="CP30" s="228"/>
      <c r="CQ30" s="61">
        <v>11</v>
      </c>
      <c r="CR30" s="61">
        <v>13</v>
      </c>
      <c r="CS30" s="61">
        <v>15</v>
      </c>
      <c r="CT30" s="61">
        <v>5</v>
      </c>
      <c r="CU30" s="61">
        <v>4</v>
      </c>
      <c r="CV30" s="62">
        <v>48</v>
      </c>
      <c r="CW30" s="63">
        <v>78</v>
      </c>
      <c r="CX30" s="113">
        <v>5</v>
      </c>
      <c r="CY30" s="72">
        <v>3</v>
      </c>
      <c r="CZ30" s="73">
        <v>8</v>
      </c>
      <c r="DA30" s="228"/>
      <c r="DB30" s="72">
        <v>10</v>
      </c>
      <c r="DC30" s="72">
        <v>3</v>
      </c>
      <c r="DD30" s="72">
        <v>5</v>
      </c>
      <c r="DE30" s="72">
        <v>1</v>
      </c>
      <c r="DF30" s="72">
        <v>1</v>
      </c>
      <c r="DG30" s="74">
        <v>20</v>
      </c>
      <c r="DH30" s="75">
        <v>28</v>
      </c>
      <c r="DI30" s="60">
        <v>1</v>
      </c>
      <c r="DJ30" s="61">
        <v>0</v>
      </c>
      <c r="DK30" s="62">
        <v>1</v>
      </c>
      <c r="DL30" s="228"/>
      <c r="DM30" s="61">
        <v>0</v>
      </c>
      <c r="DN30" s="61">
        <v>0</v>
      </c>
      <c r="DO30" s="61">
        <v>0</v>
      </c>
      <c r="DP30" s="61">
        <v>0</v>
      </c>
      <c r="DQ30" s="61">
        <v>0</v>
      </c>
      <c r="DR30" s="62">
        <v>0</v>
      </c>
      <c r="DS30" s="63">
        <v>1</v>
      </c>
      <c r="DT30" s="60">
        <v>0</v>
      </c>
      <c r="DU30" s="61">
        <v>0</v>
      </c>
      <c r="DV30" s="62">
        <v>0</v>
      </c>
      <c r="DW30" s="228"/>
      <c r="DX30" s="61">
        <v>0</v>
      </c>
      <c r="DY30" s="61">
        <v>0</v>
      </c>
      <c r="DZ30" s="61">
        <v>0</v>
      </c>
      <c r="EA30" s="61">
        <v>0</v>
      </c>
      <c r="EB30" s="61">
        <v>0</v>
      </c>
      <c r="EC30" s="62">
        <v>0</v>
      </c>
      <c r="ED30" s="63">
        <v>0</v>
      </c>
      <c r="EE30" s="60">
        <v>0</v>
      </c>
      <c r="EF30" s="61">
        <v>0</v>
      </c>
      <c r="EG30" s="62">
        <v>0</v>
      </c>
      <c r="EH30" s="228"/>
      <c r="EI30" s="61">
        <v>0</v>
      </c>
      <c r="EJ30" s="61">
        <v>1</v>
      </c>
      <c r="EK30" s="61">
        <v>0</v>
      </c>
      <c r="EL30" s="61">
        <v>0</v>
      </c>
      <c r="EM30" s="61">
        <v>0</v>
      </c>
      <c r="EN30" s="62">
        <v>1</v>
      </c>
      <c r="EO30" s="63">
        <v>1</v>
      </c>
      <c r="EP30" s="60">
        <v>4</v>
      </c>
      <c r="EQ30" s="61">
        <v>0</v>
      </c>
      <c r="ER30" s="62">
        <v>4</v>
      </c>
      <c r="ES30" s="228"/>
      <c r="ET30" s="61">
        <v>3</v>
      </c>
      <c r="EU30" s="61">
        <v>1</v>
      </c>
      <c r="EV30" s="61">
        <v>0</v>
      </c>
      <c r="EW30" s="61">
        <v>0</v>
      </c>
      <c r="EX30" s="61">
        <v>0</v>
      </c>
      <c r="EY30" s="62">
        <v>4</v>
      </c>
      <c r="EZ30" s="63">
        <v>8</v>
      </c>
      <c r="FA30" s="60">
        <v>0</v>
      </c>
      <c r="FB30" s="61">
        <v>1</v>
      </c>
      <c r="FC30" s="62">
        <v>1</v>
      </c>
      <c r="FD30" s="228"/>
      <c r="FE30" s="61">
        <v>3</v>
      </c>
      <c r="FF30" s="61">
        <v>0</v>
      </c>
      <c r="FG30" s="61">
        <v>1</v>
      </c>
      <c r="FH30" s="61">
        <v>1</v>
      </c>
      <c r="FI30" s="61">
        <v>0</v>
      </c>
      <c r="FJ30" s="62">
        <v>5</v>
      </c>
      <c r="FK30" s="63">
        <v>6</v>
      </c>
      <c r="FL30" s="60">
        <v>0</v>
      </c>
      <c r="FM30" s="61">
        <v>2</v>
      </c>
      <c r="FN30" s="62">
        <v>2</v>
      </c>
      <c r="FO30" s="228"/>
      <c r="FP30" s="61">
        <v>4</v>
      </c>
      <c r="FQ30" s="61">
        <v>1</v>
      </c>
      <c r="FR30" s="61">
        <v>4</v>
      </c>
      <c r="FS30" s="61">
        <v>0</v>
      </c>
      <c r="FT30" s="61">
        <v>1</v>
      </c>
      <c r="FU30" s="62">
        <v>10</v>
      </c>
      <c r="FV30" s="63">
        <v>12</v>
      </c>
      <c r="FW30" s="60">
        <v>0</v>
      </c>
      <c r="FX30" s="61">
        <v>0</v>
      </c>
      <c r="FY30" s="62">
        <v>0</v>
      </c>
      <c r="FZ30" s="228"/>
      <c r="GA30" s="61">
        <v>0</v>
      </c>
      <c r="GB30" s="61">
        <v>0</v>
      </c>
      <c r="GC30" s="61">
        <v>0</v>
      </c>
      <c r="GD30" s="61">
        <v>0</v>
      </c>
      <c r="GE30" s="61">
        <v>0</v>
      </c>
      <c r="GF30" s="62">
        <v>0</v>
      </c>
      <c r="GG30" s="63">
        <v>0</v>
      </c>
      <c r="GH30" s="60">
        <v>5</v>
      </c>
      <c r="GI30" s="61">
        <v>3</v>
      </c>
      <c r="GJ30" s="62">
        <v>8</v>
      </c>
      <c r="GK30" s="228"/>
      <c r="GL30" s="61">
        <v>10</v>
      </c>
      <c r="GM30" s="61">
        <v>3</v>
      </c>
      <c r="GN30" s="61">
        <v>5</v>
      </c>
      <c r="GO30" s="61">
        <v>1</v>
      </c>
      <c r="GP30" s="61">
        <v>1</v>
      </c>
      <c r="GQ30" s="62">
        <v>20</v>
      </c>
      <c r="GR30" s="63">
        <v>28</v>
      </c>
      <c r="GS30" s="113">
        <v>18</v>
      </c>
      <c r="GT30" s="72">
        <v>20</v>
      </c>
      <c r="GU30" s="73">
        <v>38</v>
      </c>
      <c r="GV30" s="228"/>
      <c r="GW30" s="72">
        <v>21</v>
      </c>
      <c r="GX30" s="72">
        <v>16</v>
      </c>
      <c r="GY30" s="72">
        <v>20</v>
      </c>
      <c r="GZ30" s="72">
        <v>6</v>
      </c>
      <c r="HA30" s="72">
        <v>5</v>
      </c>
      <c r="HB30" s="74">
        <v>68</v>
      </c>
      <c r="HC30" s="75">
        <v>106</v>
      </c>
      <c r="HD30" s="60">
        <v>1</v>
      </c>
      <c r="HE30" s="61">
        <v>1</v>
      </c>
      <c r="HF30" s="62">
        <v>2</v>
      </c>
      <c r="HG30" s="228"/>
      <c r="HH30" s="61">
        <v>0</v>
      </c>
      <c r="HI30" s="61">
        <v>0</v>
      </c>
      <c r="HJ30" s="61">
        <v>0</v>
      </c>
      <c r="HK30" s="61">
        <v>0</v>
      </c>
      <c r="HL30" s="61">
        <v>0</v>
      </c>
      <c r="HM30" s="62">
        <v>0</v>
      </c>
      <c r="HN30" s="63">
        <v>2</v>
      </c>
      <c r="HO30" s="60">
        <v>0</v>
      </c>
      <c r="HP30" s="61">
        <v>1</v>
      </c>
      <c r="HQ30" s="62">
        <v>1</v>
      </c>
      <c r="HR30" s="228"/>
      <c r="HS30" s="61">
        <v>0</v>
      </c>
      <c r="HT30" s="61">
        <v>2</v>
      </c>
      <c r="HU30" s="61">
        <v>1</v>
      </c>
      <c r="HV30" s="61">
        <v>0</v>
      </c>
      <c r="HW30" s="61">
        <v>1</v>
      </c>
      <c r="HX30" s="62">
        <v>4</v>
      </c>
      <c r="HY30" s="63">
        <v>5</v>
      </c>
      <c r="HZ30" s="60">
        <v>2</v>
      </c>
      <c r="IA30" s="61">
        <v>1</v>
      </c>
      <c r="IB30" s="62">
        <v>3</v>
      </c>
      <c r="IC30" s="228"/>
      <c r="ID30" s="61">
        <v>0</v>
      </c>
      <c r="IE30" s="61">
        <v>2</v>
      </c>
      <c r="IF30" s="61">
        <v>1</v>
      </c>
      <c r="IG30" s="61">
        <v>0</v>
      </c>
      <c r="IH30" s="61">
        <v>0</v>
      </c>
      <c r="II30" s="62">
        <v>3</v>
      </c>
      <c r="IJ30" s="63">
        <v>6</v>
      </c>
      <c r="IK30" s="60">
        <v>8</v>
      </c>
      <c r="IL30" s="61">
        <v>6</v>
      </c>
      <c r="IM30" s="62">
        <v>14</v>
      </c>
      <c r="IN30" s="228"/>
      <c r="IO30" s="61">
        <v>7</v>
      </c>
      <c r="IP30" s="61">
        <v>6</v>
      </c>
      <c r="IQ30" s="61">
        <v>4</v>
      </c>
      <c r="IR30" s="61">
        <v>1</v>
      </c>
      <c r="IS30" s="61">
        <v>1</v>
      </c>
      <c r="IT30" s="62">
        <v>19</v>
      </c>
      <c r="IU30" s="63">
        <v>33</v>
      </c>
      <c r="IV30" s="60">
        <v>5</v>
      </c>
      <c r="IW30" s="61">
        <v>7</v>
      </c>
      <c r="IX30" s="62">
        <v>12</v>
      </c>
      <c r="IY30" s="228"/>
      <c r="IZ30" s="61">
        <v>4</v>
      </c>
      <c r="JA30" s="61">
        <v>1</v>
      </c>
      <c r="JB30" s="61">
        <v>5</v>
      </c>
      <c r="JC30" s="61">
        <v>4</v>
      </c>
      <c r="JD30" s="61">
        <v>2</v>
      </c>
      <c r="JE30" s="62">
        <v>16</v>
      </c>
      <c r="JF30" s="63">
        <v>28</v>
      </c>
      <c r="JG30" s="60">
        <v>2</v>
      </c>
      <c r="JH30" s="61">
        <v>4</v>
      </c>
      <c r="JI30" s="62">
        <v>6</v>
      </c>
      <c r="JJ30" s="228"/>
      <c r="JK30" s="61">
        <v>10</v>
      </c>
      <c r="JL30" s="61">
        <v>5</v>
      </c>
      <c r="JM30" s="61">
        <v>9</v>
      </c>
      <c r="JN30" s="61">
        <v>1</v>
      </c>
      <c r="JO30" s="61">
        <v>1</v>
      </c>
      <c r="JP30" s="62">
        <v>26</v>
      </c>
      <c r="JQ30" s="63">
        <v>32</v>
      </c>
      <c r="JR30" s="60">
        <v>0</v>
      </c>
      <c r="JS30" s="61">
        <v>0</v>
      </c>
      <c r="JT30" s="62">
        <v>0</v>
      </c>
      <c r="JU30" s="228"/>
      <c r="JV30" s="61">
        <v>0</v>
      </c>
      <c r="JW30" s="61">
        <v>0</v>
      </c>
      <c r="JX30" s="61">
        <v>0</v>
      </c>
      <c r="JY30" s="61">
        <v>0</v>
      </c>
      <c r="JZ30" s="61">
        <v>0</v>
      </c>
      <c r="KA30" s="62">
        <v>0</v>
      </c>
      <c r="KB30" s="63">
        <v>0</v>
      </c>
      <c r="KC30" s="60">
        <v>18</v>
      </c>
      <c r="KD30" s="61">
        <v>20</v>
      </c>
      <c r="KE30" s="62">
        <v>38</v>
      </c>
      <c r="KF30" s="228"/>
      <c r="KG30" s="61">
        <v>21</v>
      </c>
      <c r="KH30" s="61">
        <v>16</v>
      </c>
      <c r="KI30" s="61">
        <v>20</v>
      </c>
      <c r="KJ30" s="61">
        <v>6</v>
      </c>
      <c r="KK30" s="61">
        <v>5</v>
      </c>
      <c r="KL30" s="62">
        <v>68</v>
      </c>
      <c r="KM30" s="63">
        <v>106</v>
      </c>
    </row>
    <row r="31" spans="2:299" ht="21" customHeight="1" x14ac:dyDescent="0.2">
      <c r="B31" s="468" t="s">
        <v>28</v>
      </c>
      <c r="C31" s="291">
        <v>0</v>
      </c>
      <c r="D31" s="72">
        <v>2</v>
      </c>
      <c r="E31" s="73">
        <v>2</v>
      </c>
      <c r="F31" s="228"/>
      <c r="G31" s="72">
        <v>6</v>
      </c>
      <c r="H31" s="72">
        <v>3</v>
      </c>
      <c r="I31" s="72">
        <v>4</v>
      </c>
      <c r="J31" s="72">
        <v>2</v>
      </c>
      <c r="K31" s="72">
        <v>1</v>
      </c>
      <c r="L31" s="74">
        <v>16</v>
      </c>
      <c r="M31" s="75">
        <v>18</v>
      </c>
      <c r="N31" s="60">
        <v>0</v>
      </c>
      <c r="O31" s="61">
        <v>1</v>
      </c>
      <c r="P31" s="62">
        <v>1</v>
      </c>
      <c r="Q31" s="228"/>
      <c r="R31" s="61">
        <v>0</v>
      </c>
      <c r="S31" s="61">
        <v>0</v>
      </c>
      <c r="T31" s="61">
        <v>1</v>
      </c>
      <c r="U31" s="61">
        <v>0</v>
      </c>
      <c r="V31" s="61">
        <v>0</v>
      </c>
      <c r="W31" s="62">
        <v>1</v>
      </c>
      <c r="X31" s="63">
        <v>2</v>
      </c>
      <c r="Y31" s="60">
        <v>0</v>
      </c>
      <c r="Z31" s="61">
        <v>1</v>
      </c>
      <c r="AA31" s="62">
        <v>1</v>
      </c>
      <c r="AB31" s="228"/>
      <c r="AC31" s="61">
        <v>2</v>
      </c>
      <c r="AD31" s="61">
        <v>0</v>
      </c>
      <c r="AE31" s="61">
        <v>0</v>
      </c>
      <c r="AF31" s="61">
        <v>0</v>
      </c>
      <c r="AG31" s="61">
        <v>0</v>
      </c>
      <c r="AH31" s="62">
        <v>2</v>
      </c>
      <c r="AI31" s="63">
        <v>3</v>
      </c>
      <c r="AJ31" s="60">
        <v>0</v>
      </c>
      <c r="AK31" s="61">
        <v>0</v>
      </c>
      <c r="AL31" s="62">
        <v>0</v>
      </c>
      <c r="AM31" s="228"/>
      <c r="AN31" s="61">
        <v>1</v>
      </c>
      <c r="AO31" s="61">
        <v>0</v>
      </c>
      <c r="AP31" s="61">
        <v>1</v>
      </c>
      <c r="AQ31" s="61">
        <v>0</v>
      </c>
      <c r="AR31" s="61">
        <v>0</v>
      </c>
      <c r="AS31" s="62">
        <v>2</v>
      </c>
      <c r="AT31" s="63">
        <v>2</v>
      </c>
      <c r="AU31" s="60">
        <v>0</v>
      </c>
      <c r="AV31" s="61">
        <v>0</v>
      </c>
      <c r="AW31" s="62">
        <v>0</v>
      </c>
      <c r="AX31" s="228"/>
      <c r="AY31" s="61">
        <v>2</v>
      </c>
      <c r="AZ31" s="61">
        <v>2</v>
      </c>
      <c r="BA31" s="61">
        <v>0</v>
      </c>
      <c r="BB31" s="61">
        <v>1</v>
      </c>
      <c r="BC31" s="61">
        <v>0</v>
      </c>
      <c r="BD31" s="62">
        <v>5</v>
      </c>
      <c r="BE31" s="63">
        <v>5</v>
      </c>
      <c r="BF31" s="60">
        <v>0</v>
      </c>
      <c r="BG31" s="61">
        <v>0</v>
      </c>
      <c r="BH31" s="62">
        <v>0</v>
      </c>
      <c r="BI31" s="228"/>
      <c r="BJ31" s="61">
        <v>1</v>
      </c>
      <c r="BK31" s="61">
        <v>1</v>
      </c>
      <c r="BL31" s="61">
        <v>1</v>
      </c>
      <c r="BM31" s="61">
        <v>0</v>
      </c>
      <c r="BN31" s="61">
        <v>0</v>
      </c>
      <c r="BO31" s="62">
        <v>3</v>
      </c>
      <c r="BP31" s="63">
        <v>3</v>
      </c>
      <c r="BQ31" s="60">
        <v>0</v>
      </c>
      <c r="BR31" s="61">
        <v>0</v>
      </c>
      <c r="BS31" s="62">
        <v>0</v>
      </c>
      <c r="BT31" s="228"/>
      <c r="BU31" s="61">
        <v>0</v>
      </c>
      <c r="BV31" s="61">
        <v>0</v>
      </c>
      <c r="BW31" s="61">
        <v>1</v>
      </c>
      <c r="BX31" s="61">
        <v>1</v>
      </c>
      <c r="BY31" s="61">
        <v>1</v>
      </c>
      <c r="BZ31" s="62">
        <v>3</v>
      </c>
      <c r="CA31" s="63">
        <v>3</v>
      </c>
      <c r="CB31" s="60">
        <v>0</v>
      </c>
      <c r="CC31" s="61">
        <v>0</v>
      </c>
      <c r="CD31" s="62">
        <v>0</v>
      </c>
      <c r="CE31" s="228"/>
      <c r="CF31" s="61">
        <v>0</v>
      </c>
      <c r="CG31" s="61">
        <v>0</v>
      </c>
      <c r="CH31" s="61">
        <v>0</v>
      </c>
      <c r="CI31" s="61">
        <v>0</v>
      </c>
      <c r="CJ31" s="61">
        <v>0</v>
      </c>
      <c r="CK31" s="62">
        <v>0</v>
      </c>
      <c r="CL31" s="63">
        <v>0</v>
      </c>
      <c r="CM31" s="60">
        <v>0</v>
      </c>
      <c r="CN31" s="61">
        <v>2</v>
      </c>
      <c r="CO31" s="62">
        <v>2</v>
      </c>
      <c r="CP31" s="228"/>
      <c r="CQ31" s="61">
        <v>6</v>
      </c>
      <c r="CR31" s="61">
        <v>3</v>
      </c>
      <c r="CS31" s="61">
        <v>4</v>
      </c>
      <c r="CT31" s="61">
        <v>2</v>
      </c>
      <c r="CU31" s="61">
        <v>1</v>
      </c>
      <c r="CV31" s="62">
        <v>16</v>
      </c>
      <c r="CW31" s="63">
        <v>18</v>
      </c>
      <c r="CX31" s="113">
        <v>0</v>
      </c>
      <c r="CY31" s="72">
        <v>1</v>
      </c>
      <c r="CZ31" s="73">
        <v>1</v>
      </c>
      <c r="DA31" s="228"/>
      <c r="DB31" s="72">
        <v>1</v>
      </c>
      <c r="DC31" s="72">
        <v>2</v>
      </c>
      <c r="DD31" s="72">
        <v>2</v>
      </c>
      <c r="DE31" s="72">
        <v>1</v>
      </c>
      <c r="DF31" s="72">
        <v>0</v>
      </c>
      <c r="DG31" s="74">
        <v>6</v>
      </c>
      <c r="DH31" s="75">
        <v>7</v>
      </c>
      <c r="DI31" s="60">
        <v>0</v>
      </c>
      <c r="DJ31" s="61">
        <v>0</v>
      </c>
      <c r="DK31" s="62">
        <v>0</v>
      </c>
      <c r="DL31" s="228"/>
      <c r="DM31" s="61">
        <v>0</v>
      </c>
      <c r="DN31" s="61">
        <v>0</v>
      </c>
      <c r="DO31" s="61">
        <v>0</v>
      </c>
      <c r="DP31" s="61">
        <v>0</v>
      </c>
      <c r="DQ31" s="61">
        <v>0</v>
      </c>
      <c r="DR31" s="62">
        <v>0</v>
      </c>
      <c r="DS31" s="63">
        <v>0</v>
      </c>
      <c r="DT31" s="60">
        <v>0</v>
      </c>
      <c r="DU31" s="61">
        <v>1</v>
      </c>
      <c r="DV31" s="62">
        <v>1</v>
      </c>
      <c r="DW31" s="228"/>
      <c r="DX31" s="61">
        <v>0</v>
      </c>
      <c r="DY31" s="61">
        <v>0</v>
      </c>
      <c r="DZ31" s="61">
        <v>1</v>
      </c>
      <c r="EA31" s="61">
        <v>0</v>
      </c>
      <c r="EB31" s="61">
        <v>0</v>
      </c>
      <c r="EC31" s="62">
        <v>1</v>
      </c>
      <c r="ED31" s="63">
        <v>2</v>
      </c>
      <c r="EE31" s="60">
        <v>0</v>
      </c>
      <c r="EF31" s="61">
        <v>0</v>
      </c>
      <c r="EG31" s="62">
        <v>0</v>
      </c>
      <c r="EH31" s="228"/>
      <c r="EI31" s="61">
        <v>0</v>
      </c>
      <c r="EJ31" s="61">
        <v>0</v>
      </c>
      <c r="EK31" s="61">
        <v>0</v>
      </c>
      <c r="EL31" s="61">
        <v>0</v>
      </c>
      <c r="EM31" s="61">
        <v>0</v>
      </c>
      <c r="EN31" s="62">
        <v>0</v>
      </c>
      <c r="EO31" s="63">
        <v>0</v>
      </c>
      <c r="EP31" s="60">
        <v>0</v>
      </c>
      <c r="EQ31" s="61">
        <v>0</v>
      </c>
      <c r="ER31" s="62">
        <v>0</v>
      </c>
      <c r="ES31" s="228"/>
      <c r="ET31" s="61">
        <v>0</v>
      </c>
      <c r="EU31" s="61">
        <v>1</v>
      </c>
      <c r="EV31" s="61">
        <v>0</v>
      </c>
      <c r="EW31" s="61">
        <v>0</v>
      </c>
      <c r="EX31" s="61">
        <v>0</v>
      </c>
      <c r="EY31" s="62">
        <v>1</v>
      </c>
      <c r="EZ31" s="63">
        <v>1</v>
      </c>
      <c r="FA31" s="60">
        <v>0</v>
      </c>
      <c r="FB31" s="61">
        <v>0</v>
      </c>
      <c r="FC31" s="62">
        <v>0</v>
      </c>
      <c r="FD31" s="228"/>
      <c r="FE31" s="61">
        <v>1</v>
      </c>
      <c r="FF31" s="61">
        <v>0</v>
      </c>
      <c r="FG31" s="61">
        <v>1</v>
      </c>
      <c r="FH31" s="61">
        <v>1</v>
      </c>
      <c r="FI31" s="61">
        <v>0</v>
      </c>
      <c r="FJ31" s="62">
        <v>3</v>
      </c>
      <c r="FK31" s="63">
        <v>3</v>
      </c>
      <c r="FL31" s="60">
        <v>0</v>
      </c>
      <c r="FM31" s="61">
        <v>0</v>
      </c>
      <c r="FN31" s="62">
        <v>0</v>
      </c>
      <c r="FO31" s="228"/>
      <c r="FP31" s="61">
        <v>0</v>
      </c>
      <c r="FQ31" s="61">
        <v>1</v>
      </c>
      <c r="FR31" s="61">
        <v>0</v>
      </c>
      <c r="FS31" s="61">
        <v>0</v>
      </c>
      <c r="FT31" s="61">
        <v>0</v>
      </c>
      <c r="FU31" s="62">
        <v>1</v>
      </c>
      <c r="FV31" s="63">
        <v>1</v>
      </c>
      <c r="FW31" s="60">
        <v>0</v>
      </c>
      <c r="FX31" s="61">
        <v>0</v>
      </c>
      <c r="FY31" s="62">
        <v>0</v>
      </c>
      <c r="FZ31" s="228"/>
      <c r="GA31" s="61">
        <v>0</v>
      </c>
      <c r="GB31" s="61">
        <v>0</v>
      </c>
      <c r="GC31" s="61">
        <v>0</v>
      </c>
      <c r="GD31" s="61">
        <v>0</v>
      </c>
      <c r="GE31" s="61">
        <v>0</v>
      </c>
      <c r="GF31" s="62">
        <v>0</v>
      </c>
      <c r="GG31" s="63">
        <v>0</v>
      </c>
      <c r="GH31" s="60">
        <v>0</v>
      </c>
      <c r="GI31" s="61">
        <v>1</v>
      </c>
      <c r="GJ31" s="62">
        <v>1</v>
      </c>
      <c r="GK31" s="228"/>
      <c r="GL31" s="61">
        <v>1</v>
      </c>
      <c r="GM31" s="61">
        <v>2</v>
      </c>
      <c r="GN31" s="61">
        <v>2</v>
      </c>
      <c r="GO31" s="61">
        <v>1</v>
      </c>
      <c r="GP31" s="61">
        <v>0</v>
      </c>
      <c r="GQ31" s="62">
        <v>6</v>
      </c>
      <c r="GR31" s="63">
        <v>7</v>
      </c>
      <c r="GS31" s="113">
        <v>0</v>
      </c>
      <c r="GT31" s="72">
        <v>3</v>
      </c>
      <c r="GU31" s="73">
        <v>3</v>
      </c>
      <c r="GV31" s="228"/>
      <c r="GW31" s="72">
        <v>7</v>
      </c>
      <c r="GX31" s="72">
        <v>5</v>
      </c>
      <c r="GY31" s="72">
        <v>6</v>
      </c>
      <c r="GZ31" s="72">
        <v>3</v>
      </c>
      <c r="HA31" s="72">
        <v>1</v>
      </c>
      <c r="HB31" s="74">
        <v>22</v>
      </c>
      <c r="HC31" s="75">
        <v>25</v>
      </c>
      <c r="HD31" s="60">
        <v>0</v>
      </c>
      <c r="HE31" s="61">
        <v>1</v>
      </c>
      <c r="HF31" s="62">
        <v>1</v>
      </c>
      <c r="HG31" s="228"/>
      <c r="HH31" s="61">
        <v>0</v>
      </c>
      <c r="HI31" s="61">
        <v>0</v>
      </c>
      <c r="HJ31" s="61">
        <v>1</v>
      </c>
      <c r="HK31" s="61">
        <v>0</v>
      </c>
      <c r="HL31" s="61">
        <v>0</v>
      </c>
      <c r="HM31" s="62">
        <v>1</v>
      </c>
      <c r="HN31" s="63">
        <v>2</v>
      </c>
      <c r="HO31" s="60">
        <v>0</v>
      </c>
      <c r="HP31" s="61">
        <v>2</v>
      </c>
      <c r="HQ31" s="62">
        <v>2</v>
      </c>
      <c r="HR31" s="228"/>
      <c r="HS31" s="61">
        <v>2</v>
      </c>
      <c r="HT31" s="61">
        <v>0</v>
      </c>
      <c r="HU31" s="61">
        <v>1</v>
      </c>
      <c r="HV31" s="61">
        <v>0</v>
      </c>
      <c r="HW31" s="61">
        <v>0</v>
      </c>
      <c r="HX31" s="62">
        <v>3</v>
      </c>
      <c r="HY31" s="63">
        <v>5</v>
      </c>
      <c r="HZ31" s="60">
        <v>0</v>
      </c>
      <c r="IA31" s="61">
        <v>0</v>
      </c>
      <c r="IB31" s="62">
        <v>0</v>
      </c>
      <c r="IC31" s="228"/>
      <c r="ID31" s="61">
        <v>1</v>
      </c>
      <c r="IE31" s="61">
        <v>0</v>
      </c>
      <c r="IF31" s="61">
        <v>1</v>
      </c>
      <c r="IG31" s="61">
        <v>0</v>
      </c>
      <c r="IH31" s="61">
        <v>0</v>
      </c>
      <c r="II31" s="62">
        <v>2</v>
      </c>
      <c r="IJ31" s="63">
        <v>2</v>
      </c>
      <c r="IK31" s="60">
        <v>0</v>
      </c>
      <c r="IL31" s="61">
        <v>0</v>
      </c>
      <c r="IM31" s="62">
        <v>0</v>
      </c>
      <c r="IN31" s="228"/>
      <c r="IO31" s="61">
        <v>2</v>
      </c>
      <c r="IP31" s="61">
        <v>3</v>
      </c>
      <c r="IQ31" s="61">
        <v>0</v>
      </c>
      <c r="IR31" s="61">
        <v>1</v>
      </c>
      <c r="IS31" s="61">
        <v>0</v>
      </c>
      <c r="IT31" s="62">
        <v>6</v>
      </c>
      <c r="IU31" s="63">
        <v>6</v>
      </c>
      <c r="IV31" s="60">
        <v>0</v>
      </c>
      <c r="IW31" s="61">
        <v>0</v>
      </c>
      <c r="IX31" s="62">
        <v>0</v>
      </c>
      <c r="IY31" s="228"/>
      <c r="IZ31" s="61">
        <v>2</v>
      </c>
      <c r="JA31" s="61">
        <v>1</v>
      </c>
      <c r="JB31" s="61">
        <v>2</v>
      </c>
      <c r="JC31" s="61">
        <v>1</v>
      </c>
      <c r="JD31" s="61">
        <v>0</v>
      </c>
      <c r="JE31" s="62">
        <v>6</v>
      </c>
      <c r="JF31" s="63">
        <v>6</v>
      </c>
      <c r="JG31" s="60">
        <v>0</v>
      </c>
      <c r="JH31" s="61">
        <v>0</v>
      </c>
      <c r="JI31" s="62">
        <v>0</v>
      </c>
      <c r="JJ31" s="228"/>
      <c r="JK31" s="61">
        <v>0</v>
      </c>
      <c r="JL31" s="61">
        <v>1</v>
      </c>
      <c r="JM31" s="61">
        <v>1</v>
      </c>
      <c r="JN31" s="61">
        <v>1</v>
      </c>
      <c r="JO31" s="61">
        <v>1</v>
      </c>
      <c r="JP31" s="62">
        <v>4</v>
      </c>
      <c r="JQ31" s="63">
        <v>4</v>
      </c>
      <c r="JR31" s="60">
        <v>0</v>
      </c>
      <c r="JS31" s="61">
        <v>0</v>
      </c>
      <c r="JT31" s="62">
        <v>0</v>
      </c>
      <c r="JU31" s="228"/>
      <c r="JV31" s="61">
        <v>0</v>
      </c>
      <c r="JW31" s="61">
        <v>0</v>
      </c>
      <c r="JX31" s="61">
        <v>0</v>
      </c>
      <c r="JY31" s="61">
        <v>0</v>
      </c>
      <c r="JZ31" s="61">
        <v>0</v>
      </c>
      <c r="KA31" s="62">
        <v>0</v>
      </c>
      <c r="KB31" s="63">
        <v>0</v>
      </c>
      <c r="KC31" s="60">
        <v>0</v>
      </c>
      <c r="KD31" s="61">
        <v>3</v>
      </c>
      <c r="KE31" s="62">
        <v>3</v>
      </c>
      <c r="KF31" s="228"/>
      <c r="KG31" s="61">
        <v>7</v>
      </c>
      <c r="KH31" s="61">
        <v>5</v>
      </c>
      <c r="KI31" s="61">
        <v>6</v>
      </c>
      <c r="KJ31" s="61">
        <v>3</v>
      </c>
      <c r="KK31" s="61">
        <v>1</v>
      </c>
      <c r="KL31" s="62">
        <v>22</v>
      </c>
      <c r="KM31" s="63">
        <v>25</v>
      </c>
    </row>
    <row r="32" spans="2:299" ht="21" customHeight="1" x14ac:dyDescent="0.2">
      <c r="B32" s="468" t="s">
        <v>29</v>
      </c>
      <c r="C32" s="291">
        <v>3</v>
      </c>
      <c r="D32" s="72">
        <v>5</v>
      </c>
      <c r="E32" s="73">
        <v>8</v>
      </c>
      <c r="F32" s="228"/>
      <c r="G32" s="72">
        <v>4</v>
      </c>
      <c r="H32" s="72">
        <v>4</v>
      </c>
      <c r="I32" s="72">
        <v>3</v>
      </c>
      <c r="J32" s="72">
        <v>4</v>
      </c>
      <c r="K32" s="72">
        <v>2</v>
      </c>
      <c r="L32" s="74">
        <v>17</v>
      </c>
      <c r="M32" s="75">
        <v>25</v>
      </c>
      <c r="N32" s="60">
        <v>0</v>
      </c>
      <c r="O32" s="61">
        <v>0</v>
      </c>
      <c r="P32" s="62">
        <v>0</v>
      </c>
      <c r="Q32" s="228"/>
      <c r="R32" s="61">
        <v>0</v>
      </c>
      <c r="S32" s="61">
        <v>0</v>
      </c>
      <c r="T32" s="61">
        <v>1</v>
      </c>
      <c r="U32" s="61">
        <v>0</v>
      </c>
      <c r="V32" s="61">
        <v>0</v>
      </c>
      <c r="W32" s="62">
        <v>1</v>
      </c>
      <c r="X32" s="63">
        <v>1</v>
      </c>
      <c r="Y32" s="60">
        <v>0</v>
      </c>
      <c r="Z32" s="61">
        <v>0</v>
      </c>
      <c r="AA32" s="62">
        <v>0</v>
      </c>
      <c r="AB32" s="228"/>
      <c r="AC32" s="61">
        <v>0</v>
      </c>
      <c r="AD32" s="61">
        <v>0</v>
      </c>
      <c r="AE32" s="61">
        <v>0</v>
      </c>
      <c r="AF32" s="61">
        <v>0</v>
      </c>
      <c r="AG32" s="61">
        <v>0</v>
      </c>
      <c r="AH32" s="62">
        <v>0</v>
      </c>
      <c r="AI32" s="63">
        <v>0</v>
      </c>
      <c r="AJ32" s="60">
        <v>0</v>
      </c>
      <c r="AK32" s="61">
        <v>0</v>
      </c>
      <c r="AL32" s="62">
        <v>0</v>
      </c>
      <c r="AM32" s="228"/>
      <c r="AN32" s="61">
        <v>1</v>
      </c>
      <c r="AO32" s="61">
        <v>0</v>
      </c>
      <c r="AP32" s="61">
        <v>0</v>
      </c>
      <c r="AQ32" s="61">
        <v>1</v>
      </c>
      <c r="AR32" s="61">
        <v>0</v>
      </c>
      <c r="AS32" s="62">
        <v>2</v>
      </c>
      <c r="AT32" s="63">
        <v>2</v>
      </c>
      <c r="AU32" s="60">
        <v>0</v>
      </c>
      <c r="AV32" s="61">
        <v>2</v>
      </c>
      <c r="AW32" s="62">
        <v>2</v>
      </c>
      <c r="AX32" s="228"/>
      <c r="AY32" s="61">
        <v>2</v>
      </c>
      <c r="AZ32" s="61">
        <v>0</v>
      </c>
      <c r="BA32" s="61">
        <v>2</v>
      </c>
      <c r="BB32" s="61">
        <v>2</v>
      </c>
      <c r="BC32" s="61">
        <v>0</v>
      </c>
      <c r="BD32" s="62">
        <v>6</v>
      </c>
      <c r="BE32" s="63">
        <v>8</v>
      </c>
      <c r="BF32" s="60">
        <v>2</v>
      </c>
      <c r="BG32" s="61">
        <v>2</v>
      </c>
      <c r="BH32" s="62">
        <v>4</v>
      </c>
      <c r="BI32" s="228"/>
      <c r="BJ32" s="61">
        <v>1</v>
      </c>
      <c r="BK32" s="61">
        <v>0</v>
      </c>
      <c r="BL32" s="61">
        <v>0</v>
      </c>
      <c r="BM32" s="61">
        <v>0</v>
      </c>
      <c r="BN32" s="61">
        <v>0</v>
      </c>
      <c r="BO32" s="62">
        <v>1</v>
      </c>
      <c r="BP32" s="63">
        <v>5</v>
      </c>
      <c r="BQ32" s="60">
        <v>1</v>
      </c>
      <c r="BR32" s="61">
        <v>1</v>
      </c>
      <c r="BS32" s="62">
        <v>2</v>
      </c>
      <c r="BT32" s="228"/>
      <c r="BU32" s="61">
        <v>0</v>
      </c>
      <c r="BV32" s="61">
        <v>4</v>
      </c>
      <c r="BW32" s="61">
        <v>0</v>
      </c>
      <c r="BX32" s="61">
        <v>1</v>
      </c>
      <c r="BY32" s="61">
        <v>2</v>
      </c>
      <c r="BZ32" s="62">
        <v>7</v>
      </c>
      <c r="CA32" s="63">
        <v>9</v>
      </c>
      <c r="CB32" s="60">
        <v>0</v>
      </c>
      <c r="CC32" s="61">
        <v>0</v>
      </c>
      <c r="CD32" s="62">
        <v>0</v>
      </c>
      <c r="CE32" s="228"/>
      <c r="CF32" s="61">
        <v>0</v>
      </c>
      <c r="CG32" s="61">
        <v>0</v>
      </c>
      <c r="CH32" s="61">
        <v>0</v>
      </c>
      <c r="CI32" s="61">
        <v>0</v>
      </c>
      <c r="CJ32" s="61">
        <v>0</v>
      </c>
      <c r="CK32" s="62">
        <v>0</v>
      </c>
      <c r="CL32" s="63">
        <v>0</v>
      </c>
      <c r="CM32" s="60">
        <v>3</v>
      </c>
      <c r="CN32" s="61">
        <v>5</v>
      </c>
      <c r="CO32" s="62">
        <v>8</v>
      </c>
      <c r="CP32" s="228"/>
      <c r="CQ32" s="61">
        <v>4</v>
      </c>
      <c r="CR32" s="61">
        <v>4</v>
      </c>
      <c r="CS32" s="61">
        <v>3</v>
      </c>
      <c r="CT32" s="61">
        <v>4</v>
      </c>
      <c r="CU32" s="61">
        <v>2</v>
      </c>
      <c r="CV32" s="62">
        <v>17</v>
      </c>
      <c r="CW32" s="63">
        <v>25</v>
      </c>
      <c r="CX32" s="113">
        <v>1</v>
      </c>
      <c r="CY32" s="72">
        <v>1</v>
      </c>
      <c r="CZ32" s="73">
        <v>2</v>
      </c>
      <c r="DA32" s="228"/>
      <c r="DB32" s="72">
        <v>6</v>
      </c>
      <c r="DC32" s="72">
        <v>2</v>
      </c>
      <c r="DD32" s="72">
        <v>0</v>
      </c>
      <c r="DE32" s="72">
        <v>2</v>
      </c>
      <c r="DF32" s="72">
        <v>0</v>
      </c>
      <c r="DG32" s="74">
        <v>10</v>
      </c>
      <c r="DH32" s="75">
        <v>12</v>
      </c>
      <c r="DI32" s="60">
        <v>0</v>
      </c>
      <c r="DJ32" s="61">
        <v>0</v>
      </c>
      <c r="DK32" s="62">
        <v>0</v>
      </c>
      <c r="DL32" s="228"/>
      <c r="DM32" s="61">
        <v>0</v>
      </c>
      <c r="DN32" s="61">
        <v>0</v>
      </c>
      <c r="DO32" s="61">
        <v>0</v>
      </c>
      <c r="DP32" s="61">
        <v>0</v>
      </c>
      <c r="DQ32" s="61">
        <v>0</v>
      </c>
      <c r="DR32" s="62">
        <v>0</v>
      </c>
      <c r="DS32" s="63">
        <v>0</v>
      </c>
      <c r="DT32" s="60">
        <v>0</v>
      </c>
      <c r="DU32" s="61">
        <v>0</v>
      </c>
      <c r="DV32" s="62">
        <v>0</v>
      </c>
      <c r="DW32" s="228"/>
      <c r="DX32" s="61">
        <v>0</v>
      </c>
      <c r="DY32" s="61">
        <v>1</v>
      </c>
      <c r="DZ32" s="61">
        <v>0</v>
      </c>
      <c r="EA32" s="61">
        <v>0</v>
      </c>
      <c r="EB32" s="61">
        <v>0</v>
      </c>
      <c r="EC32" s="62">
        <v>1</v>
      </c>
      <c r="ED32" s="63">
        <v>1</v>
      </c>
      <c r="EE32" s="60">
        <v>1</v>
      </c>
      <c r="EF32" s="61">
        <v>0</v>
      </c>
      <c r="EG32" s="62">
        <v>1</v>
      </c>
      <c r="EH32" s="228"/>
      <c r="EI32" s="61">
        <v>0</v>
      </c>
      <c r="EJ32" s="61">
        <v>0</v>
      </c>
      <c r="EK32" s="61">
        <v>0</v>
      </c>
      <c r="EL32" s="61">
        <v>0</v>
      </c>
      <c r="EM32" s="61">
        <v>0</v>
      </c>
      <c r="EN32" s="62">
        <v>0</v>
      </c>
      <c r="EO32" s="63">
        <v>1</v>
      </c>
      <c r="EP32" s="60">
        <v>0</v>
      </c>
      <c r="EQ32" s="61">
        <v>1</v>
      </c>
      <c r="ER32" s="62">
        <v>1</v>
      </c>
      <c r="ES32" s="228"/>
      <c r="ET32" s="61">
        <v>3</v>
      </c>
      <c r="EU32" s="61">
        <v>0</v>
      </c>
      <c r="EV32" s="61">
        <v>0</v>
      </c>
      <c r="EW32" s="61">
        <v>1</v>
      </c>
      <c r="EX32" s="61">
        <v>0</v>
      </c>
      <c r="EY32" s="62">
        <v>4</v>
      </c>
      <c r="EZ32" s="63">
        <v>5</v>
      </c>
      <c r="FA32" s="60">
        <v>0</v>
      </c>
      <c r="FB32" s="61">
        <v>0</v>
      </c>
      <c r="FC32" s="62">
        <v>0</v>
      </c>
      <c r="FD32" s="228"/>
      <c r="FE32" s="61">
        <v>1</v>
      </c>
      <c r="FF32" s="61">
        <v>0</v>
      </c>
      <c r="FG32" s="61">
        <v>0</v>
      </c>
      <c r="FH32" s="61">
        <v>0</v>
      </c>
      <c r="FI32" s="61">
        <v>0</v>
      </c>
      <c r="FJ32" s="62">
        <v>1</v>
      </c>
      <c r="FK32" s="63">
        <v>1</v>
      </c>
      <c r="FL32" s="60">
        <v>0</v>
      </c>
      <c r="FM32" s="61">
        <v>0</v>
      </c>
      <c r="FN32" s="62">
        <v>0</v>
      </c>
      <c r="FO32" s="228"/>
      <c r="FP32" s="61">
        <v>2</v>
      </c>
      <c r="FQ32" s="61">
        <v>1</v>
      </c>
      <c r="FR32" s="61">
        <v>0</v>
      </c>
      <c r="FS32" s="61">
        <v>1</v>
      </c>
      <c r="FT32" s="61">
        <v>0</v>
      </c>
      <c r="FU32" s="62">
        <v>4</v>
      </c>
      <c r="FV32" s="63">
        <v>4</v>
      </c>
      <c r="FW32" s="60">
        <v>0</v>
      </c>
      <c r="FX32" s="61">
        <v>0</v>
      </c>
      <c r="FY32" s="62">
        <v>0</v>
      </c>
      <c r="FZ32" s="228"/>
      <c r="GA32" s="61">
        <v>0</v>
      </c>
      <c r="GB32" s="61">
        <v>0</v>
      </c>
      <c r="GC32" s="61">
        <v>0</v>
      </c>
      <c r="GD32" s="61">
        <v>0</v>
      </c>
      <c r="GE32" s="61">
        <v>0</v>
      </c>
      <c r="GF32" s="62">
        <v>0</v>
      </c>
      <c r="GG32" s="63">
        <v>0</v>
      </c>
      <c r="GH32" s="60">
        <v>1</v>
      </c>
      <c r="GI32" s="61">
        <v>1</v>
      </c>
      <c r="GJ32" s="62">
        <v>2</v>
      </c>
      <c r="GK32" s="228"/>
      <c r="GL32" s="61">
        <v>6</v>
      </c>
      <c r="GM32" s="61">
        <v>2</v>
      </c>
      <c r="GN32" s="61">
        <v>0</v>
      </c>
      <c r="GO32" s="61">
        <v>2</v>
      </c>
      <c r="GP32" s="61">
        <v>0</v>
      </c>
      <c r="GQ32" s="62">
        <v>10</v>
      </c>
      <c r="GR32" s="63">
        <v>12</v>
      </c>
      <c r="GS32" s="113">
        <v>4</v>
      </c>
      <c r="GT32" s="72">
        <v>6</v>
      </c>
      <c r="GU32" s="73">
        <v>10</v>
      </c>
      <c r="GV32" s="228"/>
      <c r="GW32" s="72">
        <v>10</v>
      </c>
      <c r="GX32" s="72">
        <v>6</v>
      </c>
      <c r="GY32" s="72">
        <v>3</v>
      </c>
      <c r="GZ32" s="72">
        <v>6</v>
      </c>
      <c r="HA32" s="72">
        <v>2</v>
      </c>
      <c r="HB32" s="74">
        <v>27</v>
      </c>
      <c r="HC32" s="75">
        <v>37</v>
      </c>
      <c r="HD32" s="60">
        <v>0</v>
      </c>
      <c r="HE32" s="61">
        <v>0</v>
      </c>
      <c r="HF32" s="62">
        <v>0</v>
      </c>
      <c r="HG32" s="228"/>
      <c r="HH32" s="61">
        <v>0</v>
      </c>
      <c r="HI32" s="61">
        <v>0</v>
      </c>
      <c r="HJ32" s="61">
        <v>1</v>
      </c>
      <c r="HK32" s="61">
        <v>0</v>
      </c>
      <c r="HL32" s="61">
        <v>0</v>
      </c>
      <c r="HM32" s="62">
        <v>1</v>
      </c>
      <c r="HN32" s="63">
        <v>1</v>
      </c>
      <c r="HO32" s="60">
        <v>0</v>
      </c>
      <c r="HP32" s="61">
        <v>0</v>
      </c>
      <c r="HQ32" s="62">
        <v>0</v>
      </c>
      <c r="HR32" s="228"/>
      <c r="HS32" s="61">
        <v>0</v>
      </c>
      <c r="HT32" s="61">
        <v>1</v>
      </c>
      <c r="HU32" s="61">
        <v>0</v>
      </c>
      <c r="HV32" s="61">
        <v>0</v>
      </c>
      <c r="HW32" s="61">
        <v>0</v>
      </c>
      <c r="HX32" s="62">
        <v>1</v>
      </c>
      <c r="HY32" s="63">
        <v>1</v>
      </c>
      <c r="HZ32" s="60">
        <v>1</v>
      </c>
      <c r="IA32" s="61">
        <v>0</v>
      </c>
      <c r="IB32" s="62">
        <v>1</v>
      </c>
      <c r="IC32" s="228"/>
      <c r="ID32" s="61">
        <v>1</v>
      </c>
      <c r="IE32" s="61">
        <v>0</v>
      </c>
      <c r="IF32" s="61">
        <v>0</v>
      </c>
      <c r="IG32" s="61">
        <v>1</v>
      </c>
      <c r="IH32" s="61">
        <v>0</v>
      </c>
      <c r="II32" s="62">
        <v>2</v>
      </c>
      <c r="IJ32" s="63">
        <v>3</v>
      </c>
      <c r="IK32" s="60">
        <v>0</v>
      </c>
      <c r="IL32" s="61">
        <v>3</v>
      </c>
      <c r="IM32" s="62">
        <v>3</v>
      </c>
      <c r="IN32" s="228"/>
      <c r="IO32" s="61">
        <v>5</v>
      </c>
      <c r="IP32" s="61">
        <v>0</v>
      </c>
      <c r="IQ32" s="61">
        <v>2</v>
      </c>
      <c r="IR32" s="61">
        <v>3</v>
      </c>
      <c r="IS32" s="61">
        <v>0</v>
      </c>
      <c r="IT32" s="62">
        <v>10</v>
      </c>
      <c r="IU32" s="63">
        <v>13</v>
      </c>
      <c r="IV32" s="60">
        <v>2</v>
      </c>
      <c r="IW32" s="61">
        <v>2</v>
      </c>
      <c r="IX32" s="62">
        <v>4</v>
      </c>
      <c r="IY32" s="228"/>
      <c r="IZ32" s="61">
        <v>2</v>
      </c>
      <c r="JA32" s="61">
        <v>0</v>
      </c>
      <c r="JB32" s="61">
        <v>0</v>
      </c>
      <c r="JC32" s="61">
        <v>0</v>
      </c>
      <c r="JD32" s="61">
        <v>0</v>
      </c>
      <c r="JE32" s="62">
        <v>2</v>
      </c>
      <c r="JF32" s="63">
        <v>6</v>
      </c>
      <c r="JG32" s="60">
        <v>1</v>
      </c>
      <c r="JH32" s="61">
        <v>1</v>
      </c>
      <c r="JI32" s="62">
        <v>2</v>
      </c>
      <c r="JJ32" s="228"/>
      <c r="JK32" s="61">
        <v>2</v>
      </c>
      <c r="JL32" s="61">
        <v>5</v>
      </c>
      <c r="JM32" s="61">
        <v>0</v>
      </c>
      <c r="JN32" s="61">
        <v>2</v>
      </c>
      <c r="JO32" s="61">
        <v>2</v>
      </c>
      <c r="JP32" s="62">
        <v>11</v>
      </c>
      <c r="JQ32" s="63">
        <v>13</v>
      </c>
      <c r="JR32" s="60">
        <v>0</v>
      </c>
      <c r="JS32" s="61">
        <v>0</v>
      </c>
      <c r="JT32" s="62">
        <v>0</v>
      </c>
      <c r="JU32" s="228"/>
      <c r="JV32" s="61">
        <v>0</v>
      </c>
      <c r="JW32" s="61">
        <v>0</v>
      </c>
      <c r="JX32" s="61">
        <v>0</v>
      </c>
      <c r="JY32" s="61">
        <v>0</v>
      </c>
      <c r="JZ32" s="61">
        <v>0</v>
      </c>
      <c r="KA32" s="62">
        <v>0</v>
      </c>
      <c r="KB32" s="63">
        <v>0</v>
      </c>
      <c r="KC32" s="60">
        <v>4</v>
      </c>
      <c r="KD32" s="61">
        <v>6</v>
      </c>
      <c r="KE32" s="62">
        <v>10</v>
      </c>
      <c r="KF32" s="228"/>
      <c r="KG32" s="61">
        <v>10</v>
      </c>
      <c r="KH32" s="61">
        <v>6</v>
      </c>
      <c r="KI32" s="61">
        <v>3</v>
      </c>
      <c r="KJ32" s="61">
        <v>6</v>
      </c>
      <c r="KK32" s="61">
        <v>2</v>
      </c>
      <c r="KL32" s="62">
        <v>27</v>
      </c>
      <c r="KM32" s="63">
        <v>37</v>
      </c>
    </row>
    <row r="33" spans="2:299" ht="21" customHeight="1" x14ac:dyDescent="0.2">
      <c r="B33" s="468" t="s">
        <v>30</v>
      </c>
      <c r="C33" s="291">
        <v>2</v>
      </c>
      <c r="D33" s="72">
        <v>1</v>
      </c>
      <c r="E33" s="73">
        <v>3</v>
      </c>
      <c r="F33" s="228"/>
      <c r="G33" s="72">
        <v>6</v>
      </c>
      <c r="H33" s="72">
        <v>4</v>
      </c>
      <c r="I33" s="72">
        <v>4</v>
      </c>
      <c r="J33" s="72">
        <v>2</v>
      </c>
      <c r="K33" s="72">
        <v>2</v>
      </c>
      <c r="L33" s="74">
        <v>18</v>
      </c>
      <c r="M33" s="75">
        <v>21</v>
      </c>
      <c r="N33" s="60">
        <v>0</v>
      </c>
      <c r="O33" s="61">
        <v>0</v>
      </c>
      <c r="P33" s="62">
        <v>0</v>
      </c>
      <c r="Q33" s="228"/>
      <c r="R33" s="61">
        <v>0</v>
      </c>
      <c r="S33" s="61">
        <v>0</v>
      </c>
      <c r="T33" s="61">
        <v>0</v>
      </c>
      <c r="U33" s="61">
        <v>1</v>
      </c>
      <c r="V33" s="61">
        <v>0</v>
      </c>
      <c r="W33" s="62">
        <v>1</v>
      </c>
      <c r="X33" s="63">
        <v>1</v>
      </c>
      <c r="Y33" s="60">
        <v>0</v>
      </c>
      <c r="Z33" s="61">
        <v>0</v>
      </c>
      <c r="AA33" s="62">
        <v>0</v>
      </c>
      <c r="AB33" s="228"/>
      <c r="AC33" s="61">
        <v>0</v>
      </c>
      <c r="AD33" s="61">
        <v>0</v>
      </c>
      <c r="AE33" s="61">
        <v>1</v>
      </c>
      <c r="AF33" s="61">
        <v>0</v>
      </c>
      <c r="AG33" s="61">
        <v>0</v>
      </c>
      <c r="AH33" s="62">
        <v>1</v>
      </c>
      <c r="AI33" s="63">
        <v>1</v>
      </c>
      <c r="AJ33" s="60">
        <v>0</v>
      </c>
      <c r="AK33" s="61">
        <v>0</v>
      </c>
      <c r="AL33" s="62">
        <v>0</v>
      </c>
      <c r="AM33" s="228"/>
      <c r="AN33" s="61">
        <v>0</v>
      </c>
      <c r="AO33" s="61">
        <v>0</v>
      </c>
      <c r="AP33" s="61">
        <v>0</v>
      </c>
      <c r="AQ33" s="61">
        <v>0</v>
      </c>
      <c r="AR33" s="61">
        <v>0</v>
      </c>
      <c r="AS33" s="62">
        <v>0</v>
      </c>
      <c r="AT33" s="63">
        <v>0</v>
      </c>
      <c r="AU33" s="60">
        <v>0</v>
      </c>
      <c r="AV33" s="61">
        <v>0</v>
      </c>
      <c r="AW33" s="62">
        <v>0</v>
      </c>
      <c r="AX33" s="228"/>
      <c r="AY33" s="61">
        <v>3</v>
      </c>
      <c r="AZ33" s="61">
        <v>1</v>
      </c>
      <c r="BA33" s="61">
        <v>0</v>
      </c>
      <c r="BB33" s="61">
        <v>0</v>
      </c>
      <c r="BC33" s="61">
        <v>1</v>
      </c>
      <c r="BD33" s="62">
        <v>5</v>
      </c>
      <c r="BE33" s="63">
        <v>5</v>
      </c>
      <c r="BF33" s="60">
        <v>0</v>
      </c>
      <c r="BG33" s="61">
        <v>0</v>
      </c>
      <c r="BH33" s="62">
        <v>0</v>
      </c>
      <c r="BI33" s="228"/>
      <c r="BJ33" s="61">
        <v>1</v>
      </c>
      <c r="BK33" s="61">
        <v>1</v>
      </c>
      <c r="BL33" s="61">
        <v>3</v>
      </c>
      <c r="BM33" s="61">
        <v>1</v>
      </c>
      <c r="BN33" s="61">
        <v>0</v>
      </c>
      <c r="BO33" s="62">
        <v>6</v>
      </c>
      <c r="BP33" s="63">
        <v>6</v>
      </c>
      <c r="BQ33" s="60">
        <v>2</v>
      </c>
      <c r="BR33" s="61">
        <v>1</v>
      </c>
      <c r="BS33" s="62">
        <v>3</v>
      </c>
      <c r="BT33" s="228"/>
      <c r="BU33" s="61">
        <v>2</v>
      </c>
      <c r="BV33" s="61">
        <v>2</v>
      </c>
      <c r="BW33" s="61">
        <v>0</v>
      </c>
      <c r="BX33" s="61">
        <v>0</v>
      </c>
      <c r="BY33" s="61">
        <v>1</v>
      </c>
      <c r="BZ33" s="62">
        <v>5</v>
      </c>
      <c r="CA33" s="63">
        <v>8</v>
      </c>
      <c r="CB33" s="60">
        <v>0</v>
      </c>
      <c r="CC33" s="61">
        <v>0</v>
      </c>
      <c r="CD33" s="62">
        <v>0</v>
      </c>
      <c r="CE33" s="228"/>
      <c r="CF33" s="61">
        <v>0</v>
      </c>
      <c r="CG33" s="61">
        <v>0</v>
      </c>
      <c r="CH33" s="61">
        <v>0</v>
      </c>
      <c r="CI33" s="61">
        <v>0</v>
      </c>
      <c r="CJ33" s="61">
        <v>0</v>
      </c>
      <c r="CK33" s="62">
        <v>0</v>
      </c>
      <c r="CL33" s="63">
        <v>0</v>
      </c>
      <c r="CM33" s="60">
        <v>2</v>
      </c>
      <c r="CN33" s="61">
        <v>1</v>
      </c>
      <c r="CO33" s="62">
        <v>3</v>
      </c>
      <c r="CP33" s="228"/>
      <c r="CQ33" s="61">
        <v>6</v>
      </c>
      <c r="CR33" s="61">
        <v>4</v>
      </c>
      <c r="CS33" s="61">
        <v>4</v>
      </c>
      <c r="CT33" s="61">
        <v>2</v>
      </c>
      <c r="CU33" s="61">
        <v>2</v>
      </c>
      <c r="CV33" s="62">
        <v>18</v>
      </c>
      <c r="CW33" s="63">
        <v>21</v>
      </c>
      <c r="CX33" s="113">
        <v>0</v>
      </c>
      <c r="CY33" s="72">
        <v>2</v>
      </c>
      <c r="CZ33" s="73">
        <v>2</v>
      </c>
      <c r="DA33" s="228"/>
      <c r="DB33" s="72">
        <v>2</v>
      </c>
      <c r="DC33" s="72">
        <v>1</v>
      </c>
      <c r="DD33" s="72">
        <v>2</v>
      </c>
      <c r="DE33" s="72">
        <v>0</v>
      </c>
      <c r="DF33" s="72">
        <v>0</v>
      </c>
      <c r="DG33" s="74">
        <v>5</v>
      </c>
      <c r="DH33" s="75">
        <v>7</v>
      </c>
      <c r="DI33" s="60">
        <v>0</v>
      </c>
      <c r="DJ33" s="61">
        <v>0</v>
      </c>
      <c r="DK33" s="62">
        <v>0</v>
      </c>
      <c r="DL33" s="228"/>
      <c r="DM33" s="61">
        <v>0</v>
      </c>
      <c r="DN33" s="61">
        <v>0</v>
      </c>
      <c r="DO33" s="61">
        <v>0</v>
      </c>
      <c r="DP33" s="61">
        <v>0</v>
      </c>
      <c r="DQ33" s="61">
        <v>0</v>
      </c>
      <c r="DR33" s="62">
        <v>0</v>
      </c>
      <c r="DS33" s="63">
        <v>0</v>
      </c>
      <c r="DT33" s="60">
        <v>0</v>
      </c>
      <c r="DU33" s="61">
        <v>0</v>
      </c>
      <c r="DV33" s="62">
        <v>0</v>
      </c>
      <c r="DW33" s="228"/>
      <c r="DX33" s="61">
        <v>0</v>
      </c>
      <c r="DY33" s="61">
        <v>0</v>
      </c>
      <c r="DZ33" s="61">
        <v>1</v>
      </c>
      <c r="EA33" s="61">
        <v>0</v>
      </c>
      <c r="EB33" s="61">
        <v>0</v>
      </c>
      <c r="EC33" s="62">
        <v>1</v>
      </c>
      <c r="ED33" s="63">
        <v>1</v>
      </c>
      <c r="EE33" s="60">
        <v>0</v>
      </c>
      <c r="EF33" s="61">
        <v>0</v>
      </c>
      <c r="EG33" s="62">
        <v>0</v>
      </c>
      <c r="EH33" s="228"/>
      <c r="EI33" s="61">
        <v>0</v>
      </c>
      <c r="EJ33" s="61">
        <v>0</v>
      </c>
      <c r="EK33" s="61">
        <v>0</v>
      </c>
      <c r="EL33" s="61">
        <v>0</v>
      </c>
      <c r="EM33" s="61">
        <v>0</v>
      </c>
      <c r="EN33" s="62">
        <v>0</v>
      </c>
      <c r="EO33" s="63">
        <v>0</v>
      </c>
      <c r="EP33" s="60">
        <v>0</v>
      </c>
      <c r="EQ33" s="61">
        <v>1</v>
      </c>
      <c r="ER33" s="62">
        <v>1</v>
      </c>
      <c r="ES33" s="228"/>
      <c r="ET33" s="61">
        <v>0</v>
      </c>
      <c r="EU33" s="61">
        <v>0</v>
      </c>
      <c r="EV33" s="61">
        <v>0</v>
      </c>
      <c r="EW33" s="61">
        <v>0</v>
      </c>
      <c r="EX33" s="61">
        <v>0</v>
      </c>
      <c r="EY33" s="62">
        <v>0</v>
      </c>
      <c r="EZ33" s="63">
        <v>1</v>
      </c>
      <c r="FA33" s="60">
        <v>0</v>
      </c>
      <c r="FB33" s="61">
        <v>0</v>
      </c>
      <c r="FC33" s="62">
        <v>0</v>
      </c>
      <c r="FD33" s="228"/>
      <c r="FE33" s="61">
        <v>2</v>
      </c>
      <c r="FF33" s="61">
        <v>0</v>
      </c>
      <c r="FG33" s="61">
        <v>0</v>
      </c>
      <c r="FH33" s="61">
        <v>0</v>
      </c>
      <c r="FI33" s="61">
        <v>0</v>
      </c>
      <c r="FJ33" s="62">
        <v>2</v>
      </c>
      <c r="FK33" s="63">
        <v>2</v>
      </c>
      <c r="FL33" s="60">
        <v>0</v>
      </c>
      <c r="FM33" s="61">
        <v>1</v>
      </c>
      <c r="FN33" s="62">
        <v>1</v>
      </c>
      <c r="FO33" s="228"/>
      <c r="FP33" s="61">
        <v>0</v>
      </c>
      <c r="FQ33" s="61">
        <v>1</v>
      </c>
      <c r="FR33" s="61">
        <v>1</v>
      </c>
      <c r="FS33" s="61">
        <v>0</v>
      </c>
      <c r="FT33" s="61">
        <v>0</v>
      </c>
      <c r="FU33" s="62">
        <v>2</v>
      </c>
      <c r="FV33" s="63">
        <v>3</v>
      </c>
      <c r="FW33" s="60">
        <v>0</v>
      </c>
      <c r="FX33" s="61">
        <v>0</v>
      </c>
      <c r="FY33" s="62">
        <v>0</v>
      </c>
      <c r="FZ33" s="228"/>
      <c r="GA33" s="61">
        <v>0</v>
      </c>
      <c r="GB33" s="61">
        <v>0</v>
      </c>
      <c r="GC33" s="61">
        <v>0</v>
      </c>
      <c r="GD33" s="61">
        <v>0</v>
      </c>
      <c r="GE33" s="61">
        <v>0</v>
      </c>
      <c r="GF33" s="62">
        <v>0</v>
      </c>
      <c r="GG33" s="63">
        <v>0</v>
      </c>
      <c r="GH33" s="60">
        <v>0</v>
      </c>
      <c r="GI33" s="61">
        <v>2</v>
      </c>
      <c r="GJ33" s="62">
        <v>2</v>
      </c>
      <c r="GK33" s="228"/>
      <c r="GL33" s="61">
        <v>2</v>
      </c>
      <c r="GM33" s="61">
        <v>1</v>
      </c>
      <c r="GN33" s="61">
        <v>2</v>
      </c>
      <c r="GO33" s="61">
        <v>0</v>
      </c>
      <c r="GP33" s="61">
        <v>0</v>
      </c>
      <c r="GQ33" s="62">
        <v>5</v>
      </c>
      <c r="GR33" s="63">
        <v>7</v>
      </c>
      <c r="GS33" s="113">
        <v>2</v>
      </c>
      <c r="GT33" s="72">
        <v>3</v>
      </c>
      <c r="GU33" s="73">
        <v>5</v>
      </c>
      <c r="GV33" s="228"/>
      <c r="GW33" s="72">
        <v>8</v>
      </c>
      <c r="GX33" s="72">
        <v>5</v>
      </c>
      <c r="GY33" s="72">
        <v>6</v>
      </c>
      <c r="GZ33" s="72">
        <v>2</v>
      </c>
      <c r="HA33" s="72">
        <v>2</v>
      </c>
      <c r="HB33" s="74">
        <v>23</v>
      </c>
      <c r="HC33" s="75">
        <v>28</v>
      </c>
      <c r="HD33" s="60">
        <v>0</v>
      </c>
      <c r="HE33" s="61">
        <v>0</v>
      </c>
      <c r="HF33" s="62">
        <v>0</v>
      </c>
      <c r="HG33" s="228"/>
      <c r="HH33" s="61">
        <v>0</v>
      </c>
      <c r="HI33" s="61">
        <v>0</v>
      </c>
      <c r="HJ33" s="61">
        <v>0</v>
      </c>
      <c r="HK33" s="61">
        <v>1</v>
      </c>
      <c r="HL33" s="61">
        <v>0</v>
      </c>
      <c r="HM33" s="62">
        <v>1</v>
      </c>
      <c r="HN33" s="63">
        <v>1</v>
      </c>
      <c r="HO33" s="60">
        <v>0</v>
      </c>
      <c r="HP33" s="61">
        <v>0</v>
      </c>
      <c r="HQ33" s="62">
        <v>0</v>
      </c>
      <c r="HR33" s="228"/>
      <c r="HS33" s="61">
        <v>0</v>
      </c>
      <c r="HT33" s="61">
        <v>0</v>
      </c>
      <c r="HU33" s="61">
        <v>2</v>
      </c>
      <c r="HV33" s="61">
        <v>0</v>
      </c>
      <c r="HW33" s="61">
        <v>0</v>
      </c>
      <c r="HX33" s="62">
        <v>2</v>
      </c>
      <c r="HY33" s="63">
        <v>2</v>
      </c>
      <c r="HZ33" s="60">
        <v>0</v>
      </c>
      <c r="IA33" s="61">
        <v>0</v>
      </c>
      <c r="IB33" s="62">
        <v>0</v>
      </c>
      <c r="IC33" s="228"/>
      <c r="ID33" s="61">
        <v>0</v>
      </c>
      <c r="IE33" s="61">
        <v>0</v>
      </c>
      <c r="IF33" s="61">
        <v>0</v>
      </c>
      <c r="IG33" s="61">
        <v>0</v>
      </c>
      <c r="IH33" s="61">
        <v>0</v>
      </c>
      <c r="II33" s="62">
        <v>0</v>
      </c>
      <c r="IJ33" s="63">
        <v>0</v>
      </c>
      <c r="IK33" s="60">
        <v>0</v>
      </c>
      <c r="IL33" s="61">
        <v>1</v>
      </c>
      <c r="IM33" s="62">
        <v>1</v>
      </c>
      <c r="IN33" s="228"/>
      <c r="IO33" s="61">
        <v>3</v>
      </c>
      <c r="IP33" s="61">
        <v>1</v>
      </c>
      <c r="IQ33" s="61">
        <v>0</v>
      </c>
      <c r="IR33" s="61">
        <v>0</v>
      </c>
      <c r="IS33" s="61">
        <v>1</v>
      </c>
      <c r="IT33" s="62">
        <v>5</v>
      </c>
      <c r="IU33" s="63">
        <v>6</v>
      </c>
      <c r="IV33" s="60">
        <v>0</v>
      </c>
      <c r="IW33" s="61">
        <v>0</v>
      </c>
      <c r="IX33" s="62">
        <v>0</v>
      </c>
      <c r="IY33" s="228"/>
      <c r="IZ33" s="61">
        <v>3</v>
      </c>
      <c r="JA33" s="61">
        <v>1</v>
      </c>
      <c r="JB33" s="61">
        <v>3</v>
      </c>
      <c r="JC33" s="61">
        <v>1</v>
      </c>
      <c r="JD33" s="61">
        <v>0</v>
      </c>
      <c r="JE33" s="62">
        <v>8</v>
      </c>
      <c r="JF33" s="63">
        <v>8</v>
      </c>
      <c r="JG33" s="60">
        <v>2</v>
      </c>
      <c r="JH33" s="61">
        <v>2</v>
      </c>
      <c r="JI33" s="62">
        <v>4</v>
      </c>
      <c r="JJ33" s="228"/>
      <c r="JK33" s="61">
        <v>2</v>
      </c>
      <c r="JL33" s="61">
        <v>3</v>
      </c>
      <c r="JM33" s="61">
        <v>1</v>
      </c>
      <c r="JN33" s="61">
        <v>0</v>
      </c>
      <c r="JO33" s="61">
        <v>1</v>
      </c>
      <c r="JP33" s="62">
        <v>7</v>
      </c>
      <c r="JQ33" s="63">
        <v>11</v>
      </c>
      <c r="JR33" s="60">
        <v>0</v>
      </c>
      <c r="JS33" s="61">
        <v>0</v>
      </c>
      <c r="JT33" s="62">
        <v>0</v>
      </c>
      <c r="JU33" s="228"/>
      <c r="JV33" s="61">
        <v>0</v>
      </c>
      <c r="JW33" s="61">
        <v>0</v>
      </c>
      <c r="JX33" s="61">
        <v>0</v>
      </c>
      <c r="JY33" s="61">
        <v>0</v>
      </c>
      <c r="JZ33" s="61">
        <v>0</v>
      </c>
      <c r="KA33" s="62">
        <v>0</v>
      </c>
      <c r="KB33" s="63">
        <v>0</v>
      </c>
      <c r="KC33" s="60">
        <v>2</v>
      </c>
      <c r="KD33" s="61">
        <v>3</v>
      </c>
      <c r="KE33" s="62">
        <v>5</v>
      </c>
      <c r="KF33" s="228"/>
      <c r="KG33" s="61">
        <v>8</v>
      </c>
      <c r="KH33" s="61">
        <v>5</v>
      </c>
      <c r="KI33" s="61">
        <v>6</v>
      </c>
      <c r="KJ33" s="61">
        <v>2</v>
      </c>
      <c r="KK33" s="61">
        <v>2</v>
      </c>
      <c r="KL33" s="62">
        <v>23</v>
      </c>
      <c r="KM33" s="63">
        <v>28</v>
      </c>
    </row>
    <row r="34" spans="2:299" ht="21" customHeight="1" x14ac:dyDescent="0.2">
      <c r="B34" s="468" t="s">
        <v>31</v>
      </c>
      <c r="C34" s="291">
        <v>3</v>
      </c>
      <c r="D34" s="72">
        <v>5</v>
      </c>
      <c r="E34" s="73">
        <v>8</v>
      </c>
      <c r="F34" s="228"/>
      <c r="G34" s="72">
        <v>8</v>
      </c>
      <c r="H34" s="72">
        <v>6</v>
      </c>
      <c r="I34" s="72">
        <v>7</v>
      </c>
      <c r="J34" s="72">
        <v>2</v>
      </c>
      <c r="K34" s="72">
        <v>4</v>
      </c>
      <c r="L34" s="74">
        <v>27</v>
      </c>
      <c r="M34" s="75">
        <v>35</v>
      </c>
      <c r="N34" s="60">
        <v>0</v>
      </c>
      <c r="O34" s="61">
        <v>0</v>
      </c>
      <c r="P34" s="62">
        <v>0</v>
      </c>
      <c r="Q34" s="228"/>
      <c r="R34" s="61">
        <v>0</v>
      </c>
      <c r="S34" s="61">
        <v>2</v>
      </c>
      <c r="T34" s="61">
        <v>0</v>
      </c>
      <c r="U34" s="61">
        <v>0</v>
      </c>
      <c r="V34" s="61">
        <v>0</v>
      </c>
      <c r="W34" s="62">
        <v>2</v>
      </c>
      <c r="X34" s="63">
        <v>2</v>
      </c>
      <c r="Y34" s="60">
        <v>1</v>
      </c>
      <c r="Z34" s="61">
        <v>1</v>
      </c>
      <c r="AA34" s="62">
        <v>2</v>
      </c>
      <c r="AB34" s="228"/>
      <c r="AC34" s="61">
        <v>2</v>
      </c>
      <c r="AD34" s="61">
        <v>0</v>
      </c>
      <c r="AE34" s="61">
        <v>2</v>
      </c>
      <c r="AF34" s="61">
        <v>1</v>
      </c>
      <c r="AG34" s="61">
        <v>2</v>
      </c>
      <c r="AH34" s="62">
        <v>7</v>
      </c>
      <c r="AI34" s="63">
        <v>9</v>
      </c>
      <c r="AJ34" s="60">
        <v>0</v>
      </c>
      <c r="AK34" s="61">
        <v>0</v>
      </c>
      <c r="AL34" s="62">
        <v>0</v>
      </c>
      <c r="AM34" s="228"/>
      <c r="AN34" s="61">
        <v>1</v>
      </c>
      <c r="AO34" s="61">
        <v>1</v>
      </c>
      <c r="AP34" s="61">
        <v>1</v>
      </c>
      <c r="AQ34" s="61">
        <v>1</v>
      </c>
      <c r="AR34" s="61">
        <v>0</v>
      </c>
      <c r="AS34" s="62">
        <v>4</v>
      </c>
      <c r="AT34" s="63">
        <v>4</v>
      </c>
      <c r="AU34" s="60">
        <v>1</v>
      </c>
      <c r="AV34" s="61">
        <v>1</v>
      </c>
      <c r="AW34" s="62">
        <v>2</v>
      </c>
      <c r="AX34" s="228"/>
      <c r="AY34" s="61">
        <v>0</v>
      </c>
      <c r="AZ34" s="61">
        <v>0</v>
      </c>
      <c r="BA34" s="61">
        <v>0</v>
      </c>
      <c r="BB34" s="61">
        <v>0</v>
      </c>
      <c r="BC34" s="61">
        <v>0</v>
      </c>
      <c r="BD34" s="62">
        <v>0</v>
      </c>
      <c r="BE34" s="63">
        <v>2</v>
      </c>
      <c r="BF34" s="60">
        <v>0</v>
      </c>
      <c r="BG34" s="61">
        <v>2</v>
      </c>
      <c r="BH34" s="62">
        <v>2</v>
      </c>
      <c r="BI34" s="228"/>
      <c r="BJ34" s="61">
        <v>2</v>
      </c>
      <c r="BK34" s="61">
        <v>0</v>
      </c>
      <c r="BL34" s="61">
        <v>2</v>
      </c>
      <c r="BM34" s="61">
        <v>0</v>
      </c>
      <c r="BN34" s="61">
        <v>1</v>
      </c>
      <c r="BO34" s="62">
        <v>5</v>
      </c>
      <c r="BP34" s="63">
        <v>7</v>
      </c>
      <c r="BQ34" s="60">
        <v>1</v>
      </c>
      <c r="BR34" s="61">
        <v>1</v>
      </c>
      <c r="BS34" s="62">
        <v>2</v>
      </c>
      <c r="BT34" s="228"/>
      <c r="BU34" s="61">
        <v>3</v>
      </c>
      <c r="BV34" s="61">
        <v>3</v>
      </c>
      <c r="BW34" s="61">
        <v>2</v>
      </c>
      <c r="BX34" s="61">
        <v>0</v>
      </c>
      <c r="BY34" s="61">
        <v>1</v>
      </c>
      <c r="BZ34" s="62">
        <v>9</v>
      </c>
      <c r="CA34" s="63">
        <v>11</v>
      </c>
      <c r="CB34" s="60">
        <v>0</v>
      </c>
      <c r="CC34" s="61">
        <v>0</v>
      </c>
      <c r="CD34" s="62">
        <v>0</v>
      </c>
      <c r="CE34" s="228"/>
      <c r="CF34" s="61">
        <v>0</v>
      </c>
      <c r="CG34" s="61">
        <v>0</v>
      </c>
      <c r="CH34" s="61">
        <v>0</v>
      </c>
      <c r="CI34" s="61">
        <v>0</v>
      </c>
      <c r="CJ34" s="61">
        <v>0</v>
      </c>
      <c r="CK34" s="62">
        <v>0</v>
      </c>
      <c r="CL34" s="63">
        <v>0</v>
      </c>
      <c r="CM34" s="60">
        <v>3</v>
      </c>
      <c r="CN34" s="61">
        <v>5</v>
      </c>
      <c r="CO34" s="62">
        <v>8</v>
      </c>
      <c r="CP34" s="228"/>
      <c r="CQ34" s="61">
        <v>8</v>
      </c>
      <c r="CR34" s="61">
        <v>6</v>
      </c>
      <c r="CS34" s="61">
        <v>7</v>
      </c>
      <c r="CT34" s="61">
        <v>2</v>
      </c>
      <c r="CU34" s="61">
        <v>4</v>
      </c>
      <c r="CV34" s="62">
        <v>27</v>
      </c>
      <c r="CW34" s="63">
        <v>35</v>
      </c>
      <c r="CX34" s="113">
        <v>1</v>
      </c>
      <c r="CY34" s="72">
        <v>1</v>
      </c>
      <c r="CZ34" s="73">
        <v>2</v>
      </c>
      <c r="DA34" s="228"/>
      <c r="DB34" s="72">
        <v>1</v>
      </c>
      <c r="DC34" s="72">
        <v>2</v>
      </c>
      <c r="DD34" s="72">
        <v>2</v>
      </c>
      <c r="DE34" s="72">
        <v>2</v>
      </c>
      <c r="DF34" s="72">
        <v>0</v>
      </c>
      <c r="DG34" s="74">
        <v>7</v>
      </c>
      <c r="DH34" s="75">
        <v>9</v>
      </c>
      <c r="DI34" s="60">
        <v>0</v>
      </c>
      <c r="DJ34" s="61">
        <v>0</v>
      </c>
      <c r="DK34" s="62">
        <v>0</v>
      </c>
      <c r="DL34" s="228"/>
      <c r="DM34" s="61">
        <v>0</v>
      </c>
      <c r="DN34" s="61">
        <v>0</v>
      </c>
      <c r="DO34" s="61">
        <v>0</v>
      </c>
      <c r="DP34" s="61">
        <v>0</v>
      </c>
      <c r="DQ34" s="61">
        <v>0</v>
      </c>
      <c r="DR34" s="62">
        <v>0</v>
      </c>
      <c r="DS34" s="63">
        <v>0</v>
      </c>
      <c r="DT34" s="60">
        <v>0</v>
      </c>
      <c r="DU34" s="61">
        <v>0</v>
      </c>
      <c r="DV34" s="62">
        <v>0</v>
      </c>
      <c r="DW34" s="228"/>
      <c r="DX34" s="61">
        <v>0</v>
      </c>
      <c r="DY34" s="61">
        <v>0</v>
      </c>
      <c r="DZ34" s="61">
        <v>0</v>
      </c>
      <c r="EA34" s="61">
        <v>0</v>
      </c>
      <c r="EB34" s="61">
        <v>0</v>
      </c>
      <c r="EC34" s="62">
        <v>0</v>
      </c>
      <c r="ED34" s="63">
        <v>0</v>
      </c>
      <c r="EE34" s="60">
        <v>0</v>
      </c>
      <c r="EF34" s="61">
        <v>0</v>
      </c>
      <c r="EG34" s="62">
        <v>0</v>
      </c>
      <c r="EH34" s="228"/>
      <c r="EI34" s="61">
        <v>0</v>
      </c>
      <c r="EJ34" s="61">
        <v>0</v>
      </c>
      <c r="EK34" s="61">
        <v>0</v>
      </c>
      <c r="EL34" s="61">
        <v>2</v>
      </c>
      <c r="EM34" s="61">
        <v>0</v>
      </c>
      <c r="EN34" s="62">
        <v>2</v>
      </c>
      <c r="EO34" s="63">
        <v>2</v>
      </c>
      <c r="EP34" s="60">
        <v>0</v>
      </c>
      <c r="EQ34" s="61">
        <v>0</v>
      </c>
      <c r="ER34" s="62">
        <v>0</v>
      </c>
      <c r="ES34" s="228"/>
      <c r="ET34" s="61">
        <v>1</v>
      </c>
      <c r="EU34" s="61">
        <v>0</v>
      </c>
      <c r="EV34" s="61">
        <v>1</v>
      </c>
      <c r="EW34" s="61">
        <v>0</v>
      </c>
      <c r="EX34" s="61">
        <v>0</v>
      </c>
      <c r="EY34" s="62">
        <v>2</v>
      </c>
      <c r="EZ34" s="63">
        <v>2</v>
      </c>
      <c r="FA34" s="60">
        <v>1</v>
      </c>
      <c r="FB34" s="61">
        <v>1</v>
      </c>
      <c r="FC34" s="62">
        <v>2</v>
      </c>
      <c r="FD34" s="228"/>
      <c r="FE34" s="61">
        <v>0</v>
      </c>
      <c r="FF34" s="61">
        <v>0</v>
      </c>
      <c r="FG34" s="61">
        <v>0</v>
      </c>
      <c r="FH34" s="61">
        <v>0</v>
      </c>
      <c r="FI34" s="61">
        <v>0</v>
      </c>
      <c r="FJ34" s="62">
        <v>0</v>
      </c>
      <c r="FK34" s="63">
        <v>2</v>
      </c>
      <c r="FL34" s="60">
        <v>0</v>
      </c>
      <c r="FM34" s="61">
        <v>0</v>
      </c>
      <c r="FN34" s="62">
        <v>0</v>
      </c>
      <c r="FO34" s="228"/>
      <c r="FP34" s="61">
        <v>0</v>
      </c>
      <c r="FQ34" s="61">
        <v>2</v>
      </c>
      <c r="FR34" s="61">
        <v>1</v>
      </c>
      <c r="FS34" s="61">
        <v>0</v>
      </c>
      <c r="FT34" s="61">
        <v>0</v>
      </c>
      <c r="FU34" s="62">
        <v>3</v>
      </c>
      <c r="FV34" s="63">
        <v>3</v>
      </c>
      <c r="FW34" s="60">
        <v>0</v>
      </c>
      <c r="FX34" s="61">
        <v>0</v>
      </c>
      <c r="FY34" s="62">
        <v>0</v>
      </c>
      <c r="FZ34" s="228"/>
      <c r="GA34" s="61">
        <v>0</v>
      </c>
      <c r="GB34" s="61">
        <v>0</v>
      </c>
      <c r="GC34" s="61">
        <v>0</v>
      </c>
      <c r="GD34" s="61">
        <v>0</v>
      </c>
      <c r="GE34" s="61">
        <v>0</v>
      </c>
      <c r="GF34" s="62">
        <v>0</v>
      </c>
      <c r="GG34" s="63">
        <v>0</v>
      </c>
      <c r="GH34" s="60">
        <v>1</v>
      </c>
      <c r="GI34" s="61">
        <v>1</v>
      </c>
      <c r="GJ34" s="62">
        <v>2</v>
      </c>
      <c r="GK34" s="228"/>
      <c r="GL34" s="61">
        <v>1</v>
      </c>
      <c r="GM34" s="61">
        <v>2</v>
      </c>
      <c r="GN34" s="61">
        <v>2</v>
      </c>
      <c r="GO34" s="61">
        <v>2</v>
      </c>
      <c r="GP34" s="61">
        <v>0</v>
      </c>
      <c r="GQ34" s="62">
        <v>7</v>
      </c>
      <c r="GR34" s="63">
        <v>9</v>
      </c>
      <c r="GS34" s="113">
        <v>4</v>
      </c>
      <c r="GT34" s="72">
        <v>6</v>
      </c>
      <c r="GU34" s="73">
        <v>10</v>
      </c>
      <c r="GV34" s="228"/>
      <c r="GW34" s="72">
        <v>9</v>
      </c>
      <c r="GX34" s="72">
        <v>8</v>
      </c>
      <c r="GY34" s="72">
        <v>9</v>
      </c>
      <c r="GZ34" s="72">
        <v>4</v>
      </c>
      <c r="HA34" s="72">
        <v>4</v>
      </c>
      <c r="HB34" s="74">
        <v>34</v>
      </c>
      <c r="HC34" s="75">
        <v>44</v>
      </c>
      <c r="HD34" s="60">
        <v>0</v>
      </c>
      <c r="HE34" s="61">
        <v>0</v>
      </c>
      <c r="HF34" s="62">
        <v>0</v>
      </c>
      <c r="HG34" s="228"/>
      <c r="HH34" s="61">
        <v>0</v>
      </c>
      <c r="HI34" s="61">
        <v>2</v>
      </c>
      <c r="HJ34" s="61">
        <v>0</v>
      </c>
      <c r="HK34" s="61">
        <v>0</v>
      </c>
      <c r="HL34" s="61">
        <v>0</v>
      </c>
      <c r="HM34" s="62">
        <v>2</v>
      </c>
      <c r="HN34" s="63">
        <v>2</v>
      </c>
      <c r="HO34" s="60">
        <v>1</v>
      </c>
      <c r="HP34" s="61">
        <v>1</v>
      </c>
      <c r="HQ34" s="62">
        <v>2</v>
      </c>
      <c r="HR34" s="228"/>
      <c r="HS34" s="61">
        <v>2</v>
      </c>
      <c r="HT34" s="61">
        <v>0</v>
      </c>
      <c r="HU34" s="61">
        <v>2</v>
      </c>
      <c r="HV34" s="61">
        <v>1</v>
      </c>
      <c r="HW34" s="61">
        <v>2</v>
      </c>
      <c r="HX34" s="62">
        <v>7</v>
      </c>
      <c r="HY34" s="63">
        <v>9</v>
      </c>
      <c r="HZ34" s="60">
        <v>0</v>
      </c>
      <c r="IA34" s="61">
        <v>0</v>
      </c>
      <c r="IB34" s="62">
        <v>0</v>
      </c>
      <c r="IC34" s="228"/>
      <c r="ID34" s="61">
        <v>1</v>
      </c>
      <c r="IE34" s="61">
        <v>1</v>
      </c>
      <c r="IF34" s="61">
        <v>1</v>
      </c>
      <c r="IG34" s="61">
        <v>3</v>
      </c>
      <c r="IH34" s="61">
        <v>0</v>
      </c>
      <c r="II34" s="62">
        <v>6</v>
      </c>
      <c r="IJ34" s="63">
        <v>6</v>
      </c>
      <c r="IK34" s="60">
        <v>1</v>
      </c>
      <c r="IL34" s="61">
        <v>1</v>
      </c>
      <c r="IM34" s="62">
        <v>2</v>
      </c>
      <c r="IN34" s="228"/>
      <c r="IO34" s="61">
        <v>1</v>
      </c>
      <c r="IP34" s="61">
        <v>0</v>
      </c>
      <c r="IQ34" s="61">
        <v>1</v>
      </c>
      <c r="IR34" s="61">
        <v>0</v>
      </c>
      <c r="IS34" s="61">
        <v>0</v>
      </c>
      <c r="IT34" s="62">
        <v>2</v>
      </c>
      <c r="IU34" s="63">
        <v>4</v>
      </c>
      <c r="IV34" s="60">
        <v>1</v>
      </c>
      <c r="IW34" s="61">
        <v>3</v>
      </c>
      <c r="IX34" s="62">
        <v>4</v>
      </c>
      <c r="IY34" s="228"/>
      <c r="IZ34" s="61">
        <v>2</v>
      </c>
      <c r="JA34" s="61">
        <v>0</v>
      </c>
      <c r="JB34" s="61">
        <v>2</v>
      </c>
      <c r="JC34" s="61">
        <v>0</v>
      </c>
      <c r="JD34" s="61">
        <v>1</v>
      </c>
      <c r="JE34" s="62">
        <v>5</v>
      </c>
      <c r="JF34" s="63">
        <v>9</v>
      </c>
      <c r="JG34" s="60">
        <v>1</v>
      </c>
      <c r="JH34" s="61">
        <v>1</v>
      </c>
      <c r="JI34" s="62">
        <v>2</v>
      </c>
      <c r="JJ34" s="228"/>
      <c r="JK34" s="61">
        <v>3</v>
      </c>
      <c r="JL34" s="61">
        <v>5</v>
      </c>
      <c r="JM34" s="61">
        <v>3</v>
      </c>
      <c r="JN34" s="61">
        <v>0</v>
      </c>
      <c r="JO34" s="61">
        <v>1</v>
      </c>
      <c r="JP34" s="62">
        <v>12</v>
      </c>
      <c r="JQ34" s="63">
        <v>14</v>
      </c>
      <c r="JR34" s="60">
        <v>0</v>
      </c>
      <c r="JS34" s="61">
        <v>0</v>
      </c>
      <c r="JT34" s="62">
        <v>0</v>
      </c>
      <c r="JU34" s="228"/>
      <c r="JV34" s="61">
        <v>0</v>
      </c>
      <c r="JW34" s="61">
        <v>0</v>
      </c>
      <c r="JX34" s="61">
        <v>0</v>
      </c>
      <c r="JY34" s="61">
        <v>0</v>
      </c>
      <c r="JZ34" s="61">
        <v>0</v>
      </c>
      <c r="KA34" s="62">
        <v>0</v>
      </c>
      <c r="KB34" s="63">
        <v>0</v>
      </c>
      <c r="KC34" s="60">
        <v>4</v>
      </c>
      <c r="KD34" s="61">
        <v>6</v>
      </c>
      <c r="KE34" s="62">
        <v>10</v>
      </c>
      <c r="KF34" s="228"/>
      <c r="KG34" s="61">
        <v>9</v>
      </c>
      <c r="KH34" s="61">
        <v>8</v>
      </c>
      <c r="KI34" s="61">
        <v>9</v>
      </c>
      <c r="KJ34" s="61">
        <v>4</v>
      </c>
      <c r="KK34" s="61">
        <v>4</v>
      </c>
      <c r="KL34" s="62">
        <v>34</v>
      </c>
      <c r="KM34" s="63">
        <v>44</v>
      </c>
    </row>
    <row r="35" spans="2:299" ht="21" customHeight="1" x14ac:dyDescent="0.2">
      <c r="B35" s="468" t="s">
        <v>32</v>
      </c>
      <c r="C35" s="291">
        <v>3</v>
      </c>
      <c r="D35" s="72">
        <v>3</v>
      </c>
      <c r="E35" s="73">
        <v>6</v>
      </c>
      <c r="F35" s="228"/>
      <c r="G35" s="72">
        <v>12</v>
      </c>
      <c r="H35" s="72">
        <v>3</v>
      </c>
      <c r="I35" s="72">
        <v>4</v>
      </c>
      <c r="J35" s="72">
        <v>3</v>
      </c>
      <c r="K35" s="72">
        <v>6</v>
      </c>
      <c r="L35" s="74">
        <v>28</v>
      </c>
      <c r="M35" s="75">
        <v>34</v>
      </c>
      <c r="N35" s="60">
        <v>0</v>
      </c>
      <c r="O35" s="61">
        <v>0</v>
      </c>
      <c r="P35" s="62">
        <v>0</v>
      </c>
      <c r="Q35" s="228"/>
      <c r="R35" s="61">
        <v>0</v>
      </c>
      <c r="S35" s="61">
        <v>0</v>
      </c>
      <c r="T35" s="61">
        <v>0</v>
      </c>
      <c r="U35" s="61">
        <v>0</v>
      </c>
      <c r="V35" s="61">
        <v>0</v>
      </c>
      <c r="W35" s="62">
        <v>0</v>
      </c>
      <c r="X35" s="63">
        <v>0</v>
      </c>
      <c r="Y35" s="60">
        <v>2</v>
      </c>
      <c r="Z35" s="61">
        <v>0</v>
      </c>
      <c r="AA35" s="62">
        <v>2</v>
      </c>
      <c r="AB35" s="228"/>
      <c r="AC35" s="61">
        <v>1</v>
      </c>
      <c r="AD35" s="61">
        <v>1</v>
      </c>
      <c r="AE35" s="61">
        <v>0</v>
      </c>
      <c r="AF35" s="61">
        <v>1</v>
      </c>
      <c r="AG35" s="61">
        <v>2</v>
      </c>
      <c r="AH35" s="62">
        <v>5</v>
      </c>
      <c r="AI35" s="63">
        <v>7</v>
      </c>
      <c r="AJ35" s="60">
        <v>0</v>
      </c>
      <c r="AK35" s="61">
        <v>0</v>
      </c>
      <c r="AL35" s="62">
        <v>0</v>
      </c>
      <c r="AM35" s="228"/>
      <c r="AN35" s="61">
        <v>1</v>
      </c>
      <c r="AO35" s="61">
        <v>0</v>
      </c>
      <c r="AP35" s="61">
        <v>0</v>
      </c>
      <c r="AQ35" s="61">
        <v>0</v>
      </c>
      <c r="AR35" s="61">
        <v>2</v>
      </c>
      <c r="AS35" s="62">
        <v>3</v>
      </c>
      <c r="AT35" s="63">
        <v>3</v>
      </c>
      <c r="AU35" s="60">
        <v>1</v>
      </c>
      <c r="AV35" s="61">
        <v>1</v>
      </c>
      <c r="AW35" s="62">
        <v>2</v>
      </c>
      <c r="AX35" s="228"/>
      <c r="AY35" s="61">
        <v>6</v>
      </c>
      <c r="AZ35" s="61">
        <v>0</v>
      </c>
      <c r="BA35" s="61">
        <v>0</v>
      </c>
      <c r="BB35" s="61">
        <v>0</v>
      </c>
      <c r="BC35" s="61">
        <v>1</v>
      </c>
      <c r="BD35" s="62">
        <v>7</v>
      </c>
      <c r="BE35" s="63">
        <v>9</v>
      </c>
      <c r="BF35" s="60">
        <v>0</v>
      </c>
      <c r="BG35" s="61">
        <v>1</v>
      </c>
      <c r="BH35" s="62">
        <v>1</v>
      </c>
      <c r="BI35" s="228"/>
      <c r="BJ35" s="61">
        <v>3</v>
      </c>
      <c r="BK35" s="61">
        <v>1</v>
      </c>
      <c r="BL35" s="61">
        <v>3</v>
      </c>
      <c r="BM35" s="61">
        <v>1</v>
      </c>
      <c r="BN35" s="61">
        <v>1</v>
      </c>
      <c r="BO35" s="62">
        <v>9</v>
      </c>
      <c r="BP35" s="63">
        <v>10</v>
      </c>
      <c r="BQ35" s="60">
        <v>0</v>
      </c>
      <c r="BR35" s="61">
        <v>1</v>
      </c>
      <c r="BS35" s="62">
        <v>1</v>
      </c>
      <c r="BT35" s="228"/>
      <c r="BU35" s="61">
        <v>1</v>
      </c>
      <c r="BV35" s="61">
        <v>1</v>
      </c>
      <c r="BW35" s="61">
        <v>1</v>
      </c>
      <c r="BX35" s="61">
        <v>1</v>
      </c>
      <c r="BY35" s="61">
        <v>0</v>
      </c>
      <c r="BZ35" s="62">
        <v>4</v>
      </c>
      <c r="CA35" s="63">
        <v>5</v>
      </c>
      <c r="CB35" s="60">
        <v>0</v>
      </c>
      <c r="CC35" s="61">
        <v>0</v>
      </c>
      <c r="CD35" s="62">
        <v>0</v>
      </c>
      <c r="CE35" s="228"/>
      <c r="CF35" s="61">
        <v>0</v>
      </c>
      <c r="CG35" s="61">
        <v>0</v>
      </c>
      <c r="CH35" s="61">
        <v>0</v>
      </c>
      <c r="CI35" s="61">
        <v>0</v>
      </c>
      <c r="CJ35" s="61">
        <v>0</v>
      </c>
      <c r="CK35" s="62">
        <v>0</v>
      </c>
      <c r="CL35" s="63">
        <v>0</v>
      </c>
      <c r="CM35" s="60">
        <v>3</v>
      </c>
      <c r="CN35" s="61">
        <v>3</v>
      </c>
      <c r="CO35" s="62">
        <v>6</v>
      </c>
      <c r="CP35" s="228"/>
      <c r="CQ35" s="61">
        <v>12</v>
      </c>
      <c r="CR35" s="61">
        <v>3</v>
      </c>
      <c r="CS35" s="61">
        <v>4</v>
      </c>
      <c r="CT35" s="61">
        <v>3</v>
      </c>
      <c r="CU35" s="61">
        <v>6</v>
      </c>
      <c r="CV35" s="62">
        <v>28</v>
      </c>
      <c r="CW35" s="63">
        <v>34</v>
      </c>
      <c r="CX35" s="113">
        <v>2</v>
      </c>
      <c r="CY35" s="72">
        <v>0</v>
      </c>
      <c r="CZ35" s="73">
        <v>2</v>
      </c>
      <c r="DA35" s="228"/>
      <c r="DB35" s="72">
        <v>4</v>
      </c>
      <c r="DC35" s="72">
        <v>3</v>
      </c>
      <c r="DD35" s="72">
        <v>0</v>
      </c>
      <c r="DE35" s="72">
        <v>2</v>
      </c>
      <c r="DF35" s="72">
        <v>0</v>
      </c>
      <c r="DG35" s="74">
        <v>9</v>
      </c>
      <c r="DH35" s="75">
        <v>11</v>
      </c>
      <c r="DI35" s="60">
        <v>0</v>
      </c>
      <c r="DJ35" s="61">
        <v>0</v>
      </c>
      <c r="DK35" s="62">
        <v>0</v>
      </c>
      <c r="DL35" s="228"/>
      <c r="DM35" s="61">
        <v>0</v>
      </c>
      <c r="DN35" s="61">
        <v>0</v>
      </c>
      <c r="DO35" s="61">
        <v>0</v>
      </c>
      <c r="DP35" s="61">
        <v>0</v>
      </c>
      <c r="DQ35" s="61">
        <v>0</v>
      </c>
      <c r="DR35" s="62">
        <v>0</v>
      </c>
      <c r="DS35" s="63">
        <v>0</v>
      </c>
      <c r="DT35" s="60">
        <v>0</v>
      </c>
      <c r="DU35" s="61">
        <v>0</v>
      </c>
      <c r="DV35" s="62">
        <v>0</v>
      </c>
      <c r="DW35" s="228"/>
      <c r="DX35" s="61">
        <v>1</v>
      </c>
      <c r="DY35" s="61">
        <v>0</v>
      </c>
      <c r="DZ35" s="61">
        <v>0</v>
      </c>
      <c r="EA35" s="61">
        <v>0</v>
      </c>
      <c r="EB35" s="61">
        <v>0</v>
      </c>
      <c r="EC35" s="62">
        <v>1</v>
      </c>
      <c r="ED35" s="63">
        <v>1</v>
      </c>
      <c r="EE35" s="60">
        <v>0</v>
      </c>
      <c r="EF35" s="61">
        <v>0</v>
      </c>
      <c r="EG35" s="62">
        <v>0</v>
      </c>
      <c r="EH35" s="228"/>
      <c r="EI35" s="61">
        <v>1</v>
      </c>
      <c r="EJ35" s="61">
        <v>0</v>
      </c>
      <c r="EK35" s="61">
        <v>0</v>
      </c>
      <c r="EL35" s="61">
        <v>0</v>
      </c>
      <c r="EM35" s="61">
        <v>0</v>
      </c>
      <c r="EN35" s="62">
        <v>1</v>
      </c>
      <c r="EO35" s="63">
        <v>1</v>
      </c>
      <c r="EP35" s="60">
        <v>1</v>
      </c>
      <c r="EQ35" s="61">
        <v>0</v>
      </c>
      <c r="ER35" s="62">
        <v>1</v>
      </c>
      <c r="ES35" s="228"/>
      <c r="ET35" s="61">
        <v>0</v>
      </c>
      <c r="EU35" s="61">
        <v>0</v>
      </c>
      <c r="EV35" s="61">
        <v>0</v>
      </c>
      <c r="EW35" s="61">
        <v>0</v>
      </c>
      <c r="EX35" s="61">
        <v>0</v>
      </c>
      <c r="EY35" s="62">
        <v>0</v>
      </c>
      <c r="EZ35" s="63">
        <v>1</v>
      </c>
      <c r="FA35" s="60">
        <v>1</v>
      </c>
      <c r="FB35" s="61">
        <v>0</v>
      </c>
      <c r="FC35" s="62">
        <v>1</v>
      </c>
      <c r="FD35" s="228"/>
      <c r="FE35" s="61">
        <v>0</v>
      </c>
      <c r="FF35" s="61">
        <v>2</v>
      </c>
      <c r="FG35" s="61">
        <v>0</v>
      </c>
      <c r="FH35" s="61">
        <v>0</v>
      </c>
      <c r="FI35" s="61">
        <v>0</v>
      </c>
      <c r="FJ35" s="62">
        <v>2</v>
      </c>
      <c r="FK35" s="63">
        <v>3</v>
      </c>
      <c r="FL35" s="60">
        <v>0</v>
      </c>
      <c r="FM35" s="61">
        <v>0</v>
      </c>
      <c r="FN35" s="62">
        <v>0</v>
      </c>
      <c r="FO35" s="228"/>
      <c r="FP35" s="61">
        <v>2</v>
      </c>
      <c r="FQ35" s="61">
        <v>1</v>
      </c>
      <c r="FR35" s="61">
        <v>0</v>
      </c>
      <c r="FS35" s="61">
        <v>2</v>
      </c>
      <c r="FT35" s="61">
        <v>0</v>
      </c>
      <c r="FU35" s="62">
        <v>5</v>
      </c>
      <c r="FV35" s="63">
        <v>5</v>
      </c>
      <c r="FW35" s="60">
        <v>0</v>
      </c>
      <c r="FX35" s="61">
        <v>0</v>
      </c>
      <c r="FY35" s="62">
        <v>0</v>
      </c>
      <c r="FZ35" s="228"/>
      <c r="GA35" s="61">
        <v>0</v>
      </c>
      <c r="GB35" s="61">
        <v>0</v>
      </c>
      <c r="GC35" s="61">
        <v>0</v>
      </c>
      <c r="GD35" s="61">
        <v>0</v>
      </c>
      <c r="GE35" s="61">
        <v>0</v>
      </c>
      <c r="GF35" s="62">
        <v>0</v>
      </c>
      <c r="GG35" s="63">
        <v>0</v>
      </c>
      <c r="GH35" s="60">
        <v>2</v>
      </c>
      <c r="GI35" s="61">
        <v>0</v>
      </c>
      <c r="GJ35" s="62">
        <v>2</v>
      </c>
      <c r="GK35" s="228"/>
      <c r="GL35" s="61">
        <v>4</v>
      </c>
      <c r="GM35" s="61">
        <v>3</v>
      </c>
      <c r="GN35" s="61">
        <v>0</v>
      </c>
      <c r="GO35" s="61">
        <v>2</v>
      </c>
      <c r="GP35" s="61">
        <v>0</v>
      </c>
      <c r="GQ35" s="62">
        <v>9</v>
      </c>
      <c r="GR35" s="63">
        <v>11</v>
      </c>
      <c r="GS35" s="113">
        <v>5</v>
      </c>
      <c r="GT35" s="72">
        <v>3</v>
      </c>
      <c r="GU35" s="73">
        <v>8</v>
      </c>
      <c r="GV35" s="228"/>
      <c r="GW35" s="72">
        <v>16</v>
      </c>
      <c r="GX35" s="72">
        <v>6</v>
      </c>
      <c r="GY35" s="72">
        <v>4</v>
      </c>
      <c r="GZ35" s="72">
        <v>5</v>
      </c>
      <c r="HA35" s="72">
        <v>6</v>
      </c>
      <c r="HB35" s="74">
        <v>37</v>
      </c>
      <c r="HC35" s="75">
        <v>45</v>
      </c>
      <c r="HD35" s="60">
        <v>0</v>
      </c>
      <c r="HE35" s="61">
        <v>0</v>
      </c>
      <c r="HF35" s="62">
        <v>0</v>
      </c>
      <c r="HG35" s="228"/>
      <c r="HH35" s="61">
        <v>0</v>
      </c>
      <c r="HI35" s="61">
        <v>0</v>
      </c>
      <c r="HJ35" s="61">
        <v>0</v>
      </c>
      <c r="HK35" s="61">
        <v>0</v>
      </c>
      <c r="HL35" s="61">
        <v>0</v>
      </c>
      <c r="HM35" s="62">
        <v>0</v>
      </c>
      <c r="HN35" s="63">
        <v>0</v>
      </c>
      <c r="HO35" s="60">
        <v>2</v>
      </c>
      <c r="HP35" s="61">
        <v>0</v>
      </c>
      <c r="HQ35" s="62">
        <v>2</v>
      </c>
      <c r="HR35" s="228"/>
      <c r="HS35" s="61">
        <v>2</v>
      </c>
      <c r="HT35" s="61">
        <v>1</v>
      </c>
      <c r="HU35" s="61">
        <v>0</v>
      </c>
      <c r="HV35" s="61">
        <v>1</v>
      </c>
      <c r="HW35" s="61">
        <v>2</v>
      </c>
      <c r="HX35" s="62">
        <v>6</v>
      </c>
      <c r="HY35" s="63">
        <v>8</v>
      </c>
      <c r="HZ35" s="60">
        <v>0</v>
      </c>
      <c r="IA35" s="61">
        <v>0</v>
      </c>
      <c r="IB35" s="62">
        <v>0</v>
      </c>
      <c r="IC35" s="228"/>
      <c r="ID35" s="61">
        <v>2</v>
      </c>
      <c r="IE35" s="61">
        <v>0</v>
      </c>
      <c r="IF35" s="61">
        <v>0</v>
      </c>
      <c r="IG35" s="61">
        <v>0</v>
      </c>
      <c r="IH35" s="61">
        <v>2</v>
      </c>
      <c r="II35" s="62">
        <v>4</v>
      </c>
      <c r="IJ35" s="63">
        <v>4</v>
      </c>
      <c r="IK35" s="60">
        <v>2</v>
      </c>
      <c r="IL35" s="61">
        <v>1</v>
      </c>
      <c r="IM35" s="62">
        <v>3</v>
      </c>
      <c r="IN35" s="228"/>
      <c r="IO35" s="61">
        <v>6</v>
      </c>
      <c r="IP35" s="61">
        <v>0</v>
      </c>
      <c r="IQ35" s="61">
        <v>0</v>
      </c>
      <c r="IR35" s="61">
        <v>0</v>
      </c>
      <c r="IS35" s="61">
        <v>1</v>
      </c>
      <c r="IT35" s="62">
        <v>7</v>
      </c>
      <c r="IU35" s="63">
        <v>10</v>
      </c>
      <c r="IV35" s="60">
        <v>1</v>
      </c>
      <c r="IW35" s="61">
        <v>1</v>
      </c>
      <c r="IX35" s="62">
        <v>2</v>
      </c>
      <c r="IY35" s="228"/>
      <c r="IZ35" s="61">
        <v>3</v>
      </c>
      <c r="JA35" s="61">
        <v>3</v>
      </c>
      <c r="JB35" s="61">
        <v>3</v>
      </c>
      <c r="JC35" s="61">
        <v>1</v>
      </c>
      <c r="JD35" s="61">
        <v>1</v>
      </c>
      <c r="JE35" s="62">
        <v>11</v>
      </c>
      <c r="JF35" s="63">
        <v>13</v>
      </c>
      <c r="JG35" s="60">
        <v>0</v>
      </c>
      <c r="JH35" s="61">
        <v>1</v>
      </c>
      <c r="JI35" s="62">
        <v>1</v>
      </c>
      <c r="JJ35" s="228"/>
      <c r="JK35" s="61">
        <v>3</v>
      </c>
      <c r="JL35" s="61">
        <v>2</v>
      </c>
      <c r="JM35" s="61">
        <v>1</v>
      </c>
      <c r="JN35" s="61">
        <v>3</v>
      </c>
      <c r="JO35" s="61">
        <v>0</v>
      </c>
      <c r="JP35" s="62">
        <v>9</v>
      </c>
      <c r="JQ35" s="63">
        <v>10</v>
      </c>
      <c r="JR35" s="60">
        <v>0</v>
      </c>
      <c r="JS35" s="61">
        <v>0</v>
      </c>
      <c r="JT35" s="62">
        <v>0</v>
      </c>
      <c r="JU35" s="228"/>
      <c r="JV35" s="61">
        <v>0</v>
      </c>
      <c r="JW35" s="61">
        <v>0</v>
      </c>
      <c r="JX35" s="61">
        <v>0</v>
      </c>
      <c r="JY35" s="61">
        <v>0</v>
      </c>
      <c r="JZ35" s="61">
        <v>0</v>
      </c>
      <c r="KA35" s="62">
        <v>0</v>
      </c>
      <c r="KB35" s="63">
        <v>0</v>
      </c>
      <c r="KC35" s="60">
        <v>5</v>
      </c>
      <c r="KD35" s="61">
        <v>3</v>
      </c>
      <c r="KE35" s="62">
        <v>8</v>
      </c>
      <c r="KF35" s="228"/>
      <c r="KG35" s="61">
        <v>16</v>
      </c>
      <c r="KH35" s="61">
        <v>6</v>
      </c>
      <c r="KI35" s="61">
        <v>4</v>
      </c>
      <c r="KJ35" s="61">
        <v>5</v>
      </c>
      <c r="KK35" s="61">
        <v>6</v>
      </c>
      <c r="KL35" s="62">
        <v>37</v>
      </c>
      <c r="KM35" s="63">
        <v>45</v>
      </c>
    </row>
    <row r="36" spans="2:299" ht="21" customHeight="1" x14ac:dyDescent="0.2">
      <c r="B36" s="468" t="s">
        <v>33</v>
      </c>
      <c r="C36" s="291">
        <v>1</v>
      </c>
      <c r="D36" s="72">
        <v>3</v>
      </c>
      <c r="E36" s="73">
        <v>4</v>
      </c>
      <c r="F36" s="228"/>
      <c r="G36" s="72">
        <v>9</v>
      </c>
      <c r="H36" s="72">
        <v>3</v>
      </c>
      <c r="I36" s="72">
        <v>3</v>
      </c>
      <c r="J36" s="72">
        <v>2</v>
      </c>
      <c r="K36" s="72">
        <v>4</v>
      </c>
      <c r="L36" s="74">
        <v>21</v>
      </c>
      <c r="M36" s="75">
        <v>25</v>
      </c>
      <c r="N36" s="60">
        <v>0</v>
      </c>
      <c r="O36" s="61">
        <v>0</v>
      </c>
      <c r="P36" s="62">
        <v>0</v>
      </c>
      <c r="Q36" s="228"/>
      <c r="R36" s="61">
        <v>2</v>
      </c>
      <c r="S36" s="61">
        <v>0</v>
      </c>
      <c r="T36" s="61">
        <v>0</v>
      </c>
      <c r="U36" s="61">
        <v>1</v>
      </c>
      <c r="V36" s="61">
        <v>0</v>
      </c>
      <c r="W36" s="62">
        <v>3</v>
      </c>
      <c r="X36" s="63">
        <v>3</v>
      </c>
      <c r="Y36" s="60">
        <v>0</v>
      </c>
      <c r="Z36" s="61">
        <v>0</v>
      </c>
      <c r="AA36" s="62">
        <v>0</v>
      </c>
      <c r="AB36" s="228"/>
      <c r="AC36" s="61">
        <v>1</v>
      </c>
      <c r="AD36" s="61">
        <v>0</v>
      </c>
      <c r="AE36" s="61">
        <v>1</v>
      </c>
      <c r="AF36" s="61">
        <v>0</v>
      </c>
      <c r="AG36" s="61">
        <v>1</v>
      </c>
      <c r="AH36" s="62">
        <v>3</v>
      </c>
      <c r="AI36" s="63">
        <v>3</v>
      </c>
      <c r="AJ36" s="60">
        <v>1</v>
      </c>
      <c r="AK36" s="61">
        <v>0</v>
      </c>
      <c r="AL36" s="62">
        <v>1</v>
      </c>
      <c r="AM36" s="228"/>
      <c r="AN36" s="61">
        <v>2</v>
      </c>
      <c r="AO36" s="61">
        <v>1</v>
      </c>
      <c r="AP36" s="61">
        <v>1</v>
      </c>
      <c r="AQ36" s="61">
        <v>0</v>
      </c>
      <c r="AR36" s="61">
        <v>1</v>
      </c>
      <c r="AS36" s="62">
        <v>5</v>
      </c>
      <c r="AT36" s="63">
        <v>6</v>
      </c>
      <c r="AU36" s="60">
        <v>0</v>
      </c>
      <c r="AV36" s="61">
        <v>2</v>
      </c>
      <c r="AW36" s="62">
        <v>2</v>
      </c>
      <c r="AX36" s="228"/>
      <c r="AY36" s="61">
        <v>0</v>
      </c>
      <c r="AZ36" s="61">
        <v>1</v>
      </c>
      <c r="BA36" s="61">
        <v>0</v>
      </c>
      <c r="BB36" s="61">
        <v>0</v>
      </c>
      <c r="BC36" s="61">
        <v>1</v>
      </c>
      <c r="BD36" s="62">
        <v>2</v>
      </c>
      <c r="BE36" s="63">
        <v>4</v>
      </c>
      <c r="BF36" s="60">
        <v>0</v>
      </c>
      <c r="BG36" s="61">
        <v>1</v>
      </c>
      <c r="BH36" s="62">
        <v>1</v>
      </c>
      <c r="BI36" s="228"/>
      <c r="BJ36" s="61">
        <v>1</v>
      </c>
      <c r="BK36" s="61">
        <v>1</v>
      </c>
      <c r="BL36" s="61">
        <v>0</v>
      </c>
      <c r="BM36" s="61">
        <v>0</v>
      </c>
      <c r="BN36" s="61">
        <v>1</v>
      </c>
      <c r="BO36" s="62">
        <v>3</v>
      </c>
      <c r="BP36" s="63">
        <v>4</v>
      </c>
      <c r="BQ36" s="60">
        <v>0</v>
      </c>
      <c r="BR36" s="61">
        <v>0</v>
      </c>
      <c r="BS36" s="62">
        <v>0</v>
      </c>
      <c r="BT36" s="228"/>
      <c r="BU36" s="61">
        <v>3</v>
      </c>
      <c r="BV36" s="61">
        <v>0</v>
      </c>
      <c r="BW36" s="61">
        <v>1</v>
      </c>
      <c r="BX36" s="61">
        <v>1</v>
      </c>
      <c r="BY36" s="61">
        <v>0</v>
      </c>
      <c r="BZ36" s="62">
        <v>5</v>
      </c>
      <c r="CA36" s="63">
        <v>5</v>
      </c>
      <c r="CB36" s="60">
        <v>0</v>
      </c>
      <c r="CC36" s="61">
        <v>0</v>
      </c>
      <c r="CD36" s="62">
        <v>0</v>
      </c>
      <c r="CE36" s="228"/>
      <c r="CF36" s="61">
        <v>0</v>
      </c>
      <c r="CG36" s="61">
        <v>0</v>
      </c>
      <c r="CH36" s="61">
        <v>0</v>
      </c>
      <c r="CI36" s="61">
        <v>0</v>
      </c>
      <c r="CJ36" s="61">
        <v>0</v>
      </c>
      <c r="CK36" s="62">
        <v>0</v>
      </c>
      <c r="CL36" s="63">
        <v>0</v>
      </c>
      <c r="CM36" s="60">
        <v>1</v>
      </c>
      <c r="CN36" s="61">
        <v>3</v>
      </c>
      <c r="CO36" s="62">
        <v>4</v>
      </c>
      <c r="CP36" s="228"/>
      <c r="CQ36" s="61">
        <v>9</v>
      </c>
      <c r="CR36" s="61">
        <v>3</v>
      </c>
      <c r="CS36" s="61">
        <v>3</v>
      </c>
      <c r="CT36" s="61">
        <v>2</v>
      </c>
      <c r="CU36" s="61">
        <v>4</v>
      </c>
      <c r="CV36" s="62">
        <v>21</v>
      </c>
      <c r="CW36" s="63">
        <v>25</v>
      </c>
      <c r="CX36" s="113">
        <v>0</v>
      </c>
      <c r="CY36" s="72">
        <v>3</v>
      </c>
      <c r="CZ36" s="73">
        <v>3</v>
      </c>
      <c r="DA36" s="228"/>
      <c r="DB36" s="72">
        <v>4</v>
      </c>
      <c r="DC36" s="72">
        <v>0</v>
      </c>
      <c r="DD36" s="72">
        <v>4</v>
      </c>
      <c r="DE36" s="72">
        <v>3</v>
      </c>
      <c r="DF36" s="72">
        <v>3</v>
      </c>
      <c r="DG36" s="74">
        <v>14</v>
      </c>
      <c r="DH36" s="75">
        <v>17</v>
      </c>
      <c r="DI36" s="60">
        <v>0</v>
      </c>
      <c r="DJ36" s="61">
        <v>0</v>
      </c>
      <c r="DK36" s="62">
        <v>0</v>
      </c>
      <c r="DL36" s="228"/>
      <c r="DM36" s="61">
        <v>0</v>
      </c>
      <c r="DN36" s="61">
        <v>0</v>
      </c>
      <c r="DO36" s="61">
        <v>0</v>
      </c>
      <c r="DP36" s="61">
        <v>0</v>
      </c>
      <c r="DQ36" s="61">
        <v>0</v>
      </c>
      <c r="DR36" s="62">
        <v>0</v>
      </c>
      <c r="DS36" s="63">
        <v>0</v>
      </c>
      <c r="DT36" s="60">
        <v>0</v>
      </c>
      <c r="DU36" s="61">
        <v>0</v>
      </c>
      <c r="DV36" s="62">
        <v>0</v>
      </c>
      <c r="DW36" s="228"/>
      <c r="DX36" s="61">
        <v>0</v>
      </c>
      <c r="DY36" s="61">
        <v>0</v>
      </c>
      <c r="DZ36" s="61">
        <v>0</v>
      </c>
      <c r="EA36" s="61">
        <v>0</v>
      </c>
      <c r="EB36" s="61">
        <v>0</v>
      </c>
      <c r="EC36" s="62">
        <v>0</v>
      </c>
      <c r="ED36" s="63">
        <v>0</v>
      </c>
      <c r="EE36" s="60">
        <v>0</v>
      </c>
      <c r="EF36" s="61">
        <v>1</v>
      </c>
      <c r="EG36" s="62">
        <v>1</v>
      </c>
      <c r="EH36" s="228"/>
      <c r="EI36" s="61">
        <v>0</v>
      </c>
      <c r="EJ36" s="61">
        <v>0</v>
      </c>
      <c r="EK36" s="61">
        <v>0</v>
      </c>
      <c r="EL36" s="61">
        <v>0</v>
      </c>
      <c r="EM36" s="61">
        <v>0</v>
      </c>
      <c r="EN36" s="62">
        <v>0</v>
      </c>
      <c r="EO36" s="63">
        <v>1</v>
      </c>
      <c r="EP36" s="60">
        <v>0</v>
      </c>
      <c r="EQ36" s="61">
        <v>1</v>
      </c>
      <c r="ER36" s="62">
        <v>1</v>
      </c>
      <c r="ES36" s="228"/>
      <c r="ET36" s="61">
        <v>0</v>
      </c>
      <c r="EU36" s="61">
        <v>0</v>
      </c>
      <c r="EV36" s="61">
        <v>0</v>
      </c>
      <c r="EW36" s="61">
        <v>0</v>
      </c>
      <c r="EX36" s="61">
        <v>0</v>
      </c>
      <c r="EY36" s="62">
        <v>0</v>
      </c>
      <c r="EZ36" s="63">
        <v>1</v>
      </c>
      <c r="FA36" s="60">
        <v>0</v>
      </c>
      <c r="FB36" s="61">
        <v>0</v>
      </c>
      <c r="FC36" s="62">
        <v>0</v>
      </c>
      <c r="FD36" s="228"/>
      <c r="FE36" s="61">
        <v>1</v>
      </c>
      <c r="FF36" s="61">
        <v>0</v>
      </c>
      <c r="FG36" s="61">
        <v>1</v>
      </c>
      <c r="FH36" s="61">
        <v>1</v>
      </c>
      <c r="FI36" s="61">
        <v>0</v>
      </c>
      <c r="FJ36" s="62">
        <v>3</v>
      </c>
      <c r="FK36" s="63">
        <v>3</v>
      </c>
      <c r="FL36" s="60">
        <v>0</v>
      </c>
      <c r="FM36" s="61">
        <v>1</v>
      </c>
      <c r="FN36" s="62">
        <v>1</v>
      </c>
      <c r="FO36" s="228"/>
      <c r="FP36" s="61">
        <v>3</v>
      </c>
      <c r="FQ36" s="61">
        <v>0</v>
      </c>
      <c r="FR36" s="61">
        <v>3</v>
      </c>
      <c r="FS36" s="61">
        <v>2</v>
      </c>
      <c r="FT36" s="61">
        <v>3</v>
      </c>
      <c r="FU36" s="62">
        <v>11</v>
      </c>
      <c r="FV36" s="63">
        <v>12</v>
      </c>
      <c r="FW36" s="60">
        <v>0</v>
      </c>
      <c r="FX36" s="61">
        <v>0</v>
      </c>
      <c r="FY36" s="62">
        <v>0</v>
      </c>
      <c r="FZ36" s="228"/>
      <c r="GA36" s="61">
        <v>0</v>
      </c>
      <c r="GB36" s="61">
        <v>0</v>
      </c>
      <c r="GC36" s="61">
        <v>0</v>
      </c>
      <c r="GD36" s="61">
        <v>0</v>
      </c>
      <c r="GE36" s="61">
        <v>0</v>
      </c>
      <c r="GF36" s="62">
        <v>0</v>
      </c>
      <c r="GG36" s="63">
        <v>0</v>
      </c>
      <c r="GH36" s="60">
        <v>0</v>
      </c>
      <c r="GI36" s="61">
        <v>3</v>
      </c>
      <c r="GJ36" s="62">
        <v>3</v>
      </c>
      <c r="GK36" s="228"/>
      <c r="GL36" s="61">
        <v>4</v>
      </c>
      <c r="GM36" s="61">
        <v>0</v>
      </c>
      <c r="GN36" s="61">
        <v>4</v>
      </c>
      <c r="GO36" s="61">
        <v>3</v>
      </c>
      <c r="GP36" s="61">
        <v>3</v>
      </c>
      <c r="GQ36" s="62">
        <v>14</v>
      </c>
      <c r="GR36" s="63">
        <v>17</v>
      </c>
      <c r="GS36" s="113">
        <v>1</v>
      </c>
      <c r="GT36" s="72">
        <v>6</v>
      </c>
      <c r="GU36" s="73">
        <v>7</v>
      </c>
      <c r="GV36" s="228"/>
      <c r="GW36" s="72">
        <v>13</v>
      </c>
      <c r="GX36" s="72">
        <v>3</v>
      </c>
      <c r="GY36" s="72">
        <v>7</v>
      </c>
      <c r="GZ36" s="72">
        <v>5</v>
      </c>
      <c r="HA36" s="72">
        <v>7</v>
      </c>
      <c r="HB36" s="74">
        <v>35</v>
      </c>
      <c r="HC36" s="75">
        <v>42</v>
      </c>
      <c r="HD36" s="60">
        <v>0</v>
      </c>
      <c r="HE36" s="61">
        <v>0</v>
      </c>
      <c r="HF36" s="62">
        <v>0</v>
      </c>
      <c r="HG36" s="228"/>
      <c r="HH36" s="61">
        <v>2</v>
      </c>
      <c r="HI36" s="61">
        <v>0</v>
      </c>
      <c r="HJ36" s="61">
        <v>0</v>
      </c>
      <c r="HK36" s="61">
        <v>1</v>
      </c>
      <c r="HL36" s="61">
        <v>0</v>
      </c>
      <c r="HM36" s="62">
        <v>3</v>
      </c>
      <c r="HN36" s="63">
        <v>3</v>
      </c>
      <c r="HO36" s="60">
        <v>0</v>
      </c>
      <c r="HP36" s="61">
        <v>0</v>
      </c>
      <c r="HQ36" s="62">
        <v>0</v>
      </c>
      <c r="HR36" s="228"/>
      <c r="HS36" s="61">
        <v>1</v>
      </c>
      <c r="HT36" s="61">
        <v>0</v>
      </c>
      <c r="HU36" s="61">
        <v>1</v>
      </c>
      <c r="HV36" s="61">
        <v>0</v>
      </c>
      <c r="HW36" s="61">
        <v>1</v>
      </c>
      <c r="HX36" s="62">
        <v>3</v>
      </c>
      <c r="HY36" s="63">
        <v>3</v>
      </c>
      <c r="HZ36" s="60">
        <v>1</v>
      </c>
      <c r="IA36" s="61">
        <v>1</v>
      </c>
      <c r="IB36" s="62">
        <v>2</v>
      </c>
      <c r="IC36" s="228"/>
      <c r="ID36" s="61">
        <v>2</v>
      </c>
      <c r="IE36" s="61">
        <v>1</v>
      </c>
      <c r="IF36" s="61">
        <v>1</v>
      </c>
      <c r="IG36" s="61">
        <v>0</v>
      </c>
      <c r="IH36" s="61">
        <v>1</v>
      </c>
      <c r="II36" s="62">
        <v>5</v>
      </c>
      <c r="IJ36" s="63">
        <v>7</v>
      </c>
      <c r="IK36" s="60">
        <v>0</v>
      </c>
      <c r="IL36" s="61">
        <v>3</v>
      </c>
      <c r="IM36" s="62">
        <v>3</v>
      </c>
      <c r="IN36" s="228"/>
      <c r="IO36" s="61">
        <v>0</v>
      </c>
      <c r="IP36" s="61">
        <v>1</v>
      </c>
      <c r="IQ36" s="61">
        <v>0</v>
      </c>
      <c r="IR36" s="61">
        <v>0</v>
      </c>
      <c r="IS36" s="61">
        <v>1</v>
      </c>
      <c r="IT36" s="62">
        <v>2</v>
      </c>
      <c r="IU36" s="63">
        <v>5</v>
      </c>
      <c r="IV36" s="60">
        <v>0</v>
      </c>
      <c r="IW36" s="61">
        <v>1</v>
      </c>
      <c r="IX36" s="62">
        <v>1</v>
      </c>
      <c r="IY36" s="228"/>
      <c r="IZ36" s="61">
        <v>2</v>
      </c>
      <c r="JA36" s="61">
        <v>1</v>
      </c>
      <c r="JB36" s="61">
        <v>1</v>
      </c>
      <c r="JC36" s="61">
        <v>1</v>
      </c>
      <c r="JD36" s="61">
        <v>1</v>
      </c>
      <c r="JE36" s="62">
        <v>6</v>
      </c>
      <c r="JF36" s="63">
        <v>7</v>
      </c>
      <c r="JG36" s="60">
        <v>0</v>
      </c>
      <c r="JH36" s="61">
        <v>1</v>
      </c>
      <c r="JI36" s="62">
        <v>1</v>
      </c>
      <c r="JJ36" s="228"/>
      <c r="JK36" s="61">
        <v>6</v>
      </c>
      <c r="JL36" s="61">
        <v>0</v>
      </c>
      <c r="JM36" s="61">
        <v>4</v>
      </c>
      <c r="JN36" s="61">
        <v>3</v>
      </c>
      <c r="JO36" s="61">
        <v>3</v>
      </c>
      <c r="JP36" s="62">
        <v>16</v>
      </c>
      <c r="JQ36" s="63">
        <v>17</v>
      </c>
      <c r="JR36" s="60">
        <v>0</v>
      </c>
      <c r="JS36" s="61">
        <v>0</v>
      </c>
      <c r="JT36" s="62">
        <v>0</v>
      </c>
      <c r="JU36" s="228"/>
      <c r="JV36" s="61">
        <v>0</v>
      </c>
      <c r="JW36" s="61">
        <v>0</v>
      </c>
      <c r="JX36" s="61">
        <v>0</v>
      </c>
      <c r="JY36" s="61">
        <v>0</v>
      </c>
      <c r="JZ36" s="61">
        <v>0</v>
      </c>
      <c r="KA36" s="62">
        <v>0</v>
      </c>
      <c r="KB36" s="63">
        <v>0</v>
      </c>
      <c r="KC36" s="60">
        <v>1</v>
      </c>
      <c r="KD36" s="61">
        <v>6</v>
      </c>
      <c r="KE36" s="62">
        <v>7</v>
      </c>
      <c r="KF36" s="228"/>
      <c r="KG36" s="61">
        <v>13</v>
      </c>
      <c r="KH36" s="61">
        <v>3</v>
      </c>
      <c r="KI36" s="61">
        <v>7</v>
      </c>
      <c r="KJ36" s="61">
        <v>5</v>
      </c>
      <c r="KK36" s="61">
        <v>7</v>
      </c>
      <c r="KL36" s="62">
        <v>35</v>
      </c>
      <c r="KM36" s="63">
        <v>42</v>
      </c>
    </row>
    <row r="37" spans="2:299" ht="21" customHeight="1" x14ac:dyDescent="0.2">
      <c r="B37" s="468" t="s">
        <v>34</v>
      </c>
      <c r="C37" s="291">
        <v>2</v>
      </c>
      <c r="D37" s="72">
        <v>1</v>
      </c>
      <c r="E37" s="73">
        <v>3</v>
      </c>
      <c r="F37" s="228"/>
      <c r="G37" s="72">
        <v>1</v>
      </c>
      <c r="H37" s="72">
        <v>1</v>
      </c>
      <c r="I37" s="72">
        <v>3</v>
      </c>
      <c r="J37" s="72">
        <v>1</v>
      </c>
      <c r="K37" s="72">
        <v>0</v>
      </c>
      <c r="L37" s="74">
        <v>6</v>
      </c>
      <c r="M37" s="75">
        <v>9</v>
      </c>
      <c r="N37" s="60">
        <v>0</v>
      </c>
      <c r="O37" s="61">
        <v>0</v>
      </c>
      <c r="P37" s="62">
        <v>0</v>
      </c>
      <c r="Q37" s="228"/>
      <c r="R37" s="61">
        <v>0</v>
      </c>
      <c r="S37" s="61">
        <v>0</v>
      </c>
      <c r="T37" s="61">
        <v>0</v>
      </c>
      <c r="U37" s="61">
        <v>0</v>
      </c>
      <c r="V37" s="61">
        <v>0</v>
      </c>
      <c r="W37" s="62">
        <v>0</v>
      </c>
      <c r="X37" s="63">
        <v>0</v>
      </c>
      <c r="Y37" s="60">
        <v>0</v>
      </c>
      <c r="Z37" s="61">
        <v>0</v>
      </c>
      <c r="AA37" s="62">
        <v>0</v>
      </c>
      <c r="AB37" s="228"/>
      <c r="AC37" s="61">
        <v>0</v>
      </c>
      <c r="AD37" s="61">
        <v>1</v>
      </c>
      <c r="AE37" s="61">
        <v>0</v>
      </c>
      <c r="AF37" s="61">
        <v>0</v>
      </c>
      <c r="AG37" s="61">
        <v>0</v>
      </c>
      <c r="AH37" s="62">
        <v>1</v>
      </c>
      <c r="AI37" s="63">
        <v>1</v>
      </c>
      <c r="AJ37" s="60">
        <v>1</v>
      </c>
      <c r="AK37" s="61">
        <v>0</v>
      </c>
      <c r="AL37" s="62">
        <v>1</v>
      </c>
      <c r="AM37" s="228"/>
      <c r="AN37" s="61">
        <v>0</v>
      </c>
      <c r="AO37" s="61">
        <v>0</v>
      </c>
      <c r="AP37" s="61">
        <v>0</v>
      </c>
      <c r="AQ37" s="61">
        <v>0</v>
      </c>
      <c r="AR37" s="61">
        <v>0</v>
      </c>
      <c r="AS37" s="62">
        <v>0</v>
      </c>
      <c r="AT37" s="63">
        <v>1</v>
      </c>
      <c r="AU37" s="60">
        <v>1</v>
      </c>
      <c r="AV37" s="61">
        <v>1</v>
      </c>
      <c r="AW37" s="62">
        <v>2</v>
      </c>
      <c r="AX37" s="228"/>
      <c r="AY37" s="61">
        <v>0</v>
      </c>
      <c r="AZ37" s="61">
        <v>0</v>
      </c>
      <c r="BA37" s="61">
        <v>0</v>
      </c>
      <c r="BB37" s="61">
        <v>1</v>
      </c>
      <c r="BC37" s="61">
        <v>0</v>
      </c>
      <c r="BD37" s="62">
        <v>1</v>
      </c>
      <c r="BE37" s="63">
        <v>3</v>
      </c>
      <c r="BF37" s="60">
        <v>0</v>
      </c>
      <c r="BG37" s="61">
        <v>0</v>
      </c>
      <c r="BH37" s="62">
        <v>0</v>
      </c>
      <c r="BI37" s="228"/>
      <c r="BJ37" s="61">
        <v>1</v>
      </c>
      <c r="BK37" s="61">
        <v>0</v>
      </c>
      <c r="BL37" s="61">
        <v>0</v>
      </c>
      <c r="BM37" s="61">
        <v>0</v>
      </c>
      <c r="BN37" s="61">
        <v>0</v>
      </c>
      <c r="BO37" s="62">
        <v>1</v>
      </c>
      <c r="BP37" s="63">
        <v>1</v>
      </c>
      <c r="BQ37" s="60">
        <v>0</v>
      </c>
      <c r="BR37" s="61">
        <v>0</v>
      </c>
      <c r="BS37" s="62">
        <v>0</v>
      </c>
      <c r="BT37" s="228"/>
      <c r="BU37" s="61">
        <v>0</v>
      </c>
      <c r="BV37" s="61">
        <v>0</v>
      </c>
      <c r="BW37" s="61">
        <v>3</v>
      </c>
      <c r="BX37" s="61">
        <v>0</v>
      </c>
      <c r="BY37" s="61">
        <v>0</v>
      </c>
      <c r="BZ37" s="62">
        <v>3</v>
      </c>
      <c r="CA37" s="63">
        <v>3</v>
      </c>
      <c r="CB37" s="60">
        <v>0</v>
      </c>
      <c r="CC37" s="61">
        <v>0</v>
      </c>
      <c r="CD37" s="62">
        <v>0</v>
      </c>
      <c r="CE37" s="228"/>
      <c r="CF37" s="61">
        <v>0</v>
      </c>
      <c r="CG37" s="61">
        <v>0</v>
      </c>
      <c r="CH37" s="61">
        <v>0</v>
      </c>
      <c r="CI37" s="61">
        <v>0</v>
      </c>
      <c r="CJ37" s="61">
        <v>0</v>
      </c>
      <c r="CK37" s="62">
        <v>0</v>
      </c>
      <c r="CL37" s="63">
        <v>0</v>
      </c>
      <c r="CM37" s="60">
        <v>2</v>
      </c>
      <c r="CN37" s="61">
        <v>1</v>
      </c>
      <c r="CO37" s="62">
        <v>3</v>
      </c>
      <c r="CP37" s="228"/>
      <c r="CQ37" s="61">
        <v>1</v>
      </c>
      <c r="CR37" s="61">
        <v>1</v>
      </c>
      <c r="CS37" s="61">
        <v>3</v>
      </c>
      <c r="CT37" s="61">
        <v>1</v>
      </c>
      <c r="CU37" s="61">
        <v>0</v>
      </c>
      <c r="CV37" s="62">
        <v>6</v>
      </c>
      <c r="CW37" s="63">
        <v>9</v>
      </c>
      <c r="CX37" s="113">
        <v>1</v>
      </c>
      <c r="CY37" s="72">
        <v>2</v>
      </c>
      <c r="CZ37" s="73">
        <v>3</v>
      </c>
      <c r="DA37" s="228"/>
      <c r="DB37" s="72">
        <v>1</v>
      </c>
      <c r="DC37" s="72">
        <v>1</v>
      </c>
      <c r="DD37" s="72">
        <v>2</v>
      </c>
      <c r="DE37" s="72">
        <v>0</v>
      </c>
      <c r="DF37" s="72">
        <v>0</v>
      </c>
      <c r="DG37" s="74">
        <v>4</v>
      </c>
      <c r="DH37" s="75">
        <v>7</v>
      </c>
      <c r="DI37" s="60">
        <v>0</v>
      </c>
      <c r="DJ37" s="61">
        <v>0</v>
      </c>
      <c r="DK37" s="62">
        <v>0</v>
      </c>
      <c r="DL37" s="228"/>
      <c r="DM37" s="61">
        <v>0</v>
      </c>
      <c r="DN37" s="61">
        <v>0</v>
      </c>
      <c r="DO37" s="61">
        <v>0</v>
      </c>
      <c r="DP37" s="61">
        <v>0</v>
      </c>
      <c r="DQ37" s="61">
        <v>0</v>
      </c>
      <c r="DR37" s="62">
        <v>0</v>
      </c>
      <c r="DS37" s="63">
        <v>0</v>
      </c>
      <c r="DT37" s="60">
        <v>0</v>
      </c>
      <c r="DU37" s="61">
        <v>0</v>
      </c>
      <c r="DV37" s="62">
        <v>0</v>
      </c>
      <c r="DW37" s="228"/>
      <c r="DX37" s="61">
        <v>0</v>
      </c>
      <c r="DY37" s="61">
        <v>0</v>
      </c>
      <c r="DZ37" s="61">
        <v>0</v>
      </c>
      <c r="EA37" s="61">
        <v>0</v>
      </c>
      <c r="EB37" s="61">
        <v>0</v>
      </c>
      <c r="EC37" s="62">
        <v>0</v>
      </c>
      <c r="ED37" s="63">
        <v>0</v>
      </c>
      <c r="EE37" s="60">
        <v>1</v>
      </c>
      <c r="EF37" s="61">
        <v>1</v>
      </c>
      <c r="EG37" s="62">
        <v>2</v>
      </c>
      <c r="EH37" s="228"/>
      <c r="EI37" s="61">
        <v>0</v>
      </c>
      <c r="EJ37" s="61">
        <v>0</v>
      </c>
      <c r="EK37" s="61">
        <v>1</v>
      </c>
      <c r="EL37" s="61">
        <v>0</v>
      </c>
      <c r="EM37" s="61">
        <v>0</v>
      </c>
      <c r="EN37" s="62">
        <v>1</v>
      </c>
      <c r="EO37" s="63">
        <v>3</v>
      </c>
      <c r="EP37" s="60">
        <v>0</v>
      </c>
      <c r="EQ37" s="61">
        <v>0</v>
      </c>
      <c r="ER37" s="62">
        <v>0</v>
      </c>
      <c r="ES37" s="228"/>
      <c r="ET37" s="61">
        <v>0</v>
      </c>
      <c r="EU37" s="61">
        <v>0</v>
      </c>
      <c r="EV37" s="61">
        <v>1</v>
      </c>
      <c r="EW37" s="61">
        <v>0</v>
      </c>
      <c r="EX37" s="61">
        <v>0</v>
      </c>
      <c r="EY37" s="62">
        <v>1</v>
      </c>
      <c r="EZ37" s="63">
        <v>1</v>
      </c>
      <c r="FA37" s="60">
        <v>0</v>
      </c>
      <c r="FB37" s="61">
        <v>1</v>
      </c>
      <c r="FC37" s="62">
        <v>1</v>
      </c>
      <c r="FD37" s="228"/>
      <c r="FE37" s="61">
        <v>1</v>
      </c>
      <c r="FF37" s="61">
        <v>1</v>
      </c>
      <c r="FG37" s="61">
        <v>0</v>
      </c>
      <c r="FH37" s="61">
        <v>0</v>
      </c>
      <c r="FI37" s="61">
        <v>0</v>
      </c>
      <c r="FJ37" s="62">
        <v>2</v>
      </c>
      <c r="FK37" s="63">
        <v>3</v>
      </c>
      <c r="FL37" s="60">
        <v>0</v>
      </c>
      <c r="FM37" s="61">
        <v>0</v>
      </c>
      <c r="FN37" s="62">
        <v>0</v>
      </c>
      <c r="FO37" s="228"/>
      <c r="FP37" s="61">
        <v>0</v>
      </c>
      <c r="FQ37" s="61">
        <v>0</v>
      </c>
      <c r="FR37" s="61">
        <v>0</v>
      </c>
      <c r="FS37" s="61">
        <v>0</v>
      </c>
      <c r="FT37" s="61">
        <v>0</v>
      </c>
      <c r="FU37" s="62">
        <v>0</v>
      </c>
      <c r="FV37" s="63">
        <v>0</v>
      </c>
      <c r="FW37" s="60">
        <v>0</v>
      </c>
      <c r="FX37" s="61">
        <v>0</v>
      </c>
      <c r="FY37" s="62">
        <v>0</v>
      </c>
      <c r="FZ37" s="228"/>
      <c r="GA37" s="61">
        <v>0</v>
      </c>
      <c r="GB37" s="61">
        <v>0</v>
      </c>
      <c r="GC37" s="61">
        <v>0</v>
      </c>
      <c r="GD37" s="61">
        <v>0</v>
      </c>
      <c r="GE37" s="61">
        <v>0</v>
      </c>
      <c r="GF37" s="62">
        <v>0</v>
      </c>
      <c r="GG37" s="63">
        <v>0</v>
      </c>
      <c r="GH37" s="60">
        <v>1</v>
      </c>
      <c r="GI37" s="61">
        <v>2</v>
      </c>
      <c r="GJ37" s="62">
        <v>3</v>
      </c>
      <c r="GK37" s="228"/>
      <c r="GL37" s="61">
        <v>1</v>
      </c>
      <c r="GM37" s="61">
        <v>1</v>
      </c>
      <c r="GN37" s="61">
        <v>2</v>
      </c>
      <c r="GO37" s="61">
        <v>0</v>
      </c>
      <c r="GP37" s="61">
        <v>0</v>
      </c>
      <c r="GQ37" s="62">
        <v>4</v>
      </c>
      <c r="GR37" s="63">
        <v>7</v>
      </c>
      <c r="GS37" s="113">
        <v>3</v>
      </c>
      <c r="GT37" s="72">
        <v>3</v>
      </c>
      <c r="GU37" s="73">
        <v>6</v>
      </c>
      <c r="GV37" s="228"/>
      <c r="GW37" s="72">
        <v>2</v>
      </c>
      <c r="GX37" s="72">
        <v>2</v>
      </c>
      <c r="GY37" s="72">
        <v>5</v>
      </c>
      <c r="GZ37" s="72">
        <v>1</v>
      </c>
      <c r="HA37" s="72">
        <v>0</v>
      </c>
      <c r="HB37" s="74">
        <v>10</v>
      </c>
      <c r="HC37" s="75">
        <v>16</v>
      </c>
      <c r="HD37" s="60">
        <v>0</v>
      </c>
      <c r="HE37" s="61">
        <v>0</v>
      </c>
      <c r="HF37" s="62">
        <v>0</v>
      </c>
      <c r="HG37" s="228"/>
      <c r="HH37" s="61">
        <v>0</v>
      </c>
      <c r="HI37" s="61">
        <v>0</v>
      </c>
      <c r="HJ37" s="61">
        <v>0</v>
      </c>
      <c r="HK37" s="61">
        <v>0</v>
      </c>
      <c r="HL37" s="61">
        <v>0</v>
      </c>
      <c r="HM37" s="62">
        <v>0</v>
      </c>
      <c r="HN37" s="63">
        <v>0</v>
      </c>
      <c r="HO37" s="60">
        <v>0</v>
      </c>
      <c r="HP37" s="61">
        <v>0</v>
      </c>
      <c r="HQ37" s="62">
        <v>0</v>
      </c>
      <c r="HR37" s="228"/>
      <c r="HS37" s="61">
        <v>0</v>
      </c>
      <c r="HT37" s="61">
        <v>1</v>
      </c>
      <c r="HU37" s="61">
        <v>0</v>
      </c>
      <c r="HV37" s="61">
        <v>0</v>
      </c>
      <c r="HW37" s="61">
        <v>0</v>
      </c>
      <c r="HX37" s="62">
        <v>1</v>
      </c>
      <c r="HY37" s="63">
        <v>1</v>
      </c>
      <c r="HZ37" s="60">
        <v>2</v>
      </c>
      <c r="IA37" s="61">
        <v>1</v>
      </c>
      <c r="IB37" s="62">
        <v>3</v>
      </c>
      <c r="IC37" s="228"/>
      <c r="ID37" s="61">
        <v>0</v>
      </c>
      <c r="IE37" s="61">
        <v>0</v>
      </c>
      <c r="IF37" s="61">
        <v>1</v>
      </c>
      <c r="IG37" s="61">
        <v>0</v>
      </c>
      <c r="IH37" s="61">
        <v>0</v>
      </c>
      <c r="II37" s="62">
        <v>1</v>
      </c>
      <c r="IJ37" s="63">
        <v>4</v>
      </c>
      <c r="IK37" s="60">
        <v>1</v>
      </c>
      <c r="IL37" s="61">
        <v>1</v>
      </c>
      <c r="IM37" s="62">
        <v>2</v>
      </c>
      <c r="IN37" s="228"/>
      <c r="IO37" s="61">
        <v>0</v>
      </c>
      <c r="IP37" s="61">
        <v>0</v>
      </c>
      <c r="IQ37" s="61">
        <v>1</v>
      </c>
      <c r="IR37" s="61">
        <v>1</v>
      </c>
      <c r="IS37" s="61">
        <v>0</v>
      </c>
      <c r="IT37" s="62">
        <v>2</v>
      </c>
      <c r="IU37" s="63">
        <v>4</v>
      </c>
      <c r="IV37" s="60">
        <v>0</v>
      </c>
      <c r="IW37" s="61">
        <v>1</v>
      </c>
      <c r="IX37" s="62">
        <v>1</v>
      </c>
      <c r="IY37" s="228"/>
      <c r="IZ37" s="61">
        <v>2</v>
      </c>
      <c r="JA37" s="61">
        <v>1</v>
      </c>
      <c r="JB37" s="61">
        <v>0</v>
      </c>
      <c r="JC37" s="61">
        <v>0</v>
      </c>
      <c r="JD37" s="61">
        <v>0</v>
      </c>
      <c r="JE37" s="62">
        <v>3</v>
      </c>
      <c r="JF37" s="63">
        <v>4</v>
      </c>
      <c r="JG37" s="60">
        <v>0</v>
      </c>
      <c r="JH37" s="61">
        <v>0</v>
      </c>
      <c r="JI37" s="62">
        <v>0</v>
      </c>
      <c r="JJ37" s="228"/>
      <c r="JK37" s="61">
        <v>0</v>
      </c>
      <c r="JL37" s="61">
        <v>0</v>
      </c>
      <c r="JM37" s="61">
        <v>3</v>
      </c>
      <c r="JN37" s="61">
        <v>0</v>
      </c>
      <c r="JO37" s="61">
        <v>0</v>
      </c>
      <c r="JP37" s="62">
        <v>3</v>
      </c>
      <c r="JQ37" s="63">
        <v>3</v>
      </c>
      <c r="JR37" s="60">
        <v>0</v>
      </c>
      <c r="JS37" s="61">
        <v>0</v>
      </c>
      <c r="JT37" s="62">
        <v>0</v>
      </c>
      <c r="JU37" s="228"/>
      <c r="JV37" s="61">
        <v>0</v>
      </c>
      <c r="JW37" s="61">
        <v>0</v>
      </c>
      <c r="JX37" s="61">
        <v>0</v>
      </c>
      <c r="JY37" s="61">
        <v>0</v>
      </c>
      <c r="JZ37" s="61">
        <v>0</v>
      </c>
      <c r="KA37" s="62">
        <v>0</v>
      </c>
      <c r="KB37" s="63">
        <v>0</v>
      </c>
      <c r="KC37" s="60">
        <v>3</v>
      </c>
      <c r="KD37" s="61">
        <v>3</v>
      </c>
      <c r="KE37" s="62">
        <v>6</v>
      </c>
      <c r="KF37" s="228"/>
      <c r="KG37" s="61">
        <v>2</v>
      </c>
      <c r="KH37" s="61">
        <v>2</v>
      </c>
      <c r="KI37" s="61">
        <v>5</v>
      </c>
      <c r="KJ37" s="61">
        <v>1</v>
      </c>
      <c r="KK37" s="61">
        <v>0</v>
      </c>
      <c r="KL37" s="62">
        <v>10</v>
      </c>
      <c r="KM37" s="63">
        <v>16</v>
      </c>
    </row>
    <row r="38" spans="2:299" ht="21" customHeight="1" x14ac:dyDescent="0.2">
      <c r="B38" s="468" t="s">
        <v>35</v>
      </c>
      <c r="C38" s="291">
        <v>8</v>
      </c>
      <c r="D38" s="72">
        <v>11</v>
      </c>
      <c r="E38" s="73">
        <v>19</v>
      </c>
      <c r="F38" s="228"/>
      <c r="G38" s="72">
        <v>15</v>
      </c>
      <c r="H38" s="72">
        <v>7</v>
      </c>
      <c r="I38" s="72">
        <v>5</v>
      </c>
      <c r="J38" s="72">
        <v>2</v>
      </c>
      <c r="K38" s="72">
        <v>1</v>
      </c>
      <c r="L38" s="74">
        <v>30</v>
      </c>
      <c r="M38" s="75">
        <v>49</v>
      </c>
      <c r="N38" s="60">
        <v>0</v>
      </c>
      <c r="O38" s="61">
        <v>0</v>
      </c>
      <c r="P38" s="62">
        <v>0</v>
      </c>
      <c r="Q38" s="228"/>
      <c r="R38" s="61">
        <v>0</v>
      </c>
      <c r="S38" s="61">
        <v>0</v>
      </c>
      <c r="T38" s="61">
        <v>0</v>
      </c>
      <c r="U38" s="61">
        <v>1</v>
      </c>
      <c r="V38" s="61">
        <v>0</v>
      </c>
      <c r="W38" s="62">
        <v>1</v>
      </c>
      <c r="X38" s="63">
        <v>1</v>
      </c>
      <c r="Y38" s="60">
        <v>1</v>
      </c>
      <c r="Z38" s="61">
        <v>0</v>
      </c>
      <c r="AA38" s="62">
        <v>1</v>
      </c>
      <c r="AB38" s="228"/>
      <c r="AC38" s="61">
        <v>1</v>
      </c>
      <c r="AD38" s="61">
        <v>0</v>
      </c>
      <c r="AE38" s="61">
        <v>1</v>
      </c>
      <c r="AF38" s="61">
        <v>0</v>
      </c>
      <c r="AG38" s="61">
        <v>0</v>
      </c>
      <c r="AH38" s="62">
        <v>2</v>
      </c>
      <c r="AI38" s="63">
        <v>3</v>
      </c>
      <c r="AJ38" s="60">
        <v>0</v>
      </c>
      <c r="AK38" s="61">
        <v>2</v>
      </c>
      <c r="AL38" s="62">
        <v>2</v>
      </c>
      <c r="AM38" s="228"/>
      <c r="AN38" s="61">
        <v>5</v>
      </c>
      <c r="AO38" s="61">
        <v>0</v>
      </c>
      <c r="AP38" s="61">
        <v>3</v>
      </c>
      <c r="AQ38" s="61">
        <v>0</v>
      </c>
      <c r="AR38" s="61">
        <v>0</v>
      </c>
      <c r="AS38" s="62">
        <v>8</v>
      </c>
      <c r="AT38" s="63">
        <v>10</v>
      </c>
      <c r="AU38" s="60">
        <v>2</v>
      </c>
      <c r="AV38" s="61">
        <v>3</v>
      </c>
      <c r="AW38" s="62">
        <v>5</v>
      </c>
      <c r="AX38" s="228"/>
      <c r="AY38" s="61">
        <v>4</v>
      </c>
      <c r="AZ38" s="61">
        <v>3</v>
      </c>
      <c r="BA38" s="61">
        <v>1</v>
      </c>
      <c r="BB38" s="61">
        <v>0</v>
      </c>
      <c r="BC38" s="61">
        <v>0</v>
      </c>
      <c r="BD38" s="62">
        <v>8</v>
      </c>
      <c r="BE38" s="63">
        <v>13</v>
      </c>
      <c r="BF38" s="60">
        <v>1</v>
      </c>
      <c r="BG38" s="61">
        <v>4</v>
      </c>
      <c r="BH38" s="62">
        <v>5</v>
      </c>
      <c r="BI38" s="228"/>
      <c r="BJ38" s="61">
        <v>5</v>
      </c>
      <c r="BK38" s="61">
        <v>1</v>
      </c>
      <c r="BL38" s="61">
        <v>0</v>
      </c>
      <c r="BM38" s="61">
        <v>0</v>
      </c>
      <c r="BN38" s="61">
        <v>1</v>
      </c>
      <c r="BO38" s="62">
        <v>7</v>
      </c>
      <c r="BP38" s="63">
        <v>12</v>
      </c>
      <c r="BQ38" s="60">
        <v>4</v>
      </c>
      <c r="BR38" s="61">
        <v>2</v>
      </c>
      <c r="BS38" s="62">
        <v>6</v>
      </c>
      <c r="BT38" s="228"/>
      <c r="BU38" s="61">
        <v>0</v>
      </c>
      <c r="BV38" s="61">
        <v>3</v>
      </c>
      <c r="BW38" s="61">
        <v>0</v>
      </c>
      <c r="BX38" s="61">
        <v>1</v>
      </c>
      <c r="BY38" s="61">
        <v>0</v>
      </c>
      <c r="BZ38" s="62">
        <v>4</v>
      </c>
      <c r="CA38" s="63">
        <v>10</v>
      </c>
      <c r="CB38" s="60">
        <v>0</v>
      </c>
      <c r="CC38" s="61">
        <v>0</v>
      </c>
      <c r="CD38" s="62">
        <v>0</v>
      </c>
      <c r="CE38" s="228"/>
      <c r="CF38" s="61">
        <v>0</v>
      </c>
      <c r="CG38" s="61">
        <v>0</v>
      </c>
      <c r="CH38" s="61">
        <v>0</v>
      </c>
      <c r="CI38" s="61">
        <v>0</v>
      </c>
      <c r="CJ38" s="61">
        <v>0</v>
      </c>
      <c r="CK38" s="62">
        <v>0</v>
      </c>
      <c r="CL38" s="63">
        <v>0</v>
      </c>
      <c r="CM38" s="60">
        <v>8</v>
      </c>
      <c r="CN38" s="61">
        <v>11</v>
      </c>
      <c r="CO38" s="62">
        <v>19</v>
      </c>
      <c r="CP38" s="228"/>
      <c r="CQ38" s="61">
        <v>15</v>
      </c>
      <c r="CR38" s="61">
        <v>7</v>
      </c>
      <c r="CS38" s="61">
        <v>5</v>
      </c>
      <c r="CT38" s="61">
        <v>2</v>
      </c>
      <c r="CU38" s="61">
        <v>1</v>
      </c>
      <c r="CV38" s="62">
        <v>30</v>
      </c>
      <c r="CW38" s="63">
        <v>49</v>
      </c>
      <c r="CX38" s="113">
        <v>3</v>
      </c>
      <c r="CY38" s="72">
        <v>3</v>
      </c>
      <c r="CZ38" s="73">
        <v>6</v>
      </c>
      <c r="DA38" s="228"/>
      <c r="DB38" s="72">
        <v>6</v>
      </c>
      <c r="DC38" s="72">
        <v>1</v>
      </c>
      <c r="DD38" s="72">
        <v>1</v>
      </c>
      <c r="DE38" s="72">
        <v>3</v>
      </c>
      <c r="DF38" s="72">
        <v>2</v>
      </c>
      <c r="DG38" s="74">
        <v>13</v>
      </c>
      <c r="DH38" s="75">
        <v>19</v>
      </c>
      <c r="DI38" s="60">
        <v>0</v>
      </c>
      <c r="DJ38" s="61">
        <v>0</v>
      </c>
      <c r="DK38" s="62">
        <v>0</v>
      </c>
      <c r="DL38" s="228"/>
      <c r="DM38" s="61">
        <v>0</v>
      </c>
      <c r="DN38" s="61">
        <v>0</v>
      </c>
      <c r="DO38" s="61">
        <v>0</v>
      </c>
      <c r="DP38" s="61">
        <v>0</v>
      </c>
      <c r="DQ38" s="61">
        <v>0</v>
      </c>
      <c r="DR38" s="62">
        <v>0</v>
      </c>
      <c r="DS38" s="63">
        <v>0</v>
      </c>
      <c r="DT38" s="60">
        <v>1</v>
      </c>
      <c r="DU38" s="61">
        <v>0</v>
      </c>
      <c r="DV38" s="62">
        <v>1</v>
      </c>
      <c r="DW38" s="228"/>
      <c r="DX38" s="61">
        <v>1</v>
      </c>
      <c r="DY38" s="61">
        <v>0</v>
      </c>
      <c r="DZ38" s="61">
        <v>0</v>
      </c>
      <c r="EA38" s="61">
        <v>0</v>
      </c>
      <c r="EB38" s="61">
        <v>0</v>
      </c>
      <c r="EC38" s="62">
        <v>1</v>
      </c>
      <c r="ED38" s="63">
        <v>2</v>
      </c>
      <c r="EE38" s="60">
        <v>1</v>
      </c>
      <c r="EF38" s="61">
        <v>0</v>
      </c>
      <c r="EG38" s="62">
        <v>1</v>
      </c>
      <c r="EH38" s="228"/>
      <c r="EI38" s="61">
        <v>0</v>
      </c>
      <c r="EJ38" s="61">
        <v>1</v>
      </c>
      <c r="EK38" s="61">
        <v>0</v>
      </c>
      <c r="EL38" s="61">
        <v>0</v>
      </c>
      <c r="EM38" s="61">
        <v>0</v>
      </c>
      <c r="EN38" s="62">
        <v>1</v>
      </c>
      <c r="EO38" s="63">
        <v>2</v>
      </c>
      <c r="EP38" s="60">
        <v>0</v>
      </c>
      <c r="EQ38" s="61">
        <v>0</v>
      </c>
      <c r="ER38" s="62">
        <v>0</v>
      </c>
      <c r="ES38" s="228"/>
      <c r="ET38" s="61">
        <v>1</v>
      </c>
      <c r="EU38" s="61">
        <v>0</v>
      </c>
      <c r="EV38" s="61">
        <v>0</v>
      </c>
      <c r="EW38" s="61">
        <v>1</v>
      </c>
      <c r="EX38" s="61">
        <v>0</v>
      </c>
      <c r="EY38" s="62">
        <v>2</v>
      </c>
      <c r="EZ38" s="63">
        <v>2</v>
      </c>
      <c r="FA38" s="60">
        <v>0</v>
      </c>
      <c r="FB38" s="61">
        <v>1</v>
      </c>
      <c r="FC38" s="62">
        <v>1</v>
      </c>
      <c r="FD38" s="228"/>
      <c r="FE38" s="61">
        <v>2</v>
      </c>
      <c r="FF38" s="61">
        <v>0</v>
      </c>
      <c r="FG38" s="61">
        <v>0</v>
      </c>
      <c r="FH38" s="61">
        <v>0</v>
      </c>
      <c r="FI38" s="61">
        <v>1</v>
      </c>
      <c r="FJ38" s="62">
        <v>3</v>
      </c>
      <c r="FK38" s="63">
        <v>4</v>
      </c>
      <c r="FL38" s="60">
        <v>1</v>
      </c>
      <c r="FM38" s="61">
        <v>2</v>
      </c>
      <c r="FN38" s="62">
        <v>3</v>
      </c>
      <c r="FO38" s="228"/>
      <c r="FP38" s="61">
        <v>2</v>
      </c>
      <c r="FQ38" s="61">
        <v>0</v>
      </c>
      <c r="FR38" s="61">
        <v>1</v>
      </c>
      <c r="FS38" s="61">
        <v>2</v>
      </c>
      <c r="FT38" s="61">
        <v>1</v>
      </c>
      <c r="FU38" s="62">
        <v>6</v>
      </c>
      <c r="FV38" s="63">
        <v>9</v>
      </c>
      <c r="FW38" s="60">
        <v>0</v>
      </c>
      <c r="FX38" s="61">
        <v>0</v>
      </c>
      <c r="FY38" s="62">
        <v>0</v>
      </c>
      <c r="FZ38" s="228"/>
      <c r="GA38" s="61">
        <v>0</v>
      </c>
      <c r="GB38" s="61">
        <v>0</v>
      </c>
      <c r="GC38" s="61">
        <v>0</v>
      </c>
      <c r="GD38" s="61">
        <v>0</v>
      </c>
      <c r="GE38" s="61">
        <v>0</v>
      </c>
      <c r="GF38" s="62">
        <v>0</v>
      </c>
      <c r="GG38" s="63">
        <v>0</v>
      </c>
      <c r="GH38" s="60">
        <v>3</v>
      </c>
      <c r="GI38" s="61">
        <v>3</v>
      </c>
      <c r="GJ38" s="62">
        <v>6</v>
      </c>
      <c r="GK38" s="228"/>
      <c r="GL38" s="61">
        <v>6</v>
      </c>
      <c r="GM38" s="61">
        <v>1</v>
      </c>
      <c r="GN38" s="61">
        <v>1</v>
      </c>
      <c r="GO38" s="61">
        <v>3</v>
      </c>
      <c r="GP38" s="61">
        <v>2</v>
      </c>
      <c r="GQ38" s="62">
        <v>13</v>
      </c>
      <c r="GR38" s="63">
        <v>19</v>
      </c>
      <c r="GS38" s="113">
        <v>11</v>
      </c>
      <c r="GT38" s="72">
        <v>14</v>
      </c>
      <c r="GU38" s="73">
        <v>25</v>
      </c>
      <c r="GV38" s="228"/>
      <c r="GW38" s="72">
        <v>21</v>
      </c>
      <c r="GX38" s="72">
        <v>8</v>
      </c>
      <c r="GY38" s="72">
        <v>6</v>
      </c>
      <c r="GZ38" s="72">
        <v>5</v>
      </c>
      <c r="HA38" s="72">
        <v>3</v>
      </c>
      <c r="HB38" s="74">
        <v>43</v>
      </c>
      <c r="HC38" s="75">
        <v>68</v>
      </c>
      <c r="HD38" s="60">
        <v>0</v>
      </c>
      <c r="HE38" s="61">
        <v>0</v>
      </c>
      <c r="HF38" s="62">
        <v>0</v>
      </c>
      <c r="HG38" s="228"/>
      <c r="HH38" s="61">
        <v>0</v>
      </c>
      <c r="HI38" s="61">
        <v>0</v>
      </c>
      <c r="HJ38" s="61">
        <v>0</v>
      </c>
      <c r="HK38" s="61">
        <v>1</v>
      </c>
      <c r="HL38" s="61">
        <v>0</v>
      </c>
      <c r="HM38" s="62">
        <v>1</v>
      </c>
      <c r="HN38" s="63">
        <v>1</v>
      </c>
      <c r="HO38" s="60">
        <v>2</v>
      </c>
      <c r="HP38" s="61">
        <v>0</v>
      </c>
      <c r="HQ38" s="62">
        <v>2</v>
      </c>
      <c r="HR38" s="228"/>
      <c r="HS38" s="61">
        <v>2</v>
      </c>
      <c r="HT38" s="61">
        <v>0</v>
      </c>
      <c r="HU38" s="61">
        <v>1</v>
      </c>
      <c r="HV38" s="61">
        <v>0</v>
      </c>
      <c r="HW38" s="61">
        <v>0</v>
      </c>
      <c r="HX38" s="62">
        <v>3</v>
      </c>
      <c r="HY38" s="63">
        <v>5</v>
      </c>
      <c r="HZ38" s="60">
        <v>1</v>
      </c>
      <c r="IA38" s="61">
        <v>2</v>
      </c>
      <c r="IB38" s="62">
        <v>3</v>
      </c>
      <c r="IC38" s="228"/>
      <c r="ID38" s="61">
        <v>5</v>
      </c>
      <c r="IE38" s="61">
        <v>1</v>
      </c>
      <c r="IF38" s="61">
        <v>3</v>
      </c>
      <c r="IG38" s="61">
        <v>0</v>
      </c>
      <c r="IH38" s="61">
        <v>0</v>
      </c>
      <c r="II38" s="62">
        <v>9</v>
      </c>
      <c r="IJ38" s="63">
        <v>12</v>
      </c>
      <c r="IK38" s="60">
        <v>2</v>
      </c>
      <c r="IL38" s="61">
        <v>3</v>
      </c>
      <c r="IM38" s="62">
        <v>5</v>
      </c>
      <c r="IN38" s="228"/>
      <c r="IO38" s="61">
        <v>5</v>
      </c>
      <c r="IP38" s="61">
        <v>3</v>
      </c>
      <c r="IQ38" s="61">
        <v>1</v>
      </c>
      <c r="IR38" s="61">
        <v>1</v>
      </c>
      <c r="IS38" s="61">
        <v>0</v>
      </c>
      <c r="IT38" s="62">
        <v>10</v>
      </c>
      <c r="IU38" s="63">
        <v>15</v>
      </c>
      <c r="IV38" s="60">
        <v>1</v>
      </c>
      <c r="IW38" s="61">
        <v>5</v>
      </c>
      <c r="IX38" s="62">
        <v>6</v>
      </c>
      <c r="IY38" s="228"/>
      <c r="IZ38" s="61">
        <v>7</v>
      </c>
      <c r="JA38" s="61">
        <v>1</v>
      </c>
      <c r="JB38" s="61">
        <v>0</v>
      </c>
      <c r="JC38" s="61">
        <v>0</v>
      </c>
      <c r="JD38" s="61">
        <v>2</v>
      </c>
      <c r="JE38" s="62">
        <v>10</v>
      </c>
      <c r="JF38" s="63">
        <v>16</v>
      </c>
      <c r="JG38" s="60">
        <v>5</v>
      </c>
      <c r="JH38" s="61">
        <v>4</v>
      </c>
      <c r="JI38" s="62">
        <v>9</v>
      </c>
      <c r="JJ38" s="228"/>
      <c r="JK38" s="61">
        <v>2</v>
      </c>
      <c r="JL38" s="61">
        <v>3</v>
      </c>
      <c r="JM38" s="61">
        <v>1</v>
      </c>
      <c r="JN38" s="61">
        <v>3</v>
      </c>
      <c r="JO38" s="61">
        <v>1</v>
      </c>
      <c r="JP38" s="62">
        <v>10</v>
      </c>
      <c r="JQ38" s="63">
        <v>19</v>
      </c>
      <c r="JR38" s="60">
        <v>0</v>
      </c>
      <c r="JS38" s="61">
        <v>0</v>
      </c>
      <c r="JT38" s="62">
        <v>0</v>
      </c>
      <c r="JU38" s="228"/>
      <c r="JV38" s="61">
        <v>0</v>
      </c>
      <c r="JW38" s="61">
        <v>0</v>
      </c>
      <c r="JX38" s="61">
        <v>0</v>
      </c>
      <c r="JY38" s="61">
        <v>0</v>
      </c>
      <c r="JZ38" s="61">
        <v>0</v>
      </c>
      <c r="KA38" s="62">
        <v>0</v>
      </c>
      <c r="KB38" s="63">
        <v>0</v>
      </c>
      <c r="KC38" s="60">
        <v>11</v>
      </c>
      <c r="KD38" s="61">
        <v>14</v>
      </c>
      <c r="KE38" s="62">
        <v>25</v>
      </c>
      <c r="KF38" s="228"/>
      <c r="KG38" s="61">
        <v>21</v>
      </c>
      <c r="KH38" s="61">
        <v>8</v>
      </c>
      <c r="KI38" s="61">
        <v>6</v>
      </c>
      <c r="KJ38" s="61">
        <v>5</v>
      </c>
      <c r="KK38" s="61">
        <v>3</v>
      </c>
      <c r="KL38" s="62">
        <v>43</v>
      </c>
      <c r="KM38" s="63">
        <v>68</v>
      </c>
    </row>
    <row r="39" spans="2:299" ht="21" customHeight="1" x14ac:dyDescent="0.2">
      <c r="B39" s="468" t="s">
        <v>36</v>
      </c>
      <c r="C39" s="291">
        <v>5</v>
      </c>
      <c r="D39" s="72">
        <v>5</v>
      </c>
      <c r="E39" s="73">
        <v>10</v>
      </c>
      <c r="F39" s="228"/>
      <c r="G39" s="72">
        <v>13</v>
      </c>
      <c r="H39" s="72">
        <v>10</v>
      </c>
      <c r="I39" s="72">
        <v>8</v>
      </c>
      <c r="J39" s="72">
        <v>4</v>
      </c>
      <c r="K39" s="72">
        <v>3</v>
      </c>
      <c r="L39" s="74">
        <v>38</v>
      </c>
      <c r="M39" s="75">
        <v>48</v>
      </c>
      <c r="N39" s="60">
        <v>0</v>
      </c>
      <c r="O39" s="61">
        <v>0</v>
      </c>
      <c r="P39" s="62">
        <v>0</v>
      </c>
      <c r="Q39" s="228"/>
      <c r="R39" s="61">
        <v>0</v>
      </c>
      <c r="S39" s="61">
        <v>1</v>
      </c>
      <c r="T39" s="61">
        <v>0</v>
      </c>
      <c r="U39" s="61">
        <v>0</v>
      </c>
      <c r="V39" s="61">
        <v>0</v>
      </c>
      <c r="W39" s="62">
        <v>1</v>
      </c>
      <c r="X39" s="63">
        <v>1</v>
      </c>
      <c r="Y39" s="60">
        <v>0</v>
      </c>
      <c r="Z39" s="61">
        <v>1</v>
      </c>
      <c r="AA39" s="62">
        <v>1</v>
      </c>
      <c r="AB39" s="228"/>
      <c r="AC39" s="61">
        <v>0</v>
      </c>
      <c r="AD39" s="61">
        <v>3</v>
      </c>
      <c r="AE39" s="61">
        <v>0</v>
      </c>
      <c r="AF39" s="61">
        <v>0</v>
      </c>
      <c r="AG39" s="61">
        <v>0</v>
      </c>
      <c r="AH39" s="62">
        <v>3</v>
      </c>
      <c r="AI39" s="63">
        <v>4</v>
      </c>
      <c r="AJ39" s="60">
        <v>1</v>
      </c>
      <c r="AK39" s="61">
        <v>0</v>
      </c>
      <c r="AL39" s="62">
        <v>1</v>
      </c>
      <c r="AM39" s="228"/>
      <c r="AN39" s="61">
        <v>1</v>
      </c>
      <c r="AO39" s="61">
        <v>3</v>
      </c>
      <c r="AP39" s="61">
        <v>1</v>
      </c>
      <c r="AQ39" s="61">
        <v>0</v>
      </c>
      <c r="AR39" s="61">
        <v>0</v>
      </c>
      <c r="AS39" s="62">
        <v>5</v>
      </c>
      <c r="AT39" s="63">
        <v>6</v>
      </c>
      <c r="AU39" s="60">
        <v>3</v>
      </c>
      <c r="AV39" s="61">
        <v>0</v>
      </c>
      <c r="AW39" s="62">
        <v>3</v>
      </c>
      <c r="AX39" s="228"/>
      <c r="AY39" s="61">
        <v>8</v>
      </c>
      <c r="AZ39" s="61">
        <v>1</v>
      </c>
      <c r="BA39" s="61">
        <v>1</v>
      </c>
      <c r="BB39" s="61">
        <v>1</v>
      </c>
      <c r="BC39" s="61">
        <v>1</v>
      </c>
      <c r="BD39" s="62">
        <v>12</v>
      </c>
      <c r="BE39" s="63">
        <v>15</v>
      </c>
      <c r="BF39" s="60">
        <v>1</v>
      </c>
      <c r="BG39" s="61">
        <v>2</v>
      </c>
      <c r="BH39" s="62">
        <v>3</v>
      </c>
      <c r="BI39" s="228"/>
      <c r="BJ39" s="61">
        <v>4</v>
      </c>
      <c r="BK39" s="61">
        <v>2</v>
      </c>
      <c r="BL39" s="61">
        <v>3</v>
      </c>
      <c r="BM39" s="61">
        <v>1</v>
      </c>
      <c r="BN39" s="61">
        <v>1</v>
      </c>
      <c r="BO39" s="62">
        <v>11</v>
      </c>
      <c r="BP39" s="63">
        <v>14</v>
      </c>
      <c r="BQ39" s="60">
        <v>0</v>
      </c>
      <c r="BR39" s="61">
        <v>2</v>
      </c>
      <c r="BS39" s="62">
        <v>2</v>
      </c>
      <c r="BT39" s="228"/>
      <c r="BU39" s="61">
        <v>0</v>
      </c>
      <c r="BV39" s="61">
        <v>0</v>
      </c>
      <c r="BW39" s="61">
        <v>3</v>
      </c>
      <c r="BX39" s="61">
        <v>2</v>
      </c>
      <c r="BY39" s="61">
        <v>1</v>
      </c>
      <c r="BZ39" s="62">
        <v>6</v>
      </c>
      <c r="CA39" s="63">
        <v>8</v>
      </c>
      <c r="CB39" s="60">
        <v>0</v>
      </c>
      <c r="CC39" s="61">
        <v>0</v>
      </c>
      <c r="CD39" s="62">
        <v>0</v>
      </c>
      <c r="CE39" s="228"/>
      <c r="CF39" s="61">
        <v>0</v>
      </c>
      <c r="CG39" s="61">
        <v>0</v>
      </c>
      <c r="CH39" s="61">
        <v>0</v>
      </c>
      <c r="CI39" s="61">
        <v>0</v>
      </c>
      <c r="CJ39" s="61">
        <v>0</v>
      </c>
      <c r="CK39" s="62">
        <v>0</v>
      </c>
      <c r="CL39" s="63">
        <v>0</v>
      </c>
      <c r="CM39" s="60">
        <v>5</v>
      </c>
      <c r="CN39" s="61">
        <v>5</v>
      </c>
      <c r="CO39" s="62">
        <v>10</v>
      </c>
      <c r="CP39" s="228"/>
      <c r="CQ39" s="61">
        <v>13</v>
      </c>
      <c r="CR39" s="61">
        <v>10</v>
      </c>
      <c r="CS39" s="61">
        <v>8</v>
      </c>
      <c r="CT39" s="61">
        <v>4</v>
      </c>
      <c r="CU39" s="61">
        <v>3</v>
      </c>
      <c r="CV39" s="62">
        <v>38</v>
      </c>
      <c r="CW39" s="63">
        <v>48</v>
      </c>
      <c r="CX39" s="113">
        <v>1</v>
      </c>
      <c r="CY39" s="72">
        <v>6</v>
      </c>
      <c r="CZ39" s="73">
        <v>7</v>
      </c>
      <c r="DA39" s="228"/>
      <c r="DB39" s="72">
        <v>2</v>
      </c>
      <c r="DC39" s="72">
        <v>8</v>
      </c>
      <c r="DD39" s="72">
        <v>2</v>
      </c>
      <c r="DE39" s="72">
        <v>2</v>
      </c>
      <c r="DF39" s="72">
        <v>2</v>
      </c>
      <c r="DG39" s="74">
        <v>16</v>
      </c>
      <c r="DH39" s="75">
        <v>23</v>
      </c>
      <c r="DI39" s="60">
        <v>0</v>
      </c>
      <c r="DJ39" s="61">
        <v>0</v>
      </c>
      <c r="DK39" s="62">
        <v>0</v>
      </c>
      <c r="DL39" s="228"/>
      <c r="DM39" s="61">
        <v>0</v>
      </c>
      <c r="DN39" s="61">
        <v>0</v>
      </c>
      <c r="DO39" s="61">
        <v>0</v>
      </c>
      <c r="DP39" s="61">
        <v>0</v>
      </c>
      <c r="DQ39" s="61">
        <v>0</v>
      </c>
      <c r="DR39" s="62">
        <v>0</v>
      </c>
      <c r="DS39" s="63">
        <v>0</v>
      </c>
      <c r="DT39" s="60">
        <v>0</v>
      </c>
      <c r="DU39" s="61">
        <v>0</v>
      </c>
      <c r="DV39" s="62">
        <v>0</v>
      </c>
      <c r="DW39" s="228"/>
      <c r="DX39" s="61">
        <v>0</v>
      </c>
      <c r="DY39" s="61">
        <v>0</v>
      </c>
      <c r="DZ39" s="61">
        <v>0</v>
      </c>
      <c r="EA39" s="61">
        <v>0</v>
      </c>
      <c r="EB39" s="61">
        <v>0</v>
      </c>
      <c r="EC39" s="62">
        <v>0</v>
      </c>
      <c r="ED39" s="63">
        <v>0</v>
      </c>
      <c r="EE39" s="60">
        <v>0</v>
      </c>
      <c r="EF39" s="61">
        <v>0</v>
      </c>
      <c r="EG39" s="62">
        <v>0</v>
      </c>
      <c r="EH39" s="228"/>
      <c r="EI39" s="61">
        <v>0</v>
      </c>
      <c r="EJ39" s="61">
        <v>0</v>
      </c>
      <c r="EK39" s="61">
        <v>0</v>
      </c>
      <c r="EL39" s="61">
        <v>0</v>
      </c>
      <c r="EM39" s="61">
        <v>0</v>
      </c>
      <c r="EN39" s="62">
        <v>0</v>
      </c>
      <c r="EO39" s="63">
        <v>0</v>
      </c>
      <c r="EP39" s="60">
        <v>0</v>
      </c>
      <c r="EQ39" s="61">
        <v>0</v>
      </c>
      <c r="ER39" s="62">
        <v>0</v>
      </c>
      <c r="ES39" s="228"/>
      <c r="ET39" s="61">
        <v>0</v>
      </c>
      <c r="EU39" s="61">
        <v>0</v>
      </c>
      <c r="EV39" s="61">
        <v>0</v>
      </c>
      <c r="EW39" s="61">
        <v>0</v>
      </c>
      <c r="EX39" s="61">
        <v>0</v>
      </c>
      <c r="EY39" s="62">
        <v>0</v>
      </c>
      <c r="EZ39" s="63">
        <v>0</v>
      </c>
      <c r="FA39" s="60">
        <v>0</v>
      </c>
      <c r="FB39" s="61">
        <v>4</v>
      </c>
      <c r="FC39" s="62">
        <v>4</v>
      </c>
      <c r="FD39" s="228"/>
      <c r="FE39" s="61">
        <v>1</v>
      </c>
      <c r="FF39" s="61">
        <v>4</v>
      </c>
      <c r="FG39" s="61">
        <v>2</v>
      </c>
      <c r="FH39" s="61">
        <v>2</v>
      </c>
      <c r="FI39" s="61">
        <v>1</v>
      </c>
      <c r="FJ39" s="62">
        <v>10</v>
      </c>
      <c r="FK39" s="63">
        <v>14</v>
      </c>
      <c r="FL39" s="60">
        <v>1</v>
      </c>
      <c r="FM39" s="61">
        <v>2</v>
      </c>
      <c r="FN39" s="62">
        <v>3</v>
      </c>
      <c r="FO39" s="228"/>
      <c r="FP39" s="61">
        <v>1</v>
      </c>
      <c r="FQ39" s="61">
        <v>4</v>
      </c>
      <c r="FR39" s="61">
        <v>0</v>
      </c>
      <c r="FS39" s="61">
        <v>0</v>
      </c>
      <c r="FT39" s="61">
        <v>1</v>
      </c>
      <c r="FU39" s="62">
        <v>6</v>
      </c>
      <c r="FV39" s="63">
        <v>9</v>
      </c>
      <c r="FW39" s="60">
        <v>0</v>
      </c>
      <c r="FX39" s="61">
        <v>0</v>
      </c>
      <c r="FY39" s="62">
        <v>0</v>
      </c>
      <c r="FZ39" s="228"/>
      <c r="GA39" s="61">
        <v>0</v>
      </c>
      <c r="GB39" s="61">
        <v>0</v>
      </c>
      <c r="GC39" s="61">
        <v>0</v>
      </c>
      <c r="GD39" s="61">
        <v>0</v>
      </c>
      <c r="GE39" s="61">
        <v>0</v>
      </c>
      <c r="GF39" s="62">
        <v>0</v>
      </c>
      <c r="GG39" s="63">
        <v>0</v>
      </c>
      <c r="GH39" s="60">
        <v>1</v>
      </c>
      <c r="GI39" s="61">
        <v>6</v>
      </c>
      <c r="GJ39" s="62">
        <v>7</v>
      </c>
      <c r="GK39" s="228"/>
      <c r="GL39" s="61">
        <v>2</v>
      </c>
      <c r="GM39" s="61">
        <v>8</v>
      </c>
      <c r="GN39" s="61">
        <v>2</v>
      </c>
      <c r="GO39" s="61">
        <v>2</v>
      </c>
      <c r="GP39" s="61">
        <v>2</v>
      </c>
      <c r="GQ39" s="62">
        <v>16</v>
      </c>
      <c r="GR39" s="63">
        <v>23</v>
      </c>
      <c r="GS39" s="113">
        <v>6</v>
      </c>
      <c r="GT39" s="72">
        <v>11</v>
      </c>
      <c r="GU39" s="73">
        <v>17</v>
      </c>
      <c r="GV39" s="228"/>
      <c r="GW39" s="72">
        <v>15</v>
      </c>
      <c r="GX39" s="72">
        <v>18</v>
      </c>
      <c r="GY39" s="72">
        <v>10</v>
      </c>
      <c r="GZ39" s="72">
        <v>6</v>
      </c>
      <c r="HA39" s="72">
        <v>5</v>
      </c>
      <c r="HB39" s="74">
        <v>54</v>
      </c>
      <c r="HC39" s="75">
        <v>71</v>
      </c>
      <c r="HD39" s="60">
        <v>0</v>
      </c>
      <c r="HE39" s="61">
        <v>0</v>
      </c>
      <c r="HF39" s="62">
        <v>0</v>
      </c>
      <c r="HG39" s="228"/>
      <c r="HH39" s="61">
        <v>0</v>
      </c>
      <c r="HI39" s="61">
        <v>1</v>
      </c>
      <c r="HJ39" s="61">
        <v>0</v>
      </c>
      <c r="HK39" s="61">
        <v>0</v>
      </c>
      <c r="HL39" s="61">
        <v>0</v>
      </c>
      <c r="HM39" s="62">
        <v>1</v>
      </c>
      <c r="HN39" s="63">
        <v>1</v>
      </c>
      <c r="HO39" s="60">
        <v>0</v>
      </c>
      <c r="HP39" s="61">
        <v>1</v>
      </c>
      <c r="HQ39" s="62">
        <v>1</v>
      </c>
      <c r="HR39" s="228"/>
      <c r="HS39" s="61">
        <v>0</v>
      </c>
      <c r="HT39" s="61">
        <v>3</v>
      </c>
      <c r="HU39" s="61">
        <v>0</v>
      </c>
      <c r="HV39" s="61">
        <v>0</v>
      </c>
      <c r="HW39" s="61">
        <v>0</v>
      </c>
      <c r="HX39" s="62">
        <v>3</v>
      </c>
      <c r="HY39" s="63">
        <v>4</v>
      </c>
      <c r="HZ39" s="60">
        <v>1</v>
      </c>
      <c r="IA39" s="61">
        <v>0</v>
      </c>
      <c r="IB39" s="62">
        <v>1</v>
      </c>
      <c r="IC39" s="228"/>
      <c r="ID39" s="61">
        <v>1</v>
      </c>
      <c r="IE39" s="61">
        <v>3</v>
      </c>
      <c r="IF39" s="61">
        <v>1</v>
      </c>
      <c r="IG39" s="61">
        <v>0</v>
      </c>
      <c r="IH39" s="61">
        <v>0</v>
      </c>
      <c r="II39" s="62">
        <v>5</v>
      </c>
      <c r="IJ39" s="63">
        <v>6</v>
      </c>
      <c r="IK39" s="60">
        <v>3</v>
      </c>
      <c r="IL39" s="61">
        <v>0</v>
      </c>
      <c r="IM39" s="62">
        <v>3</v>
      </c>
      <c r="IN39" s="228"/>
      <c r="IO39" s="61">
        <v>8</v>
      </c>
      <c r="IP39" s="61">
        <v>1</v>
      </c>
      <c r="IQ39" s="61">
        <v>1</v>
      </c>
      <c r="IR39" s="61">
        <v>1</v>
      </c>
      <c r="IS39" s="61">
        <v>1</v>
      </c>
      <c r="IT39" s="62">
        <v>12</v>
      </c>
      <c r="IU39" s="63">
        <v>15</v>
      </c>
      <c r="IV39" s="60">
        <v>1</v>
      </c>
      <c r="IW39" s="61">
        <v>6</v>
      </c>
      <c r="IX39" s="62">
        <v>7</v>
      </c>
      <c r="IY39" s="228"/>
      <c r="IZ39" s="61">
        <v>5</v>
      </c>
      <c r="JA39" s="61">
        <v>6</v>
      </c>
      <c r="JB39" s="61">
        <v>5</v>
      </c>
      <c r="JC39" s="61">
        <v>3</v>
      </c>
      <c r="JD39" s="61">
        <v>2</v>
      </c>
      <c r="JE39" s="62">
        <v>21</v>
      </c>
      <c r="JF39" s="63">
        <v>28</v>
      </c>
      <c r="JG39" s="60">
        <v>1</v>
      </c>
      <c r="JH39" s="61">
        <v>4</v>
      </c>
      <c r="JI39" s="62">
        <v>5</v>
      </c>
      <c r="JJ39" s="228"/>
      <c r="JK39" s="61">
        <v>1</v>
      </c>
      <c r="JL39" s="61">
        <v>4</v>
      </c>
      <c r="JM39" s="61">
        <v>3</v>
      </c>
      <c r="JN39" s="61">
        <v>2</v>
      </c>
      <c r="JO39" s="61">
        <v>2</v>
      </c>
      <c r="JP39" s="62">
        <v>12</v>
      </c>
      <c r="JQ39" s="63">
        <v>17</v>
      </c>
      <c r="JR39" s="60">
        <v>0</v>
      </c>
      <c r="JS39" s="61">
        <v>0</v>
      </c>
      <c r="JT39" s="62">
        <v>0</v>
      </c>
      <c r="JU39" s="228"/>
      <c r="JV39" s="61">
        <v>0</v>
      </c>
      <c r="JW39" s="61">
        <v>0</v>
      </c>
      <c r="JX39" s="61">
        <v>0</v>
      </c>
      <c r="JY39" s="61">
        <v>0</v>
      </c>
      <c r="JZ39" s="61">
        <v>0</v>
      </c>
      <c r="KA39" s="62">
        <v>0</v>
      </c>
      <c r="KB39" s="63">
        <v>0</v>
      </c>
      <c r="KC39" s="60">
        <v>6</v>
      </c>
      <c r="KD39" s="61">
        <v>11</v>
      </c>
      <c r="KE39" s="62">
        <v>17</v>
      </c>
      <c r="KF39" s="228"/>
      <c r="KG39" s="61">
        <v>15</v>
      </c>
      <c r="KH39" s="61">
        <v>18</v>
      </c>
      <c r="KI39" s="61">
        <v>10</v>
      </c>
      <c r="KJ39" s="61">
        <v>6</v>
      </c>
      <c r="KK39" s="61">
        <v>5</v>
      </c>
      <c r="KL39" s="62">
        <v>54</v>
      </c>
      <c r="KM39" s="63">
        <v>71</v>
      </c>
    </row>
    <row r="40" spans="2:299" ht="21" customHeight="1" thickBot="1" x14ac:dyDescent="0.25">
      <c r="B40" s="469" t="s">
        <v>37</v>
      </c>
      <c r="C40" s="292">
        <v>1</v>
      </c>
      <c r="D40" s="77">
        <v>0</v>
      </c>
      <c r="E40" s="78">
        <v>1</v>
      </c>
      <c r="F40" s="229"/>
      <c r="G40" s="77">
        <v>0</v>
      </c>
      <c r="H40" s="77">
        <v>0</v>
      </c>
      <c r="I40" s="77">
        <v>0</v>
      </c>
      <c r="J40" s="77">
        <v>2</v>
      </c>
      <c r="K40" s="77">
        <v>0</v>
      </c>
      <c r="L40" s="79">
        <v>2</v>
      </c>
      <c r="M40" s="80">
        <v>3</v>
      </c>
      <c r="N40" s="64">
        <v>0</v>
      </c>
      <c r="O40" s="65">
        <v>0</v>
      </c>
      <c r="P40" s="66">
        <v>0</v>
      </c>
      <c r="Q40" s="229"/>
      <c r="R40" s="65">
        <v>0</v>
      </c>
      <c r="S40" s="65">
        <v>0</v>
      </c>
      <c r="T40" s="65">
        <v>0</v>
      </c>
      <c r="U40" s="65">
        <v>0</v>
      </c>
      <c r="V40" s="65">
        <v>0</v>
      </c>
      <c r="W40" s="66">
        <v>0</v>
      </c>
      <c r="X40" s="67">
        <v>0</v>
      </c>
      <c r="Y40" s="64">
        <v>1</v>
      </c>
      <c r="Z40" s="65">
        <v>0</v>
      </c>
      <c r="AA40" s="66">
        <v>1</v>
      </c>
      <c r="AB40" s="229"/>
      <c r="AC40" s="65">
        <v>0</v>
      </c>
      <c r="AD40" s="65">
        <v>0</v>
      </c>
      <c r="AE40" s="65">
        <v>0</v>
      </c>
      <c r="AF40" s="65">
        <v>1</v>
      </c>
      <c r="AG40" s="65">
        <v>0</v>
      </c>
      <c r="AH40" s="66">
        <v>1</v>
      </c>
      <c r="AI40" s="67">
        <v>2</v>
      </c>
      <c r="AJ40" s="64">
        <v>0</v>
      </c>
      <c r="AK40" s="65">
        <v>0</v>
      </c>
      <c r="AL40" s="66">
        <v>0</v>
      </c>
      <c r="AM40" s="229"/>
      <c r="AN40" s="65">
        <v>0</v>
      </c>
      <c r="AO40" s="65">
        <v>0</v>
      </c>
      <c r="AP40" s="65">
        <v>0</v>
      </c>
      <c r="AQ40" s="65">
        <v>0</v>
      </c>
      <c r="AR40" s="65">
        <v>0</v>
      </c>
      <c r="AS40" s="66">
        <v>0</v>
      </c>
      <c r="AT40" s="67">
        <v>0</v>
      </c>
      <c r="AU40" s="64">
        <v>0</v>
      </c>
      <c r="AV40" s="65">
        <v>0</v>
      </c>
      <c r="AW40" s="66">
        <v>0</v>
      </c>
      <c r="AX40" s="229"/>
      <c r="AY40" s="65">
        <v>0</v>
      </c>
      <c r="AZ40" s="65">
        <v>0</v>
      </c>
      <c r="BA40" s="65">
        <v>0</v>
      </c>
      <c r="BB40" s="65">
        <v>1</v>
      </c>
      <c r="BC40" s="65">
        <v>0</v>
      </c>
      <c r="BD40" s="66">
        <v>1</v>
      </c>
      <c r="BE40" s="67">
        <v>1</v>
      </c>
      <c r="BF40" s="64">
        <v>0</v>
      </c>
      <c r="BG40" s="65">
        <v>0</v>
      </c>
      <c r="BH40" s="66">
        <v>0</v>
      </c>
      <c r="BI40" s="229"/>
      <c r="BJ40" s="65">
        <v>0</v>
      </c>
      <c r="BK40" s="65">
        <v>0</v>
      </c>
      <c r="BL40" s="65">
        <v>0</v>
      </c>
      <c r="BM40" s="65">
        <v>0</v>
      </c>
      <c r="BN40" s="65">
        <v>0</v>
      </c>
      <c r="BO40" s="66">
        <v>0</v>
      </c>
      <c r="BP40" s="67">
        <v>0</v>
      </c>
      <c r="BQ40" s="64">
        <v>0</v>
      </c>
      <c r="BR40" s="65">
        <v>0</v>
      </c>
      <c r="BS40" s="66">
        <v>0</v>
      </c>
      <c r="BT40" s="229"/>
      <c r="BU40" s="65">
        <v>0</v>
      </c>
      <c r="BV40" s="65">
        <v>0</v>
      </c>
      <c r="BW40" s="65">
        <v>0</v>
      </c>
      <c r="BX40" s="65">
        <v>0</v>
      </c>
      <c r="BY40" s="65">
        <v>0</v>
      </c>
      <c r="BZ40" s="66">
        <v>0</v>
      </c>
      <c r="CA40" s="67">
        <v>0</v>
      </c>
      <c r="CB40" s="64">
        <v>0</v>
      </c>
      <c r="CC40" s="65">
        <v>0</v>
      </c>
      <c r="CD40" s="66">
        <v>0</v>
      </c>
      <c r="CE40" s="229"/>
      <c r="CF40" s="65">
        <v>0</v>
      </c>
      <c r="CG40" s="65">
        <v>0</v>
      </c>
      <c r="CH40" s="65">
        <v>0</v>
      </c>
      <c r="CI40" s="65">
        <v>0</v>
      </c>
      <c r="CJ40" s="65">
        <v>0</v>
      </c>
      <c r="CK40" s="66">
        <v>0</v>
      </c>
      <c r="CL40" s="67">
        <v>0</v>
      </c>
      <c r="CM40" s="64">
        <v>1</v>
      </c>
      <c r="CN40" s="65">
        <v>0</v>
      </c>
      <c r="CO40" s="66">
        <v>1</v>
      </c>
      <c r="CP40" s="229"/>
      <c r="CQ40" s="65">
        <v>0</v>
      </c>
      <c r="CR40" s="65">
        <v>0</v>
      </c>
      <c r="CS40" s="65">
        <v>0</v>
      </c>
      <c r="CT40" s="65">
        <v>2</v>
      </c>
      <c r="CU40" s="65">
        <v>0</v>
      </c>
      <c r="CV40" s="66">
        <v>2</v>
      </c>
      <c r="CW40" s="67">
        <v>3</v>
      </c>
      <c r="CX40" s="114">
        <v>0</v>
      </c>
      <c r="CY40" s="77">
        <v>0</v>
      </c>
      <c r="CZ40" s="78">
        <v>0</v>
      </c>
      <c r="DA40" s="229"/>
      <c r="DB40" s="77">
        <v>0</v>
      </c>
      <c r="DC40" s="77">
        <v>0</v>
      </c>
      <c r="DD40" s="77">
        <v>0</v>
      </c>
      <c r="DE40" s="77">
        <v>0</v>
      </c>
      <c r="DF40" s="77">
        <v>1</v>
      </c>
      <c r="DG40" s="79">
        <v>1</v>
      </c>
      <c r="DH40" s="80">
        <v>1</v>
      </c>
      <c r="DI40" s="64">
        <v>0</v>
      </c>
      <c r="DJ40" s="65">
        <v>0</v>
      </c>
      <c r="DK40" s="66">
        <v>0</v>
      </c>
      <c r="DL40" s="229"/>
      <c r="DM40" s="65">
        <v>0</v>
      </c>
      <c r="DN40" s="65">
        <v>0</v>
      </c>
      <c r="DO40" s="65">
        <v>0</v>
      </c>
      <c r="DP40" s="65">
        <v>0</v>
      </c>
      <c r="DQ40" s="65">
        <v>0</v>
      </c>
      <c r="DR40" s="66">
        <v>0</v>
      </c>
      <c r="DS40" s="67">
        <v>0</v>
      </c>
      <c r="DT40" s="64">
        <v>0</v>
      </c>
      <c r="DU40" s="65">
        <v>0</v>
      </c>
      <c r="DV40" s="66">
        <v>0</v>
      </c>
      <c r="DW40" s="229"/>
      <c r="DX40" s="65">
        <v>0</v>
      </c>
      <c r="DY40" s="65">
        <v>0</v>
      </c>
      <c r="DZ40" s="65">
        <v>0</v>
      </c>
      <c r="EA40" s="65">
        <v>0</v>
      </c>
      <c r="EB40" s="65">
        <v>0</v>
      </c>
      <c r="EC40" s="66">
        <v>0</v>
      </c>
      <c r="ED40" s="67">
        <v>0</v>
      </c>
      <c r="EE40" s="64">
        <v>0</v>
      </c>
      <c r="EF40" s="65">
        <v>0</v>
      </c>
      <c r="EG40" s="66">
        <v>0</v>
      </c>
      <c r="EH40" s="229"/>
      <c r="EI40" s="65">
        <v>0</v>
      </c>
      <c r="EJ40" s="65">
        <v>0</v>
      </c>
      <c r="EK40" s="65">
        <v>0</v>
      </c>
      <c r="EL40" s="65">
        <v>0</v>
      </c>
      <c r="EM40" s="65">
        <v>0</v>
      </c>
      <c r="EN40" s="66">
        <v>0</v>
      </c>
      <c r="EO40" s="67">
        <v>0</v>
      </c>
      <c r="EP40" s="64">
        <v>0</v>
      </c>
      <c r="EQ40" s="65">
        <v>0</v>
      </c>
      <c r="ER40" s="66">
        <v>0</v>
      </c>
      <c r="ES40" s="229"/>
      <c r="ET40" s="65">
        <v>0</v>
      </c>
      <c r="EU40" s="65">
        <v>0</v>
      </c>
      <c r="EV40" s="65">
        <v>0</v>
      </c>
      <c r="EW40" s="65">
        <v>0</v>
      </c>
      <c r="EX40" s="65">
        <v>0</v>
      </c>
      <c r="EY40" s="66">
        <v>0</v>
      </c>
      <c r="EZ40" s="67">
        <v>0</v>
      </c>
      <c r="FA40" s="64">
        <v>0</v>
      </c>
      <c r="FB40" s="65">
        <v>0</v>
      </c>
      <c r="FC40" s="66">
        <v>0</v>
      </c>
      <c r="FD40" s="229"/>
      <c r="FE40" s="65">
        <v>0</v>
      </c>
      <c r="FF40" s="65">
        <v>0</v>
      </c>
      <c r="FG40" s="65">
        <v>0</v>
      </c>
      <c r="FH40" s="65">
        <v>0</v>
      </c>
      <c r="FI40" s="65">
        <v>0</v>
      </c>
      <c r="FJ40" s="66">
        <v>0</v>
      </c>
      <c r="FK40" s="67">
        <v>0</v>
      </c>
      <c r="FL40" s="64">
        <v>0</v>
      </c>
      <c r="FM40" s="65">
        <v>0</v>
      </c>
      <c r="FN40" s="66">
        <v>0</v>
      </c>
      <c r="FO40" s="229"/>
      <c r="FP40" s="65">
        <v>0</v>
      </c>
      <c r="FQ40" s="65">
        <v>0</v>
      </c>
      <c r="FR40" s="65">
        <v>0</v>
      </c>
      <c r="FS40" s="65">
        <v>0</v>
      </c>
      <c r="FT40" s="65">
        <v>1</v>
      </c>
      <c r="FU40" s="66">
        <v>1</v>
      </c>
      <c r="FV40" s="67">
        <v>1</v>
      </c>
      <c r="FW40" s="64">
        <v>0</v>
      </c>
      <c r="FX40" s="65">
        <v>0</v>
      </c>
      <c r="FY40" s="66">
        <v>0</v>
      </c>
      <c r="FZ40" s="229"/>
      <c r="GA40" s="65">
        <v>0</v>
      </c>
      <c r="GB40" s="65">
        <v>0</v>
      </c>
      <c r="GC40" s="65">
        <v>0</v>
      </c>
      <c r="GD40" s="65">
        <v>0</v>
      </c>
      <c r="GE40" s="65">
        <v>0</v>
      </c>
      <c r="GF40" s="66">
        <v>0</v>
      </c>
      <c r="GG40" s="67">
        <v>0</v>
      </c>
      <c r="GH40" s="64">
        <v>0</v>
      </c>
      <c r="GI40" s="65">
        <v>0</v>
      </c>
      <c r="GJ40" s="66">
        <v>0</v>
      </c>
      <c r="GK40" s="229"/>
      <c r="GL40" s="65">
        <v>0</v>
      </c>
      <c r="GM40" s="65">
        <v>0</v>
      </c>
      <c r="GN40" s="65">
        <v>0</v>
      </c>
      <c r="GO40" s="65">
        <v>0</v>
      </c>
      <c r="GP40" s="65">
        <v>1</v>
      </c>
      <c r="GQ40" s="66">
        <v>1</v>
      </c>
      <c r="GR40" s="67">
        <v>1</v>
      </c>
      <c r="GS40" s="114">
        <v>1</v>
      </c>
      <c r="GT40" s="77">
        <v>0</v>
      </c>
      <c r="GU40" s="78">
        <v>1</v>
      </c>
      <c r="GV40" s="229"/>
      <c r="GW40" s="77">
        <v>0</v>
      </c>
      <c r="GX40" s="77">
        <v>0</v>
      </c>
      <c r="GY40" s="77">
        <v>0</v>
      </c>
      <c r="GZ40" s="77">
        <v>2</v>
      </c>
      <c r="HA40" s="77">
        <v>1</v>
      </c>
      <c r="HB40" s="79">
        <v>3</v>
      </c>
      <c r="HC40" s="80">
        <v>4</v>
      </c>
      <c r="HD40" s="64">
        <v>0</v>
      </c>
      <c r="HE40" s="65">
        <v>0</v>
      </c>
      <c r="HF40" s="66">
        <v>0</v>
      </c>
      <c r="HG40" s="229"/>
      <c r="HH40" s="65">
        <v>0</v>
      </c>
      <c r="HI40" s="65">
        <v>0</v>
      </c>
      <c r="HJ40" s="65">
        <v>0</v>
      </c>
      <c r="HK40" s="65">
        <v>0</v>
      </c>
      <c r="HL40" s="65">
        <v>0</v>
      </c>
      <c r="HM40" s="66">
        <v>0</v>
      </c>
      <c r="HN40" s="67">
        <v>0</v>
      </c>
      <c r="HO40" s="64">
        <v>1</v>
      </c>
      <c r="HP40" s="65">
        <v>0</v>
      </c>
      <c r="HQ40" s="66">
        <v>1</v>
      </c>
      <c r="HR40" s="229"/>
      <c r="HS40" s="65">
        <v>0</v>
      </c>
      <c r="HT40" s="65">
        <v>0</v>
      </c>
      <c r="HU40" s="65">
        <v>0</v>
      </c>
      <c r="HV40" s="65">
        <v>1</v>
      </c>
      <c r="HW40" s="65">
        <v>0</v>
      </c>
      <c r="HX40" s="66">
        <v>1</v>
      </c>
      <c r="HY40" s="67">
        <v>2</v>
      </c>
      <c r="HZ40" s="64">
        <v>0</v>
      </c>
      <c r="IA40" s="65">
        <v>0</v>
      </c>
      <c r="IB40" s="66">
        <v>0</v>
      </c>
      <c r="IC40" s="229"/>
      <c r="ID40" s="65">
        <v>0</v>
      </c>
      <c r="IE40" s="65">
        <v>0</v>
      </c>
      <c r="IF40" s="65">
        <v>0</v>
      </c>
      <c r="IG40" s="65">
        <v>0</v>
      </c>
      <c r="IH40" s="65">
        <v>0</v>
      </c>
      <c r="II40" s="66">
        <v>0</v>
      </c>
      <c r="IJ40" s="67">
        <v>0</v>
      </c>
      <c r="IK40" s="64">
        <v>0</v>
      </c>
      <c r="IL40" s="65">
        <v>0</v>
      </c>
      <c r="IM40" s="66">
        <v>0</v>
      </c>
      <c r="IN40" s="229"/>
      <c r="IO40" s="65">
        <v>0</v>
      </c>
      <c r="IP40" s="65">
        <v>0</v>
      </c>
      <c r="IQ40" s="65">
        <v>0</v>
      </c>
      <c r="IR40" s="65">
        <v>1</v>
      </c>
      <c r="IS40" s="65">
        <v>0</v>
      </c>
      <c r="IT40" s="66">
        <v>1</v>
      </c>
      <c r="IU40" s="67">
        <v>1</v>
      </c>
      <c r="IV40" s="64">
        <v>0</v>
      </c>
      <c r="IW40" s="65">
        <v>0</v>
      </c>
      <c r="IX40" s="66">
        <v>0</v>
      </c>
      <c r="IY40" s="229"/>
      <c r="IZ40" s="65">
        <v>0</v>
      </c>
      <c r="JA40" s="65">
        <v>0</v>
      </c>
      <c r="JB40" s="65">
        <v>0</v>
      </c>
      <c r="JC40" s="65">
        <v>0</v>
      </c>
      <c r="JD40" s="65">
        <v>0</v>
      </c>
      <c r="JE40" s="66">
        <v>0</v>
      </c>
      <c r="JF40" s="67">
        <v>0</v>
      </c>
      <c r="JG40" s="64">
        <v>0</v>
      </c>
      <c r="JH40" s="65">
        <v>0</v>
      </c>
      <c r="JI40" s="66">
        <v>0</v>
      </c>
      <c r="JJ40" s="229"/>
      <c r="JK40" s="65">
        <v>0</v>
      </c>
      <c r="JL40" s="65">
        <v>0</v>
      </c>
      <c r="JM40" s="65">
        <v>0</v>
      </c>
      <c r="JN40" s="65">
        <v>0</v>
      </c>
      <c r="JO40" s="65">
        <v>1</v>
      </c>
      <c r="JP40" s="66">
        <v>1</v>
      </c>
      <c r="JQ40" s="67">
        <v>1</v>
      </c>
      <c r="JR40" s="64">
        <v>0</v>
      </c>
      <c r="JS40" s="65">
        <v>0</v>
      </c>
      <c r="JT40" s="66">
        <v>0</v>
      </c>
      <c r="JU40" s="229"/>
      <c r="JV40" s="65">
        <v>0</v>
      </c>
      <c r="JW40" s="65">
        <v>0</v>
      </c>
      <c r="JX40" s="65">
        <v>0</v>
      </c>
      <c r="JY40" s="65">
        <v>0</v>
      </c>
      <c r="JZ40" s="65">
        <v>0</v>
      </c>
      <c r="KA40" s="66">
        <v>0</v>
      </c>
      <c r="KB40" s="67">
        <v>0</v>
      </c>
      <c r="KC40" s="64">
        <v>1</v>
      </c>
      <c r="KD40" s="65">
        <v>0</v>
      </c>
      <c r="KE40" s="66">
        <v>1</v>
      </c>
      <c r="KF40" s="229"/>
      <c r="KG40" s="65">
        <v>0</v>
      </c>
      <c r="KH40" s="65">
        <v>0</v>
      </c>
      <c r="KI40" s="65">
        <v>0</v>
      </c>
      <c r="KJ40" s="65">
        <v>2</v>
      </c>
      <c r="KK40" s="65">
        <v>1</v>
      </c>
      <c r="KL40" s="66">
        <v>3</v>
      </c>
      <c r="KM40" s="67">
        <v>4</v>
      </c>
    </row>
    <row r="41" spans="2:299" ht="32.25" customHeight="1" x14ac:dyDescent="0.2">
      <c r="C41" s="287" t="s">
        <v>125</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2</v>
      </c>
      <c r="F1" s="17"/>
      <c r="G1" s="539">
        <f>第１表!F2</f>
        <v>6</v>
      </c>
      <c r="H1" s="539"/>
      <c r="I1" s="235">
        <f>第１表!G2</f>
        <v>1</v>
      </c>
      <c r="J1" s="543">
        <f>IF(I1&lt;3,I1+12-2,I1-2)</f>
        <v>11</v>
      </c>
      <c r="K1" s="543"/>
    </row>
    <row r="2" spans="2:35" ht="24" customHeight="1" thickBot="1" x14ac:dyDescent="0.25">
      <c r="B2" s="272"/>
      <c r="J2" s="19"/>
      <c r="K2" s="19"/>
      <c r="L2" s="19"/>
      <c r="M2" s="19"/>
      <c r="N2" s="19"/>
      <c r="O2" s="19"/>
      <c r="P2" s="20"/>
      <c r="Q2" s="20"/>
      <c r="R2" s="20"/>
    </row>
    <row r="3" spans="2:35" s="39" customFormat="1" ht="21" customHeight="1" thickBot="1" x14ac:dyDescent="0.25">
      <c r="B3" s="46"/>
      <c r="C3" s="540" t="s">
        <v>53</v>
      </c>
      <c r="D3" s="541"/>
      <c r="E3" s="541"/>
      <c r="F3" s="541"/>
      <c r="G3" s="541"/>
      <c r="H3" s="541"/>
      <c r="I3" s="541"/>
      <c r="J3" s="541"/>
      <c r="K3" s="541"/>
      <c r="L3" s="541"/>
      <c r="M3" s="542"/>
      <c r="N3" s="540" t="s">
        <v>54</v>
      </c>
      <c r="O3" s="541"/>
      <c r="P3" s="541"/>
      <c r="Q3" s="541"/>
      <c r="R3" s="541"/>
      <c r="S3" s="541"/>
      <c r="T3" s="541"/>
      <c r="U3" s="541"/>
      <c r="V3" s="541"/>
      <c r="W3" s="541"/>
      <c r="X3" s="542"/>
      <c r="Y3" s="540" t="s">
        <v>55</v>
      </c>
      <c r="Z3" s="541"/>
      <c r="AA3" s="541"/>
      <c r="AB3" s="541"/>
      <c r="AC3" s="541"/>
      <c r="AD3" s="541"/>
      <c r="AE3" s="541"/>
      <c r="AF3" s="541"/>
      <c r="AG3" s="541"/>
      <c r="AH3" s="541"/>
      <c r="AI3" s="542"/>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66" t="s">
        <v>4</v>
      </c>
      <c r="C5" s="202">
        <v>17272</v>
      </c>
      <c r="D5" s="203">
        <v>31016</v>
      </c>
      <c r="E5" s="204">
        <v>48288</v>
      </c>
      <c r="F5" s="199">
        <v>0</v>
      </c>
      <c r="G5" s="203">
        <v>60854</v>
      </c>
      <c r="H5" s="203">
        <v>62582</v>
      </c>
      <c r="I5" s="203">
        <v>36001</v>
      </c>
      <c r="J5" s="203">
        <v>27610</v>
      </c>
      <c r="K5" s="203">
        <v>16633</v>
      </c>
      <c r="L5" s="204">
        <v>203680</v>
      </c>
      <c r="M5" s="205">
        <v>251968</v>
      </c>
      <c r="N5" s="206">
        <v>345</v>
      </c>
      <c r="O5" s="203">
        <v>880</v>
      </c>
      <c r="P5" s="204">
        <v>1225</v>
      </c>
      <c r="Q5" s="199">
        <v>0</v>
      </c>
      <c r="R5" s="203">
        <v>1056</v>
      </c>
      <c r="S5" s="203">
        <v>1936</v>
      </c>
      <c r="T5" s="203">
        <v>1013</v>
      </c>
      <c r="U5" s="203">
        <v>808</v>
      </c>
      <c r="V5" s="203">
        <v>772</v>
      </c>
      <c r="W5" s="204">
        <v>5585</v>
      </c>
      <c r="X5" s="205">
        <v>6810</v>
      </c>
      <c r="Y5" s="202">
        <v>17617</v>
      </c>
      <c r="Z5" s="203">
        <v>31896</v>
      </c>
      <c r="AA5" s="204">
        <v>49513</v>
      </c>
      <c r="AB5" s="199">
        <v>0</v>
      </c>
      <c r="AC5" s="203">
        <v>61910</v>
      </c>
      <c r="AD5" s="203">
        <v>64518</v>
      </c>
      <c r="AE5" s="203">
        <v>37014</v>
      </c>
      <c r="AF5" s="203">
        <v>28418</v>
      </c>
      <c r="AG5" s="203">
        <v>17405</v>
      </c>
      <c r="AH5" s="204">
        <v>209265</v>
      </c>
      <c r="AI5" s="205">
        <v>258778</v>
      </c>
    </row>
    <row r="6" spans="2:35" ht="21" customHeight="1" x14ac:dyDescent="0.2">
      <c r="B6" s="467" t="s">
        <v>5</v>
      </c>
      <c r="C6" s="207">
        <v>6394</v>
      </c>
      <c r="D6" s="208">
        <v>13907</v>
      </c>
      <c r="E6" s="209">
        <v>20301</v>
      </c>
      <c r="F6" s="200">
        <v>0</v>
      </c>
      <c r="G6" s="208">
        <v>15935</v>
      </c>
      <c r="H6" s="208">
        <v>23321</v>
      </c>
      <c r="I6" s="208">
        <v>11874</v>
      </c>
      <c r="J6" s="208">
        <v>9341</v>
      </c>
      <c r="K6" s="208">
        <v>5580</v>
      </c>
      <c r="L6" s="209">
        <v>66051</v>
      </c>
      <c r="M6" s="210">
        <v>86352</v>
      </c>
      <c r="N6" s="211">
        <v>119</v>
      </c>
      <c r="O6" s="208">
        <v>384</v>
      </c>
      <c r="P6" s="209">
        <v>503</v>
      </c>
      <c r="Q6" s="200">
        <v>0</v>
      </c>
      <c r="R6" s="208">
        <v>226</v>
      </c>
      <c r="S6" s="208">
        <v>789</v>
      </c>
      <c r="T6" s="208">
        <v>379</v>
      </c>
      <c r="U6" s="208">
        <v>284</v>
      </c>
      <c r="V6" s="208">
        <v>297</v>
      </c>
      <c r="W6" s="209">
        <v>1975</v>
      </c>
      <c r="X6" s="210">
        <v>2478</v>
      </c>
      <c r="Y6" s="207">
        <v>6513</v>
      </c>
      <c r="Z6" s="208">
        <v>14291</v>
      </c>
      <c r="AA6" s="209">
        <v>20804</v>
      </c>
      <c r="AB6" s="200">
        <v>0</v>
      </c>
      <c r="AC6" s="208">
        <v>16161</v>
      </c>
      <c r="AD6" s="208">
        <v>24110</v>
      </c>
      <c r="AE6" s="208">
        <v>12253</v>
      </c>
      <c r="AF6" s="208">
        <v>9625</v>
      </c>
      <c r="AG6" s="208">
        <v>5877</v>
      </c>
      <c r="AH6" s="209">
        <v>68026</v>
      </c>
      <c r="AI6" s="210">
        <v>88830</v>
      </c>
    </row>
    <row r="7" spans="2:35" ht="21" customHeight="1" x14ac:dyDescent="0.2">
      <c r="B7" s="468" t="s">
        <v>6</v>
      </c>
      <c r="C7" s="207">
        <v>2425</v>
      </c>
      <c r="D7" s="208">
        <v>3782</v>
      </c>
      <c r="E7" s="209">
        <v>6207</v>
      </c>
      <c r="F7" s="200">
        <v>0</v>
      </c>
      <c r="G7" s="208">
        <v>11129</v>
      </c>
      <c r="H7" s="208">
        <v>9281</v>
      </c>
      <c r="I7" s="208">
        <v>5681</v>
      </c>
      <c r="J7" s="208">
        <v>4421</v>
      </c>
      <c r="K7" s="208">
        <v>2915</v>
      </c>
      <c r="L7" s="209">
        <v>33427</v>
      </c>
      <c r="M7" s="210">
        <v>39634</v>
      </c>
      <c r="N7" s="211">
        <v>74</v>
      </c>
      <c r="O7" s="208">
        <v>116</v>
      </c>
      <c r="P7" s="209">
        <v>190</v>
      </c>
      <c r="Q7" s="200">
        <v>0</v>
      </c>
      <c r="R7" s="208">
        <v>237</v>
      </c>
      <c r="S7" s="208">
        <v>281</v>
      </c>
      <c r="T7" s="208">
        <v>154</v>
      </c>
      <c r="U7" s="208">
        <v>136</v>
      </c>
      <c r="V7" s="208">
        <v>134</v>
      </c>
      <c r="W7" s="209">
        <v>942</v>
      </c>
      <c r="X7" s="210">
        <v>1132</v>
      </c>
      <c r="Y7" s="207">
        <v>2499</v>
      </c>
      <c r="Z7" s="208">
        <v>3898</v>
      </c>
      <c r="AA7" s="209">
        <v>6397</v>
      </c>
      <c r="AB7" s="200">
        <v>0</v>
      </c>
      <c r="AC7" s="208">
        <v>11366</v>
      </c>
      <c r="AD7" s="208">
        <v>9562</v>
      </c>
      <c r="AE7" s="208">
        <v>5835</v>
      </c>
      <c r="AF7" s="208">
        <v>4557</v>
      </c>
      <c r="AG7" s="208">
        <v>3049</v>
      </c>
      <c r="AH7" s="209">
        <v>34369</v>
      </c>
      <c r="AI7" s="210">
        <v>40766</v>
      </c>
    </row>
    <row r="8" spans="2:35" ht="21" customHeight="1" x14ac:dyDescent="0.2">
      <c r="B8" s="468" t="s">
        <v>14</v>
      </c>
      <c r="C8" s="207">
        <v>1214</v>
      </c>
      <c r="D8" s="208">
        <v>2797</v>
      </c>
      <c r="E8" s="209">
        <v>4011</v>
      </c>
      <c r="F8" s="200">
        <v>0</v>
      </c>
      <c r="G8" s="208">
        <v>4642</v>
      </c>
      <c r="H8" s="208">
        <v>5745</v>
      </c>
      <c r="I8" s="208">
        <v>3555</v>
      </c>
      <c r="J8" s="208">
        <v>2466</v>
      </c>
      <c r="K8" s="208">
        <v>1363</v>
      </c>
      <c r="L8" s="209">
        <v>17771</v>
      </c>
      <c r="M8" s="210">
        <v>21782</v>
      </c>
      <c r="N8" s="211">
        <v>19</v>
      </c>
      <c r="O8" s="208">
        <v>104</v>
      </c>
      <c r="P8" s="209">
        <v>123</v>
      </c>
      <c r="Q8" s="200">
        <v>0</v>
      </c>
      <c r="R8" s="208">
        <v>52</v>
      </c>
      <c r="S8" s="208">
        <v>182</v>
      </c>
      <c r="T8" s="208">
        <v>94</v>
      </c>
      <c r="U8" s="208">
        <v>74</v>
      </c>
      <c r="V8" s="208">
        <v>71</v>
      </c>
      <c r="W8" s="209">
        <v>473</v>
      </c>
      <c r="X8" s="210">
        <v>596</v>
      </c>
      <c r="Y8" s="207">
        <v>1233</v>
      </c>
      <c r="Z8" s="208">
        <v>2901</v>
      </c>
      <c r="AA8" s="209">
        <v>4134</v>
      </c>
      <c r="AB8" s="200">
        <v>0</v>
      </c>
      <c r="AC8" s="208">
        <v>4694</v>
      </c>
      <c r="AD8" s="208">
        <v>5927</v>
      </c>
      <c r="AE8" s="208">
        <v>3649</v>
      </c>
      <c r="AF8" s="208">
        <v>2540</v>
      </c>
      <c r="AG8" s="208">
        <v>1434</v>
      </c>
      <c r="AH8" s="209">
        <v>18244</v>
      </c>
      <c r="AI8" s="210">
        <v>22378</v>
      </c>
    </row>
    <row r="9" spans="2:35" ht="21" customHeight="1" x14ac:dyDescent="0.2">
      <c r="B9" s="468" t="s">
        <v>7</v>
      </c>
      <c r="C9" s="207">
        <v>607</v>
      </c>
      <c r="D9" s="208">
        <v>897</v>
      </c>
      <c r="E9" s="209">
        <v>1504</v>
      </c>
      <c r="F9" s="200">
        <v>0</v>
      </c>
      <c r="G9" s="208">
        <v>5117</v>
      </c>
      <c r="H9" s="208">
        <v>3547</v>
      </c>
      <c r="I9" s="208">
        <v>1919</v>
      </c>
      <c r="J9" s="208">
        <v>1492</v>
      </c>
      <c r="K9" s="208">
        <v>885</v>
      </c>
      <c r="L9" s="209">
        <v>12960</v>
      </c>
      <c r="M9" s="210">
        <v>14464</v>
      </c>
      <c r="N9" s="211">
        <v>7</v>
      </c>
      <c r="O9" s="208">
        <v>15</v>
      </c>
      <c r="P9" s="209">
        <v>22</v>
      </c>
      <c r="Q9" s="200">
        <v>0</v>
      </c>
      <c r="R9" s="208">
        <v>96</v>
      </c>
      <c r="S9" s="208">
        <v>102</v>
      </c>
      <c r="T9" s="208">
        <v>48</v>
      </c>
      <c r="U9" s="208">
        <v>43</v>
      </c>
      <c r="V9" s="208">
        <v>20</v>
      </c>
      <c r="W9" s="209">
        <v>309</v>
      </c>
      <c r="X9" s="210">
        <v>331</v>
      </c>
      <c r="Y9" s="207">
        <v>614</v>
      </c>
      <c r="Z9" s="208">
        <v>912</v>
      </c>
      <c r="AA9" s="209">
        <v>1526</v>
      </c>
      <c r="AB9" s="200">
        <v>0</v>
      </c>
      <c r="AC9" s="208">
        <v>5213</v>
      </c>
      <c r="AD9" s="208">
        <v>3649</v>
      </c>
      <c r="AE9" s="208">
        <v>1967</v>
      </c>
      <c r="AF9" s="208">
        <v>1535</v>
      </c>
      <c r="AG9" s="208">
        <v>905</v>
      </c>
      <c r="AH9" s="209">
        <v>13269</v>
      </c>
      <c r="AI9" s="210">
        <v>14795</v>
      </c>
    </row>
    <row r="10" spans="2:35" ht="21" customHeight="1" x14ac:dyDescent="0.2">
      <c r="B10" s="468" t="s">
        <v>8</v>
      </c>
      <c r="C10" s="207">
        <v>599</v>
      </c>
      <c r="D10" s="208">
        <v>677</v>
      </c>
      <c r="E10" s="209">
        <v>1276</v>
      </c>
      <c r="F10" s="200">
        <v>0</v>
      </c>
      <c r="G10" s="208">
        <v>2146</v>
      </c>
      <c r="H10" s="208">
        <v>2142</v>
      </c>
      <c r="I10" s="208">
        <v>1282</v>
      </c>
      <c r="J10" s="208">
        <v>905</v>
      </c>
      <c r="K10" s="208">
        <v>543</v>
      </c>
      <c r="L10" s="209">
        <v>7018</v>
      </c>
      <c r="M10" s="210">
        <v>8294</v>
      </c>
      <c r="N10" s="211">
        <v>11</v>
      </c>
      <c r="O10" s="208">
        <v>22</v>
      </c>
      <c r="P10" s="209">
        <v>33</v>
      </c>
      <c r="Q10" s="200">
        <v>0</v>
      </c>
      <c r="R10" s="208">
        <v>41</v>
      </c>
      <c r="S10" s="208">
        <v>69</v>
      </c>
      <c r="T10" s="208">
        <v>31</v>
      </c>
      <c r="U10" s="208">
        <v>31</v>
      </c>
      <c r="V10" s="208">
        <v>18</v>
      </c>
      <c r="W10" s="209">
        <v>190</v>
      </c>
      <c r="X10" s="210">
        <v>223</v>
      </c>
      <c r="Y10" s="207">
        <v>610</v>
      </c>
      <c r="Z10" s="208">
        <v>699</v>
      </c>
      <c r="AA10" s="209">
        <v>1309</v>
      </c>
      <c r="AB10" s="200">
        <v>0</v>
      </c>
      <c r="AC10" s="208">
        <v>2187</v>
      </c>
      <c r="AD10" s="208">
        <v>2211</v>
      </c>
      <c r="AE10" s="208">
        <v>1313</v>
      </c>
      <c r="AF10" s="208">
        <v>936</v>
      </c>
      <c r="AG10" s="208">
        <v>561</v>
      </c>
      <c r="AH10" s="209">
        <v>7208</v>
      </c>
      <c r="AI10" s="210">
        <v>8517</v>
      </c>
    </row>
    <row r="11" spans="2:35" ht="21" customHeight="1" x14ac:dyDescent="0.2">
      <c r="B11" s="468" t="s">
        <v>9</v>
      </c>
      <c r="C11" s="207">
        <v>515</v>
      </c>
      <c r="D11" s="208">
        <v>608</v>
      </c>
      <c r="E11" s="209">
        <v>1123</v>
      </c>
      <c r="F11" s="200">
        <v>0</v>
      </c>
      <c r="G11" s="208">
        <v>2007</v>
      </c>
      <c r="H11" s="208">
        <v>1480</v>
      </c>
      <c r="I11" s="208">
        <v>1028</v>
      </c>
      <c r="J11" s="208">
        <v>869</v>
      </c>
      <c r="K11" s="208">
        <v>539</v>
      </c>
      <c r="L11" s="209">
        <v>5923</v>
      </c>
      <c r="M11" s="210">
        <v>7046</v>
      </c>
      <c r="N11" s="211">
        <v>5</v>
      </c>
      <c r="O11" s="208">
        <v>14</v>
      </c>
      <c r="P11" s="209">
        <v>19</v>
      </c>
      <c r="Q11" s="200">
        <v>0</v>
      </c>
      <c r="R11" s="208">
        <v>31</v>
      </c>
      <c r="S11" s="208">
        <v>34</v>
      </c>
      <c r="T11" s="208">
        <v>21</v>
      </c>
      <c r="U11" s="208">
        <v>19</v>
      </c>
      <c r="V11" s="208">
        <v>13</v>
      </c>
      <c r="W11" s="209">
        <v>118</v>
      </c>
      <c r="X11" s="210">
        <v>137</v>
      </c>
      <c r="Y11" s="207">
        <v>520</v>
      </c>
      <c r="Z11" s="208">
        <v>622</v>
      </c>
      <c r="AA11" s="209">
        <v>1142</v>
      </c>
      <c r="AB11" s="200">
        <v>0</v>
      </c>
      <c r="AC11" s="208">
        <v>2038</v>
      </c>
      <c r="AD11" s="208">
        <v>1514</v>
      </c>
      <c r="AE11" s="208">
        <v>1049</v>
      </c>
      <c r="AF11" s="208">
        <v>888</v>
      </c>
      <c r="AG11" s="208">
        <v>552</v>
      </c>
      <c r="AH11" s="209">
        <v>6041</v>
      </c>
      <c r="AI11" s="210">
        <v>7183</v>
      </c>
    </row>
    <row r="12" spans="2:35" ht="21" customHeight="1" x14ac:dyDescent="0.2">
      <c r="B12" s="468" t="s">
        <v>10</v>
      </c>
      <c r="C12" s="207">
        <v>1265</v>
      </c>
      <c r="D12" s="208">
        <v>1546</v>
      </c>
      <c r="E12" s="209">
        <v>2811</v>
      </c>
      <c r="F12" s="200">
        <v>0</v>
      </c>
      <c r="G12" s="208">
        <v>4121</v>
      </c>
      <c r="H12" s="208">
        <v>2497</v>
      </c>
      <c r="I12" s="208">
        <v>1578</v>
      </c>
      <c r="J12" s="208">
        <v>1337</v>
      </c>
      <c r="K12" s="208">
        <v>898</v>
      </c>
      <c r="L12" s="209">
        <v>10431</v>
      </c>
      <c r="M12" s="210">
        <v>13242</v>
      </c>
      <c r="N12" s="211">
        <v>28</v>
      </c>
      <c r="O12" s="208">
        <v>33</v>
      </c>
      <c r="P12" s="209">
        <v>61</v>
      </c>
      <c r="Q12" s="200">
        <v>0</v>
      </c>
      <c r="R12" s="208">
        <v>98</v>
      </c>
      <c r="S12" s="208">
        <v>77</v>
      </c>
      <c r="T12" s="208">
        <v>43</v>
      </c>
      <c r="U12" s="208">
        <v>40</v>
      </c>
      <c r="V12" s="208">
        <v>38</v>
      </c>
      <c r="W12" s="209">
        <v>296</v>
      </c>
      <c r="X12" s="210">
        <v>357</v>
      </c>
      <c r="Y12" s="207">
        <v>1293</v>
      </c>
      <c r="Z12" s="208">
        <v>1579</v>
      </c>
      <c r="AA12" s="209">
        <v>2872</v>
      </c>
      <c r="AB12" s="200">
        <v>0</v>
      </c>
      <c r="AC12" s="208">
        <v>4219</v>
      </c>
      <c r="AD12" s="208">
        <v>2574</v>
      </c>
      <c r="AE12" s="208">
        <v>1621</v>
      </c>
      <c r="AF12" s="208">
        <v>1377</v>
      </c>
      <c r="AG12" s="208">
        <v>936</v>
      </c>
      <c r="AH12" s="209">
        <v>10727</v>
      </c>
      <c r="AI12" s="210">
        <v>13599</v>
      </c>
    </row>
    <row r="13" spans="2:35" ht="21" customHeight="1" x14ac:dyDescent="0.2">
      <c r="B13" s="468" t="s">
        <v>11</v>
      </c>
      <c r="C13" s="207">
        <v>547</v>
      </c>
      <c r="D13" s="208">
        <v>608</v>
      </c>
      <c r="E13" s="209">
        <v>1155</v>
      </c>
      <c r="F13" s="200">
        <v>0</v>
      </c>
      <c r="G13" s="208">
        <v>2135</v>
      </c>
      <c r="H13" s="208">
        <v>1353</v>
      </c>
      <c r="I13" s="208">
        <v>973</v>
      </c>
      <c r="J13" s="208">
        <v>800</v>
      </c>
      <c r="K13" s="208">
        <v>386</v>
      </c>
      <c r="L13" s="209">
        <v>5647</v>
      </c>
      <c r="M13" s="210">
        <v>6802</v>
      </c>
      <c r="N13" s="211">
        <v>10</v>
      </c>
      <c r="O13" s="208">
        <v>11</v>
      </c>
      <c r="P13" s="209">
        <v>21</v>
      </c>
      <c r="Q13" s="200">
        <v>0</v>
      </c>
      <c r="R13" s="208">
        <v>45</v>
      </c>
      <c r="S13" s="208">
        <v>29</v>
      </c>
      <c r="T13" s="208">
        <v>28</v>
      </c>
      <c r="U13" s="208">
        <v>17</v>
      </c>
      <c r="V13" s="208">
        <v>17</v>
      </c>
      <c r="W13" s="209">
        <v>136</v>
      </c>
      <c r="X13" s="210">
        <v>157</v>
      </c>
      <c r="Y13" s="207">
        <v>557</v>
      </c>
      <c r="Z13" s="208">
        <v>619</v>
      </c>
      <c r="AA13" s="209">
        <v>1176</v>
      </c>
      <c r="AB13" s="200">
        <v>0</v>
      </c>
      <c r="AC13" s="208">
        <v>2180</v>
      </c>
      <c r="AD13" s="208">
        <v>1382</v>
      </c>
      <c r="AE13" s="208">
        <v>1001</v>
      </c>
      <c r="AF13" s="208">
        <v>817</v>
      </c>
      <c r="AG13" s="208">
        <v>403</v>
      </c>
      <c r="AH13" s="209">
        <v>5783</v>
      </c>
      <c r="AI13" s="210">
        <v>6959</v>
      </c>
    </row>
    <row r="14" spans="2:35" ht="21" customHeight="1" x14ac:dyDescent="0.2">
      <c r="B14" s="468" t="s">
        <v>12</v>
      </c>
      <c r="C14" s="207">
        <v>728</v>
      </c>
      <c r="D14" s="208">
        <v>1124</v>
      </c>
      <c r="E14" s="209">
        <v>1852</v>
      </c>
      <c r="F14" s="200">
        <v>0</v>
      </c>
      <c r="G14" s="208">
        <v>1729</v>
      </c>
      <c r="H14" s="208">
        <v>1508</v>
      </c>
      <c r="I14" s="208">
        <v>992</v>
      </c>
      <c r="J14" s="208">
        <v>860</v>
      </c>
      <c r="K14" s="208">
        <v>504</v>
      </c>
      <c r="L14" s="209">
        <v>5593</v>
      </c>
      <c r="M14" s="210">
        <v>7445</v>
      </c>
      <c r="N14" s="211">
        <v>13</v>
      </c>
      <c r="O14" s="208">
        <v>32</v>
      </c>
      <c r="P14" s="209">
        <v>45</v>
      </c>
      <c r="Q14" s="200">
        <v>0</v>
      </c>
      <c r="R14" s="208">
        <v>23</v>
      </c>
      <c r="S14" s="208">
        <v>34</v>
      </c>
      <c r="T14" s="208">
        <v>21</v>
      </c>
      <c r="U14" s="208">
        <v>20</v>
      </c>
      <c r="V14" s="208">
        <v>17</v>
      </c>
      <c r="W14" s="209">
        <v>115</v>
      </c>
      <c r="X14" s="210">
        <v>160</v>
      </c>
      <c r="Y14" s="207">
        <v>741</v>
      </c>
      <c r="Z14" s="208">
        <v>1156</v>
      </c>
      <c r="AA14" s="209">
        <v>1897</v>
      </c>
      <c r="AB14" s="200">
        <v>0</v>
      </c>
      <c r="AC14" s="208">
        <v>1752</v>
      </c>
      <c r="AD14" s="208">
        <v>1542</v>
      </c>
      <c r="AE14" s="208">
        <v>1013</v>
      </c>
      <c r="AF14" s="208">
        <v>880</v>
      </c>
      <c r="AG14" s="208">
        <v>521</v>
      </c>
      <c r="AH14" s="209">
        <v>5708</v>
      </c>
      <c r="AI14" s="210">
        <v>7605</v>
      </c>
    </row>
    <row r="15" spans="2:35" ht="21" customHeight="1" x14ac:dyDescent="0.2">
      <c r="B15" s="468" t="s">
        <v>13</v>
      </c>
      <c r="C15" s="207">
        <v>124</v>
      </c>
      <c r="D15" s="208">
        <v>216</v>
      </c>
      <c r="E15" s="209">
        <v>340</v>
      </c>
      <c r="F15" s="200">
        <v>0</v>
      </c>
      <c r="G15" s="208">
        <v>651</v>
      </c>
      <c r="H15" s="208">
        <v>669</v>
      </c>
      <c r="I15" s="208">
        <v>376</v>
      </c>
      <c r="J15" s="208">
        <v>304</v>
      </c>
      <c r="K15" s="208">
        <v>213</v>
      </c>
      <c r="L15" s="209">
        <v>2213</v>
      </c>
      <c r="M15" s="210">
        <v>2553</v>
      </c>
      <c r="N15" s="211">
        <v>0</v>
      </c>
      <c r="O15" s="208">
        <v>3</v>
      </c>
      <c r="P15" s="209">
        <v>3</v>
      </c>
      <c r="Q15" s="200">
        <v>0</v>
      </c>
      <c r="R15" s="208">
        <v>13</v>
      </c>
      <c r="S15" s="208">
        <v>11</v>
      </c>
      <c r="T15" s="208">
        <v>9</v>
      </c>
      <c r="U15" s="208">
        <v>5</v>
      </c>
      <c r="V15" s="208">
        <v>10</v>
      </c>
      <c r="W15" s="209">
        <v>48</v>
      </c>
      <c r="X15" s="210">
        <v>51</v>
      </c>
      <c r="Y15" s="207">
        <v>124</v>
      </c>
      <c r="Z15" s="208">
        <v>219</v>
      </c>
      <c r="AA15" s="209">
        <v>343</v>
      </c>
      <c r="AB15" s="200">
        <v>0</v>
      </c>
      <c r="AC15" s="208">
        <v>664</v>
      </c>
      <c r="AD15" s="208">
        <v>680</v>
      </c>
      <c r="AE15" s="208">
        <v>385</v>
      </c>
      <c r="AF15" s="208">
        <v>309</v>
      </c>
      <c r="AG15" s="208">
        <v>223</v>
      </c>
      <c r="AH15" s="209">
        <v>2261</v>
      </c>
      <c r="AI15" s="210">
        <v>2604</v>
      </c>
    </row>
    <row r="16" spans="2:35" ht="21" customHeight="1" x14ac:dyDescent="0.2">
      <c r="B16" s="468" t="s">
        <v>15</v>
      </c>
      <c r="C16" s="207">
        <v>103</v>
      </c>
      <c r="D16" s="208">
        <v>188</v>
      </c>
      <c r="E16" s="209">
        <v>291</v>
      </c>
      <c r="F16" s="200">
        <v>0</v>
      </c>
      <c r="G16" s="208">
        <v>560</v>
      </c>
      <c r="H16" s="208">
        <v>582</v>
      </c>
      <c r="I16" s="208">
        <v>322</v>
      </c>
      <c r="J16" s="208">
        <v>195</v>
      </c>
      <c r="K16" s="208">
        <v>124</v>
      </c>
      <c r="L16" s="209">
        <v>1783</v>
      </c>
      <c r="M16" s="210">
        <v>2074</v>
      </c>
      <c r="N16" s="211">
        <v>0</v>
      </c>
      <c r="O16" s="208">
        <v>5</v>
      </c>
      <c r="P16" s="209">
        <v>5</v>
      </c>
      <c r="Q16" s="200">
        <v>0</v>
      </c>
      <c r="R16" s="208">
        <v>8</v>
      </c>
      <c r="S16" s="208">
        <v>12</v>
      </c>
      <c r="T16" s="208">
        <v>1</v>
      </c>
      <c r="U16" s="208">
        <v>2</v>
      </c>
      <c r="V16" s="208">
        <v>8</v>
      </c>
      <c r="W16" s="209">
        <v>31</v>
      </c>
      <c r="X16" s="210">
        <v>36</v>
      </c>
      <c r="Y16" s="207">
        <v>103</v>
      </c>
      <c r="Z16" s="208">
        <v>193</v>
      </c>
      <c r="AA16" s="209">
        <v>296</v>
      </c>
      <c r="AB16" s="200">
        <v>0</v>
      </c>
      <c r="AC16" s="208">
        <v>568</v>
      </c>
      <c r="AD16" s="208">
        <v>594</v>
      </c>
      <c r="AE16" s="208">
        <v>323</v>
      </c>
      <c r="AF16" s="208">
        <v>197</v>
      </c>
      <c r="AG16" s="208">
        <v>132</v>
      </c>
      <c r="AH16" s="209">
        <v>1814</v>
      </c>
      <c r="AI16" s="210">
        <v>2110</v>
      </c>
    </row>
    <row r="17" spans="2:35" ht="21" customHeight="1" x14ac:dyDescent="0.2">
      <c r="B17" s="468" t="s">
        <v>16</v>
      </c>
      <c r="C17" s="207">
        <v>252</v>
      </c>
      <c r="D17" s="208">
        <v>488</v>
      </c>
      <c r="E17" s="209">
        <v>740</v>
      </c>
      <c r="F17" s="200">
        <v>0</v>
      </c>
      <c r="G17" s="208">
        <v>984</v>
      </c>
      <c r="H17" s="208">
        <v>1345</v>
      </c>
      <c r="I17" s="208">
        <v>733</v>
      </c>
      <c r="J17" s="208">
        <v>549</v>
      </c>
      <c r="K17" s="208">
        <v>338</v>
      </c>
      <c r="L17" s="209">
        <v>3949</v>
      </c>
      <c r="M17" s="210">
        <v>4689</v>
      </c>
      <c r="N17" s="211">
        <v>5</v>
      </c>
      <c r="O17" s="208">
        <v>13</v>
      </c>
      <c r="P17" s="209">
        <v>18</v>
      </c>
      <c r="Q17" s="200">
        <v>0</v>
      </c>
      <c r="R17" s="208">
        <v>15</v>
      </c>
      <c r="S17" s="208">
        <v>40</v>
      </c>
      <c r="T17" s="208">
        <v>23</v>
      </c>
      <c r="U17" s="208">
        <v>18</v>
      </c>
      <c r="V17" s="208">
        <v>16</v>
      </c>
      <c r="W17" s="209">
        <v>112</v>
      </c>
      <c r="X17" s="210">
        <v>130</v>
      </c>
      <c r="Y17" s="207">
        <v>257</v>
      </c>
      <c r="Z17" s="208">
        <v>501</v>
      </c>
      <c r="AA17" s="209">
        <v>758</v>
      </c>
      <c r="AB17" s="200">
        <v>0</v>
      </c>
      <c r="AC17" s="208">
        <v>999</v>
      </c>
      <c r="AD17" s="208">
        <v>1385</v>
      </c>
      <c r="AE17" s="208">
        <v>756</v>
      </c>
      <c r="AF17" s="208">
        <v>567</v>
      </c>
      <c r="AG17" s="208">
        <v>354</v>
      </c>
      <c r="AH17" s="209">
        <v>4061</v>
      </c>
      <c r="AI17" s="210">
        <v>4819</v>
      </c>
    </row>
    <row r="18" spans="2:35" ht="21" customHeight="1" x14ac:dyDescent="0.2">
      <c r="B18" s="468" t="s">
        <v>17</v>
      </c>
      <c r="C18" s="207">
        <v>303</v>
      </c>
      <c r="D18" s="208">
        <v>636</v>
      </c>
      <c r="E18" s="209">
        <v>939</v>
      </c>
      <c r="F18" s="200">
        <v>0</v>
      </c>
      <c r="G18" s="208">
        <v>1139</v>
      </c>
      <c r="H18" s="208">
        <v>1755</v>
      </c>
      <c r="I18" s="208">
        <v>1054</v>
      </c>
      <c r="J18" s="208">
        <v>747</v>
      </c>
      <c r="K18" s="208">
        <v>427</v>
      </c>
      <c r="L18" s="209">
        <v>5122</v>
      </c>
      <c r="M18" s="210">
        <v>6061</v>
      </c>
      <c r="N18" s="211">
        <v>4</v>
      </c>
      <c r="O18" s="208">
        <v>26</v>
      </c>
      <c r="P18" s="209">
        <v>30</v>
      </c>
      <c r="Q18" s="200">
        <v>0</v>
      </c>
      <c r="R18" s="208">
        <v>22</v>
      </c>
      <c r="S18" s="208">
        <v>56</v>
      </c>
      <c r="T18" s="208">
        <v>36</v>
      </c>
      <c r="U18" s="208">
        <v>25</v>
      </c>
      <c r="V18" s="208">
        <v>25</v>
      </c>
      <c r="W18" s="209">
        <v>164</v>
      </c>
      <c r="X18" s="210">
        <v>194</v>
      </c>
      <c r="Y18" s="207">
        <v>307</v>
      </c>
      <c r="Z18" s="208">
        <v>662</v>
      </c>
      <c r="AA18" s="209">
        <v>969</v>
      </c>
      <c r="AB18" s="200">
        <v>0</v>
      </c>
      <c r="AC18" s="208">
        <v>1161</v>
      </c>
      <c r="AD18" s="208">
        <v>1811</v>
      </c>
      <c r="AE18" s="208">
        <v>1090</v>
      </c>
      <c r="AF18" s="208">
        <v>772</v>
      </c>
      <c r="AG18" s="208">
        <v>452</v>
      </c>
      <c r="AH18" s="209">
        <v>5286</v>
      </c>
      <c r="AI18" s="210">
        <v>6255</v>
      </c>
    </row>
    <row r="19" spans="2:35" ht="21" customHeight="1" x14ac:dyDescent="0.2">
      <c r="B19" s="468" t="s">
        <v>18</v>
      </c>
      <c r="C19" s="207">
        <v>385</v>
      </c>
      <c r="D19" s="208">
        <v>686</v>
      </c>
      <c r="E19" s="209">
        <v>1071</v>
      </c>
      <c r="F19" s="200">
        <v>0</v>
      </c>
      <c r="G19" s="208">
        <v>1882</v>
      </c>
      <c r="H19" s="208">
        <v>1733</v>
      </c>
      <c r="I19" s="208">
        <v>1092</v>
      </c>
      <c r="J19" s="208">
        <v>814</v>
      </c>
      <c r="K19" s="208">
        <v>434</v>
      </c>
      <c r="L19" s="209">
        <v>5955</v>
      </c>
      <c r="M19" s="210">
        <v>7026</v>
      </c>
      <c r="N19" s="211">
        <v>14</v>
      </c>
      <c r="O19" s="208">
        <v>24</v>
      </c>
      <c r="P19" s="209">
        <v>38</v>
      </c>
      <c r="Q19" s="200">
        <v>0</v>
      </c>
      <c r="R19" s="208">
        <v>46</v>
      </c>
      <c r="S19" s="208">
        <v>53</v>
      </c>
      <c r="T19" s="208">
        <v>29</v>
      </c>
      <c r="U19" s="208">
        <v>32</v>
      </c>
      <c r="V19" s="208">
        <v>22</v>
      </c>
      <c r="W19" s="209">
        <v>182</v>
      </c>
      <c r="X19" s="210">
        <v>220</v>
      </c>
      <c r="Y19" s="207">
        <v>399</v>
      </c>
      <c r="Z19" s="208">
        <v>710</v>
      </c>
      <c r="AA19" s="209">
        <v>1109</v>
      </c>
      <c r="AB19" s="200">
        <v>0</v>
      </c>
      <c r="AC19" s="208">
        <v>1928</v>
      </c>
      <c r="AD19" s="208">
        <v>1786</v>
      </c>
      <c r="AE19" s="208">
        <v>1121</v>
      </c>
      <c r="AF19" s="208">
        <v>846</v>
      </c>
      <c r="AG19" s="208">
        <v>456</v>
      </c>
      <c r="AH19" s="209">
        <v>6137</v>
      </c>
      <c r="AI19" s="210">
        <v>7246</v>
      </c>
    </row>
    <row r="20" spans="2:35" ht="21" customHeight="1" x14ac:dyDescent="0.2">
      <c r="B20" s="468" t="s">
        <v>19</v>
      </c>
      <c r="C20" s="207">
        <v>246</v>
      </c>
      <c r="D20" s="208">
        <v>327</v>
      </c>
      <c r="E20" s="209">
        <v>573</v>
      </c>
      <c r="F20" s="200">
        <v>0</v>
      </c>
      <c r="G20" s="208">
        <v>848</v>
      </c>
      <c r="H20" s="208">
        <v>729</v>
      </c>
      <c r="I20" s="208">
        <v>434</v>
      </c>
      <c r="J20" s="208">
        <v>292</v>
      </c>
      <c r="K20" s="208">
        <v>206</v>
      </c>
      <c r="L20" s="209">
        <v>2509</v>
      </c>
      <c r="M20" s="210">
        <v>3082</v>
      </c>
      <c r="N20" s="211">
        <v>5</v>
      </c>
      <c r="O20" s="208">
        <v>10</v>
      </c>
      <c r="P20" s="209">
        <v>15</v>
      </c>
      <c r="Q20" s="200">
        <v>0</v>
      </c>
      <c r="R20" s="208">
        <v>18</v>
      </c>
      <c r="S20" s="208">
        <v>17</v>
      </c>
      <c r="T20" s="208">
        <v>12</v>
      </c>
      <c r="U20" s="208">
        <v>6</v>
      </c>
      <c r="V20" s="208">
        <v>16</v>
      </c>
      <c r="W20" s="209">
        <v>69</v>
      </c>
      <c r="X20" s="210">
        <v>84</v>
      </c>
      <c r="Y20" s="207">
        <v>251</v>
      </c>
      <c r="Z20" s="208">
        <v>337</v>
      </c>
      <c r="AA20" s="209">
        <v>588</v>
      </c>
      <c r="AB20" s="200">
        <v>0</v>
      </c>
      <c r="AC20" s="208">
        <v>866</v>
      </c>
      <c r="AD20" s="208">
        <v>746</v>
      </c>
      <c r="AE20" s="208">
        <v>446</v>
      </c>
      <c r="AF20" s="208">
        <v>298</v>
      </c>
      <c r="AG20" s="208">
        <v>222</v>
      </c>
      <c r="AH20" s="209">
        <v>2578</v>
      </c>
      <c r="AI20" s="210">
        <v>3166</v>
      </c>
    </row>
    <row r="21" spans="2:35" ht="21" customHeight="1" x14ac:dyDescent="0.2">
      <c r="B21" s="468" t="s">
        <v>20</v>
      </c>
      <c r="C21" s="207">
        <v>234</v>
      </c>
      <c r="D21" s="208">
        <v>443</v>
      </c>
      <c r="E21" s="209">
        <v>677</v>
      </c>
      <c r="F21" s="200">
        <v>0</v>
      </c>
      <c r="G21" s="208">
        <v>1089</v>
      </c>
      <c r="H21" s="208">
        <v>749</v>
      </c>
      <c r="I21" s="208">
        <v>521</v>
      </c>
      <c r="J21" s="208">
        <v>346</v>
      </c>
      <c r="K21" s="208">
        <v>193</v>
      </c>
      <c r="L21" s="209">
        <v>2898</v>
      </c>
      <c r="M21" s="210">
        <v>3575</v>
      </c>
      <c r="N21" s="211">
        <v>4</v>
      </c>
      <c r="O21" s="208">
        <v>21</v>
      </c>
      <c r="P21" s="209">
        <v>25</v>
      </c>
      <c r="Q21" s="200">
        <v>0</v>
      </c>
      <c r="R21" s="208">
        <v>25</v>
      </c>
      <c r="S21" s="208">
        <v>23</v>
      </c>
      <c r="T21" s="208">
        <v>15</v>
      </c>
      <c r="U21" s="208">
        <v>16</v>
      </c>
      <c r="V21" s="208">
        <v>9</v>
      </c>
      <c r="W21" s="209">
        <v>88</v>
      </c>
      <c r="X21" s="210">
        <v>113</v>
      </c>
      <c r="Y21" s="207">
        <v>238</v>
      </c>
      <c r="Z21" s="208">
        <v>464</v>
      </c>
      <c r="AA21" s="209">
        <v>702</v>
      </c>
      <c r="AB21" s="200">
        <v>0</v>
      </c>
      <c r="AC21" s="208">
        <v>1114</v>
      </c>
      <c r="AD21" s="208">
        <v>772</v>
      </c>
      <c r="AE21" s="208">
        <v>536</v>
      </c>
      <c r="AF21" s="208">
        <v>362</v>
      </c>
      <c r="AG21" s="208">
        <v>202</v>
      </c>
      <c r="AH21" s="209">
        <v>2986</v>
      </c>
      <c r="AI21" s="210">
        <v>3688</v>
      </c>
    </row>
    <row r="22" spans="2:35" ht="21" customHeight="1" x14ac:dyDescent="0.2">
      <c r="B22" s="468" t="s">
        <v>21</v>
      </c>
      <c r="C22" s="207">
        <v>307</v>
      </c>
      <c r="D22" s="208">
        <v>455</v>
      </c>
      <c r="E22" s="209">
        <v>762</v>
      </c>
      <c r="F22" s="200">
        <v>0</v>
      </c>
      <c r="G22" s="208">
        <v>979</v>
      </c>
      <c r="H22" s="208">
        <v>1054</v>
      </c>
      <c r="I22" s="208">
        <v>636</v>
      </c>
      <c r="J22" s="208">
        <v>433</v>
      </c>
      <c r="K22" s="208">
        <v>258</v>
      </c>
      <c r="L22" s="209">
        <v>3360</v>
      </c>
      <c r="M22" s="210">
        <v>4122</v>
      </c>
      <c r="N22" s="211">
        <v>8</v>
      </c>
      <c r="O22" s="208">
        <v>15</v>
      </c>
      <c r="P22" s="209">
        <v>23</v>
      </c>
      <c r="Q22" s="200">
        <v>0</v>
      </c>
      <c r="R22" s="208">
        <v>4</v>
      </c>
      <c r="S22" s="208">
        <v>36</v>
      </c>
      <c r="T22" s="208">
        <v>25</v>
      </c>
      <c r="U22" s="208">
        <v>10</v>
      </c>
      <c r="V22" s="208">
        <v>10</v>
      </c>
      <c r="W22" s="209">
        <v>85</v>
      </c>
      <c r="X22" s="210">
        <v>108</v>
      </c>
      <c r="Y22" s="207">
        <v>315</v>
      </c>
      <c r="Z22" s="208">
        <v>470</v>
      </c>
      <c r="AA22" s="209">
        <v>785</v>
      </c>
      <c r="AB22" s="200">
        <v>0</v>
      </c>
      <c r="AC22" s="208">
        <v>983</v>
      </c>
      <c r="AD22" s="208">
        <v>1090</v>
      </c>
      <c r="AE22" s="208">
        <v>661</v>
      </c>
      <c r="AF22" s="208">
        <v>443</v>
      </c>
      <c r="AG22" s="208">
        <v>268</v>
      </c>
      <c r="AH22" s="209">
        <v>3445</v>
      </c>
      <c r="AI22" s="210">
        <v>4230</v>
      </c>
    </row>
    <row r="23" spans="2:35" ht="21" customHeight="1" x14ac:dyDescent="0.2">
      <c r="B23" s="468" t="s">
        <v>22</v>
      </c>
      <c r="C23" s="207">
        <v>75</v>
      </c>
      <c r="D23" s="208">
        <v>172</v>
      </c>
      <c r="E23" s="209">
        <v>247</v>
      </c>
      <c r="F23" s="200">
        <v>0</v>
      </c>
      <c r="G23" s="208">
        <v>372</v>
      </c>
      <c r="H23" s="208">
        <v>386</v>
      </c>
      <c r="I23" s="208">
        <v>201</v>
      </c>
      <c r="J23" s="208">
        <v>150</v>
      </c>
      <c r="K23" s="208">
        <v>86</v>
      </c>
      <c r="L23" s="209">
        <v>1195</v>
      </c>
      <c r="M23" s="210">
        <v>1442</v>
      </c>
      <c r="N23" s="211">
        <v>2</v>
      </c>
      <c r="O23" s="208">
        <v>3</v>
      </c>
      <c r="P23" s="209">
        <v>5</v>
      </c>
      <c r="Q23" s="200">
        <v>0</v>
      </c>
      <c r="R23" s="208">
        <v>7</v>
      </c>
      <c r="S23" s="208">
        <v>10</v>
      </c>
      <c r="T23" s="208">
        <v>6</v>
      </c>
      <c r="U23" s="208">
        <v>3</v>
      </c>
      <c r="V23" s="208">
        <v>3</v>
      </c>
      <c r="W23" s="209">
        <v>29</v>
      </c>
      <c r="X23" s="210">
        <v>34</v>
      </c>
      <c r="Y23" s="207">
        <v>77</v>
      </c>
      <c r="Z23" s="208">
        <v>175</v>
      </c>
      <c r="AA23" s="209">
        <v>252</v>
      </c>
      <c r="AB23" s="200">
        <v>0</v>
      </c>
      <c r="AC23" s="208">
        <v>379</v>
      </c>
      <c r="AD23" s="208">
        <v>396</v>
      </c>
      <c r="AE23" s="208">
        <v>207</v>
      </c>
      <c r="AF23" s="208">
        <v>153</v>
      </c>
      <c r="AG23" s="208">
        <v>89</v>
      </c>
      <c r="AH23" s="209">
        <v>1224</v>
      </c>
      <c r="AI23" s="210">
        <v>1476</v>
      </c>
    </row>
    <row r="24" spans="2:35" ht="21" customHeight="1" x14ac:dyDescent="0.2">
      <c r="B24" s="468" t="s">
        <v>23</v>
      </c>
      <c r="C24" s="207">
        <v>141</v>
      </c>
      <c r="D24" s="208">
        <v>286</v>
      </c>
      <c r="E24" s="209">
        <v>427</v>
      </c>
      <c r="F24" s="200">
        <v>0</v>
      </c>
      <c r="G24" s="208">
        <v>610</v>
      </c>
      <c r="H24" s="208">
        <v>581</v>
      </c>
      <c r="I24" s="208">
        <v>330</v>
      </c>
      <c r="J24" s="208">
        <v>277</v>
      </c>
      <c r="K24" s="208">
        <v>143</v>
      </c>
      <c r="L24" s="209">
        <v>1941</v>
      </c>
      <c r="M24" s="210">
        <v>2368</v>
      </c>
      <c r="N24" s="211">
        <v>7</v>
      </c>
      <c r="O24" s="208">
        <v>8</v>
      </c>
      <c r="P24" s="209">
        <v>15</v>
      </c>
      <c r="Q24" s="200">
        <v>0</v>
      </c>
      <c r="R24" s="208">
        <v>7</v>
      </c>
      <c r="S24" s="208">
        <v>21</v>
      </c>
      <c r="T24" s="208">
        <v>11</v>
      </c>
      <c r="U24" s="208">
        <v>6</v>
      </c>
      <c r="V24" s="208">
        <v>4</v>
      </c>
      <c r="W24" s="209">
        <v>49</v>
      </c>
      <c r="X24" s="210">
        <v>64</v>
      </c>
      <c r="Y24" s="207">
        <v>148</v>
      </c>
      <c r="Z24" s="208">
        <v>294</v>
      </c>
      <c r="AA24" s="209">
        <v>442</v>
      </c>
      <c r="AB24" s="200">
        <v>0</v>
      </c>
      <c r="AC24" s="208">
        <v>617</v>
      </c>
      <c r="AD24" s="208">
        <v>602</v>
      </c>
      <c r="AE24" s="208">
        <v>341</v>
      </c>
      <c r="AF24" s="208">
        <v>283</v>
      </c>
      <c r="AG24" s="208">
        <v>147</v>
      </c>
      <c r="AH24" s="209">
        <v>1990</v>
      </c>
      <c r="AI24" s="210">
        <v>2432</v>
      </c>
    </row>
    <row r="25" spans="2:35" ht="21" customHeight="1" x14ac:dyDescent="0.2">
      <c r="B25" s="468" t="s">
        <v>24</v>
      </c>
      <c r="C25" s="207">
        <v>127</v>
      </c>
      <c r="D25" s="208">
        <v>132</v>
      </c>
      <c r="E25" s="209">
        <v>259</v>
      </c>
      <c r="F25" s="200">
        <v>0</v>
      </c>
      <c r="G25" s="208">
        <v>333</v>
      </c>
      <c r="H25" s="208">
        <v>259</v>
      </c>
      <c r="I25" s="208">
        <v>156</v>
      </c>
      <c r="J25" s="208">
        <v>136</v>
      </c>
      <c r="K25" s="208">
        <v>76</v>
      </c>
      <c r="L25" s="209">
        <v>960</v>
      </c>
      <c r="M25" s="210">
        <v>1219</v>
      </c>
      <c r="N25" s="211">
        <v>1</v>
      </c>
      <c r="O25" s="208">
        <v>0</v>
      </c>
      <c r="P25" s="209">
        <v>1</v>
      </c>
      <c r="Q25" s="200">
        <v>0</v>
      </c>
      <c r="R25" s="208">
        <v>4</v>
      </c>
      <c r="S25" s="208">
        <v>5</v>
      </c>
      <c r="T25" s="208">
        <v>2</v>
      </c>
      <c r="U25" s="208">
        <v>2</v>
      </c>
      <c r="V25" s="208">
        <v>3</v>
      </c>
      <c r="W25" s="209">
        <v>16</v>
      </c>
      <c r="X25" s="210">
        <v>17</v>
      </c>
      <c r="Y25" s="207">
        <v>128</v>
      </c>
      <c r="Z25" s="208">
        <v>132</v>
      </c>
      <c r="AA25" s="209">
        <v>260</v>
      </c>
      <c r="AB25" s="200">
        <v>0</v>
      </c>
      <c r="AC25" s="208">
        <v>337</v>
      </c>
      <c r="AD25" s="208">
        <v>264</v>
      </c>
      <c r="AE25" s="208">
        <v>158</v>
      </c>
      <c r="AF25" s="208">
        <v>138</v>
      </c>
      <c r="AG25" s="208">
        <v>79</v>
      </c>
      <c r="AH25" s="209">
        <v>976</v>
      </c>
      <c r="AI25" s="210">
        <v>1236</v>
      </c>
    </row>
    <row r="26" spans="2:35" ht="21" customHeight="1" x14ac:dyDescent="0.2">
      <c r="B26" s="468" t="s">
        <v>25</v>
      </c>
      <c r="C26" s="207">
        <v>115</v>
      </c>
      <c r="D26" s="208">
        <v>183</v>
      </c>
      <c r="E26" s="209">
        <v>298</v>
      </c>
      <c r="F26" s="200">
        <v>0</v>
      </c>
      <c r="G26" s="208">
        <v>405</v>
      </c>
      <c r="H26" s="208">
        <v>306</v>
      </c>
      <c r="I26" s="208">
        <v>181</v>
      </c>
      <c r="J26" s="208">
        <v>146</v>
      </c>
      <c r="K26" s="208">
        <v>74</v>
      </c>
      <c r="L26" s="209">
        <v>1112</v>
      </c>
      <c r="M26" s="210">
        <v>1410</v>
      </c>
      <c r="N26" s="211">
        <v>1</v>
      </c>
      <c r="O26" s="208">
        <v>6</v>
      </c>
      <c r="P26" s="209">
        <v>7</v>
      </c>
      <c r="Q26" s="200">
        <v>0</v>
      </c>
      <c r="R26" s="208">
        <v>5</v>
      </c>
      <c r="S26" s="208">
        <v>13</v>
      </c>
      <c r="T26" s="208">
        <v>3</v>
      </c>
      <c r="U26" s="208">
        <v>3</v>
      </c>
      <c r="V26" s="208">
        <v>3</v>
      </c>
      <c r="W26" s="209">
        <v>27</v>
      </c>
      <c r="X26" s="210">
        <v>34</v>
      </c>
      <c r="Y26" s="207">
        <v>116</v>
      </c>
      <c r="Z26" s="208">
        <v>189</v>
      </c>
      <c r="AA26" s="209">
        <v>305</v>
      </c>
      <c r="AB26" s="200">
        <v>0</v>
      </c>
      <c r="AC26" s="208">
        <v>410</v>
      </c>
      <c r="AD26" s="208">
        <v>319</v>
      </c>
      <c r="AE26" s="208">
        <v>184</v>
      </c>
      <c r="AF26" s="208">
        <v>149</v>
      </c>
      <c r="AG26" s="208">
        <v>77</v>
      </c>
      <c r="AH26" s="209">
        <v>1139</v>
      </c>
      <c r="AI26" s="210">
        <v>1444</v>
      </c>
    </row>
    <row r="27" spans="2:35" ht="21" customHeight="1" x14ac:dyDescent="0.2">
      <c r="B27" s="468" t="s">
        <v>26</v>
      </c>
      <c r="C27" s="207">
        <v>79</v>
      </c>
      <c r="D27" s="208">
        <v>116</v>
      </c>
      <c r="E27" s="209">
        <v>195</v>
      </c>
      <c r="F27" s="200">
        <v>0</v>
      </c>
      <c r="G27" s="208">
        <v>313</v>
      </c>
      <c r="H27" s="208">
        <v>277</v>
      </c>
      <c r="I27" s="208">
        <v>202</v>
      </c>
      <c r="J27" s="208">
        <v>110</v>
      </c>
      <c r="K27" s="208">
        <v>89</v>
      </c>
      <c r="L27" s="209">
        <v>991</v>
      </c>
      <c r="M27" s="210">
        <v>1186</v>
      </c>
      <c r="N27" s="211">
        <v>2</v>
      </c>
      <c r="O27" s="208">
        <v>1</v>
      </c>
      <c r="P27" s="209">
        <v>3</v>
      </c>
      <c r="Q27" s="200">
        <v>0</v>
      </c>
      <c r="R27" s="208">
        <v>6</v>
      </c>
      <c r="S27" s="208">
        <v>5</v>
      </c>
      <c r="T27" s="208">
        <v>3</v>
      </c>
      <c r="U27" s="208">
        <v>3</v>
      </c>
      <c r="V27" s="208">
        <v>3</v>
      </c>
      <c r="W27" s="209">
        <v>20</v>
      </c>
      <c r="X27" s="210">
        <v>23</v>
      </c>
      <c r="Y27" s="207">
        <v>81</v>
      </c>
      <c r="Z27" s="208">
        <v>117</v>
      </c>
      <c r="AA27" s="209">
        <v>198</v>
      </c>
      <c r="AB27" s="200">
        <v>0</v>
      </c>
      <c r="AC27" s="208">
        <v>319</v>
      </c>
      <c r="AD27" s="208">
        <v>282</v>
      </c>
      <c r="AE27" s="208">
        <v>205</v>
      </c>
      <c r="AF27" s="208">
        <v>113</v>
      </c>
      <c r="AG27" s="208">
        <v>92</v>
      </c>
      <c r="AH27" s="209">
        <v>1011</v>
      </c>
      <c r="AI27" s="210">
        <v>1209</v>
      </c>
    </row>
    <row r="28" spans="2:35" ht="21" customHeight="1" x14ac:dyDescent="0.2">
      <c r="B28" s="468" t="s">
        <v>27</v>
      </c>
      <c r="C28" s="207">
        <v>136</v>
      </c>
      <c r="D28" s="208">
        <v>181</v>
      </c>
      <c r="E28" s="209">
        <v>317</v>
      </c>
      <c r="F28" s="200">
        <v>0</v>
      </c>
      <c r="G28" s="208">
        <v>260</v>
      </c>
      <c r="H28" s="208">
        <v>189</v>
      </c>
      <c r="I28" s="208">
        <v>135</v>
      </c>
      <c r="J28" s="208">
        <v>100</v>
      </c>
      <c r="K28" s="208">
        <v>72</v>
      </c>
      <c r="L28" s="209">
        <v>756</v>
      </c>
      <c r="M28" s="210">
        <v>1073</v>
      </c>
      <c r="N28" s="211">
        <v>4</v>
      </c>
      <c r="O28" s="208">
        <v>1</v>
      </c>
      <c r="P28" s="209">
        <v>5</v>
      </c>
      <c r="Q28" s="200">
        <v>0</v>
      </c>
      <c r="R28" s="208">
        <v>6</v>
      </c>
      <c r="S28" s="208">
        <v>6</v>
      </c>
      <c r="T28" s="208">
        <v>3</v>
      </c>
      <c r="U28" s="208">
        <v>1</v>
      </c>
      <c r="V28" s="208">
        <v>3</v>
      </c>
      <c r="W28" s="209">
        <v>19</v>
      </c>
      <c r="X28" s="210">
        <v>24</v>
      </c>
      <c r="Y28" s="207">
        <v>140</v>
      </c>
      <c r="Z28" s="208">
        <v>182</v>
      </c>
      <c r="AA28" s="209">
        <v>322</v>
      </c>
      <c r="AB28" s="200">
        <v>0</v>
      </c>
      <c r="AC28" s="208">
        <v>266</v>
      </c>
      <c r="AD28" s="208">
        <v>195</v>
      </c>
      <c r="AE28" s="208">
        <v>138</v>
      </c>
      <c r="AF28" s="208">
        <v>101</v>
      </c>
      <c r="AG28" s="208">
        <v>75</v>
      </c>
      <c r="AH28" s="209">
        <v>775</v>
      </c>
      <c r="AI28" s="210">
        <v>1097</v>
      </c>
    </row>
    <row r="29" spans="2:35" ht="21" customHeight="1" x14ac:dyDescent="0.2">
      <c r="B29" s="468" t="s">
        <v>28</v>
      </c>
      <c r="C29" s="207">
        <v>10</v>
      </c>
      <c r="D29" s="208">
        <v>17</v>
      </c>
      <c r="E29" s="209">
        <v>27</v>
      </c>
      <c r="F29" s="200">
        <v>0</v>
      </c>
      <c r="G29" s="208">
        <v>90</v>
      </c>
      <c r="H29" s="208">
        <v>100</v>
      </c>
      <c r="I29" s="208">
        <v>48</v>
      </c>
      <c r="J29" s="208">
        <v>35</v>
      </c>
      <c r="K29" s="208">
        <v>19</v>
      </c>
      <c r="L29" s="209">
        <v>292</v>
      </c>
      <c r="M29" s="210">
        <v>319</v>
      </c>
      <c r="N29" s="211">
        <v>0</v>
      </c>
      <c r="O29" s="208">
        <v>0</v>
      </c>
      <c r="P29" s="209">
        <v>0</v>
      </c>
      <c r="Q29" s="200">
        <v>0</v>
      </c>
      <c r="R29" s="208">
        <v>0</v>
      </c>
      <c r="S29" s="208">
        <v>3</v>
      </c>
      <c r="T29" s="208">
        <v>0</v>
      </c>
      <c r="U29" s="208">
        <v>0</v>
      </c>
      <c r="V29" s="208">
        <v>2</v>
      </c>
      <c r="W29" s="209">
        <v>5</v>
      </c>
      <c r="X29" s="210">
        <v>5</v>
      </c>
      <c r="Y29" s="207">
        <v>10</v>
      </c>
      <c r="Z29" s="208">
        <v>17</v>
      </c>
      <c r="AA29" s="209">
        <v>27</v>
      </c>
      <c r="AB29" s="200">
        <v>0</v>
      </c>
      <c r="AC29" s="208">
        <v>90</v>
      </c>
      <c r="AD29" s="208">
        <v>103</v>
      </c>
      <c r="AE29" s="208">
        <v>48</v>
      </c>
      <c r="AF29" s="208">
        <v>35</v>
      </c>
      <c r="AG29" s="208">
        <v>21</v>
      </c>
      <c r="AH29" s="209">
        <v>297</v>
      </c>
      <c r="AI29" s="210">
        <v>324</v>
      </c>
    </row>
    <row r="30" spans="2:35" ht="21" customHeight="1" x14ac:dyDescent="0.2">
      <c r="B30" s="468" t="s">
        <v>29</v>
      </c>
      <c r="C30" s="207">
        <v>32</v>
      </c>
      <c r="D30" s="208">
        <v>41</v>
      </c>
      <c r="E30" s="209">
        <v>73</v>
      </c>
      <c r="F30" s="200">
        <v>0</v>
      </c>
      <c r="G30" s="208">
        <v>103</v>
      </c>
      <c r="H30" s="208">
        <v>94</v>
      </c>
      <c r="I30" s="208">
        <v>77</v>
      </c>
      <c r="J30" s="208">
        <v>48</v>
      </c>
      <c r="K30" s="208">
        <v>28</v>
      </c>
      <c r="L30" s="209">
        <v>350</v>
      </c>
      <c r="M30" s="210">
        <v>423</v>
      </c>
      <c r="N30" s="211">
        <v>1</v>
      </c>
      <c r="O30" s="208">
        <v>2</v>
      </c>
      <c r="P30" s="209">
        <v>3</v>
      </c>
      <c r="Q30" s="200">
        <v>0</v>
      </c>
      <c r="R30" s="208">
        <v>3</v>
      </c>
      <c r="S30" s="208">
        <v>4</v>
      </c>
      <c r="T30" s="208">
        <v>3</v>
      </c>
      <c r="U30" s="208">
        <v>1</v>
      </c>
      <c r="V30" s="208">
        <v>0</v>
      </c>
      <c r="W30" s="209">
        <v>11</v>
      </c>
      <c r="X30" s="210">
        <v>14</v>
      </c>
      <c r="Y30" s="207">
        <v>33</v>
      </c>
      <c r="Z30" s="208">
        <v>43</v>
      </c>
      <c r="AA30" s="209">
        <v>76</v>
      </c>
      <c r="AB30" s="200">
        <v>0</v>
      </c>
      <c r="AC30" s="208">
        <v>106</v>
      </c>
      <c r="AD30" s="208">
        <v>98</v>
      </c>
      <c r="AE30" s="208">
        <v>80</v>
      </c>
      <c r="AF30" s="208">
        <v>49</v>
      </c>
      <c r="AG30" s="208">
        <v>28</v>
      </c>
      <c r="AH30" s="209">
        <v>361</v>
      </c>
      <c r="AI30" s="210">
        <v>437</v>
      </c>
    </row>
    <row r="31" spans="2:35" ht="21" customHeight="1" x14ac:dyDescent="0.2">
      <c r="B31" s="468" t="s">
        <v>30</v>
      </c>
      <c r="C31" s="207">
        <v>44</v>
      </c>
      <c r="D31" s="208">
        <v>32</v>
      </c>
      <c r="E31" s="209">
        <v>76</v>
      </c>
      <c r="F31" s="200">
        <v>0</v>
      </c>
      <c r="G31" s="208">
        <v>96</v>
      </c>
      <c r="H31" s="208">
        <v>67</v>
      </c>
      <c r="I31" s="208">
        <v>54</v>
      </c>
      <c r="J31" s="208">
        <v>42</v>
      </c>
      <c r="K31" s="208">
        <v>14</v>
      </c>
      <c r="L31" s="209">
        <v>273</v>
      </c>
      <c r="M31" s="210">
        <v>349</v>
      </c>
      <c r="N31" s="211">
        <v>0</v>
      </c>
      <c r="O31" s="208">
        <v>0</v>
      </c>
      <c r="P31" s="209">
        <v>0</v>
      </c>
      <c r="Q31" s="200">
        <v>0</v>
      </c>
      <c r="R31" s="208">
        <v>2</v>
      </c>
      <c r="S31" s="208">
        <v>1</v>
      </c>
      <c r="T31" s="208">
        <v>2</v>
      </c>
      <c r="U31" s="208">
        <v>2</v>
      </c>
      <c r="V31" s="208">
        <v>1</v>
      </c>
      <c r="W31" s="209">
        <v>8</v>
      </c>
      <c r="X31" s="210">
        <v>8</v>
      </c>
      <c r="Y31" s="207">
        <v>44</v>
      </c>
      <c r="Z31" s="208">
        <v>32</v>
      </c>
      <c r="AA31" s="209">
        <v>76</v>
      </c>
      <c r="AB31" s="200">
        <v>0</v>
      </c>
      <c r="AC31" s="208">
        <v>98</v>
      </c>
      <c r="AD31" s="208">
        <v>68</v>
      </c>
      <c r="AE31" s="208">
        <v>56</v>
      </c>
      <c r="AF31" s="208">
        <v>44</v>
      </c>
      <c r="AG31" s="208">
        <v>15</v>
      </c>
      <c r="AH31" s="209">
        <v>281</v>
      </c>
      <c r="AI31" s="210">
        <v>357</v>
      </c>
    </row>
    <row r="32" spans="2:35" ht="21" customHeight="1" x14ac:dyDescent="0.2">
      <c r="B32" s="468" t="s">
        <v>31</v>
      </c>
      <c r="C32" s="207">
        <v>26</v>
      </c>
      <c r="D32" s="208">
        <v>54</v>
      </c>
      <c r="E32" s="209">
        <v>80</v>
      </c>
      <c r="F32" s="200">
        <v>0</v>
      </c>
      <c r="G32" s="208">
        <v>89</v>
      </c>
      <c r="H32" s="208">
        <v>78</v>
      </c>
      <c r="I32" s="208">
        <v>53</v>
      </c>
      <c r="J32" s="208">
        <v>35</v>
      </c>
      <c r="K32" s="208">
        <v>16</v>
      </c>
      <c r="L32" s="209">
        <v>271</v>
      </c>
      <c r="M32" s="210">
        <v>351</v>
      </c>
      <c r="N32" s="211">
        <v>0</v>
      </c>
      <c r="O32" s="208">
        <v>3</v>
      </c>
      <c r="P32" s="209">
        <v>3</v>
      </c>
      <c r="Q32" s="200">
        <v>0</v>
      </c>
      <c r="R32" s="208">
        <v>1</v>
      </c>
      <c r="S32" s="208">
        <v>0</v>
      </c>
      <c r="T32" s="208">
        <v>0</v>
      </c>
      <c r="U32" s="208">
        <v>2</v>
      </c>
      <c r="V32" s="208">
        <v>1</v>
      </c>
      <c r="W32" s="209">
        <v>4</v>
      </c>
      <c r="X32" s="210">
        <v>7</v>
      </c>
      <c r="Y32" s="207">
        <v>26</v>
      </c>
      <c r="Z32" s="208">
        <v>57</v>
      </c>
      <c r="AA32" s="209">
        <v>83</v>
      </c>
      <c r="AB32" s="200">
        <v>0</v>
      </c>
      <c r="AC32" s="208">
        <v>90</v>
      </c>
      <c r="AD32" s="208">
        <v>78</v>
      </c>
      <c r="AE32" s="208">
        <v>53</v>
      </c>
      <c r="AF32" s="208">
        <v>37</v>
      </c>
      <c r="AG32" s="208">
        <v>17</v>
      </c>
      <c r="AH32" s="209">
        <v>275</v>
      </c>
      <c r="AI32" s="210">
        <v>358</v>
      </c>
    </row>
    <row r="33" spans="2:35" ht="21" customHeight="1" x14ac:dyDescent="0.2">
      <c r="B33" s="468" t="s">
        <v>32</v>
      </c>
      <c r="C33" s="207">
        <v>31</v>
      </c>
      <c r="D33" s="208">
        <v>54</v>
      </c>
      <c r="E33" s="209">
        <v>85</v>
      </c>
      <c r="F33" s="200">
        <v>0</v>
      </c>
      <c r="G33" s="208">
        <v>142</v>
      </c>
      <c r="H33" s="208">
        <v>116</v>
      </c>
      <c r="I33" s="208">
        <v>68</v>
      </c>
      <c r="J33" s="208">
        <v>50</v>
      </c>
      <c r="K33" s="208">
        <v>29</v>
      </c>
      <c r="L33" s="209">
        <v>405</v>
      </c>
      <c r="M33" s="210">
        <v>490</v>
      </c>
      <c r="N33" s="211">
        <v>0</v>
      </c>
      <c r="O33" s="208">
        <v>2</v>
      </c>
      <c r="P33" s="209">
        <v>2</v>
      </c>
      <c r="Q33" s="200">
        <v>0</v>
      </c>
      <c r="R33" s="208">
        <v>2</v>
      </c>
      <c r="S33" s="208">
        <v>6</v>
      </c>
      <c r="T33" s="208">
        <v>1</v>
      </c>
      <c r="U33" s="208">
        <v>2</v>
      </c>
      <c r="V33" s="208">
        <v>2</v>
      </c>
      <c r="W33" s="209">
        <v>13</v>
      </c>
      <c r="X33" s="210">
        <v>15</v>
      </c>
      <c r="Y33" s="207">
        <v>31</v>
      </c>
      <c r="Z33" s="208">
        <v>56</v>
      </c>
      <c r="AA33" s="209">
        <v>87</v>
      </c>
      <c r="AB33" s="200">
        <v>0</v>
      </c>
      <c r="AC33" s="208">
        <v>144</v>
      </c>
      <c r="AD33" s="208">
        <v>122</v>
      </c>
      <c r="AE33" s="208">
        <v>69</v>
      </c>
      <c r="AF33" s="208">
        <v>52</v>
      </c>
      <c r="AG33" s="208">
        <v>31</v>
      </c>
      <c r="AH33" s="209">
        <v>418</v>
      </c>
      <c r="AI33" s="210">
        <v>505</v>
      </c>
    </row>
    <row r="34" spans="2:35" ht="21" customHeight="1" x14ac:dyDescent="0.2">
      <c r="B34" s="468" t="s">
        <v>33</v>
      </c>
      <c r="C34" s="207">
        <v>38</v>
      </c>
      <c r="D34" s="208">
        <v>63</v>
      </c>
      <c r="E34" s="209">
        <v>101</v>
      </c>
      <c r="F34" s="200">
        <v>0</v>
      </c>
      <c r="G34" s="208">
        <v>128</v>
      </c>
      <c r="H34" s="208">
        <v>88</v>
      </c>
      <c r="I34" s="208">
        <v>68</v>
      </c>
      <c r="J34" s="208">
        <v>26</v>
      </c>
      <c r="K34" s="208">
        <v>29</v>
      </c>
      <c r="L34" s="209">
        <v>339</v>
      </c>
      <c r="M34" s="210">
        <v>440</v>
      </c>
      <c r="N34" s="211">
        <v>0</v>
      </c>
      <c r="O34" s="208">
        <v>0</v>
      </c>
      <c r="P34" s="209">
        <v>0</v>
      </c>
      <c r="Q34" s="200">
        <v>0</v>
      </c>
      <c r="R34" s="208">
        <v>2</v>
      </c>
      <c r="S34" s="208">
        <v>1</v>
      </c>
      <c r="T34" s="208">
        <v>0</v>
      </c>
      <c r="U34" s="208">
        <v>0</v>
      </c>
      <c r="V34" s="208">
        <v>1</v>
      </c>
      <c r="W34" s="209">
        <v>4</v>
      </c>
      <c r="X34" s="210">
        <v>4</v>
      </c>
      <c r="Y34" s="207">
        <v>38</v>
      </c>
      <c r="Z34" s="208">
        <v>63</v>
      </c>
      <c r="AA34" s="209">
        <v>101</v>
      </c>
      <c r="AB34" s="200">
        <v>0</v>
      </c>
      <c r="AC34" s="208">
        <v>130</v>
      </c>
      <c r="AD34" s="208">
        <v>89</v>
      </c>
      <c r="AE34" s="208">
        <v>68</v>
      </c>
      <c r="AF34" s="208">
        <v>26</v>
      </c>
      <c r="AG34" s="208">
        <v>30</v>
      </c>
      <c r="AH34" s="209">
        <v>343</v>
      </c>
      <c r="AI34" s="210">
        <v>444</v>
      </c>
    </row>
    <row r="35" spans="2:35" ht="21" customHeight="1" x14ac:dyDescent="0.2">
      <c r="B35" s="468" t="s">
        <v>34</v>
      </c>
      <c r="C35" s="207">
        <v>18</v>
      </c>
      <c r="D35" s="208">
        <v>29</v>
      </c>
      <c r="E35" s="209">
        <v>47</v>
      </c>
      <c r="F35" s="200">
        <v>0</v>
      </c>
      <c r="G35" s="208">
        <v>103</v>
      </c>
      <c r="H35" s="208">
        <v>65</v>
      </c>
      <c r="I35" s="208">
        <v>39</v>
      </c>
      <c r="J35" s="208">
        <v>35</v>
      </c>
      <c r="K35" s="208">
        <v>16</v>
      </c>
      <c r="L35" s="209">
        <v>258</v>
      </c>
      <c r="M35" s="210">
        <v>305</v>
      </c>
      <c r="N35" s="211">
        <v>0</v>
      </c>
      <c r="O35" s="208">
        <v>1</v>
      </c>
      <c r="P35" s="209">
        <v>1</v>
      </c>
      <c r="Q35" s="200">
        <v>0</v>
      </c>
      <c r="R35" s="208">
        <v>3</v>
      </c>
      <c r="S35" s="208">
        <v>2</v>
      </c>
      <c r="T35" s="208">
        <v>1</v>
      </c>
      <c r="U35" s="208">
        <v>1</v>
      </c>
      <c r="V35" s="208">
        <v>1</v>
      </c>
      <c r="W35" s="209">
        <v>8</v>
      </c>
      <c r="X35" s="210">
        <v>9</v>
      </c>
      <c r="Y35" s="207">
        <v>18</v>
      </c>
      <c r="Z35" s="208">
        <v>30</v>
      </c>
      <c r="AA35" s="209">
        <v>48</v>
      </c>
      <c r="AB35" s="200">
        <v>0</v>
      </c>
      <c r="AC35" s="208">
        <v>106</v>
      </c>
      <c r="AD35" s="208">
        <v>67</v>
      </c>
      <c r="AE35" s="208">
        <v>40</v>
      </c>
      <c r="AF35" s="208">
        <v>36</v>
      </c>
      <c r="AG35" s="208">
        <v>17</v>
      </c>
      <c r="AH35" s="209">
        <v>266</v>
      </c>
      <c r="AI35" s="210">
        <v>314</v>
      </c>
    </row>
    <row r="36" spans="2:35" ht="21" customHeight="1" x14ac:dyDescent="0.2">
      <c r="B36" s="468" t="s">
        <v>35</v>
      </c>
      <c r="C36" s="207">
        <v>83</v>
      </c>
      <c r="D36" s="208">
        <v>133</v>
      </c>
      <c r="E36" s="209">
        <v>216</v>
      </c>
      <c r="F36" s="200">
        <v>0</v>
      </c>
      <c r="G36" s="208">
        <v>385</v>
      </c>
      <c r="H36" s="208">
        <v>196</v>
      </c>
      <c r="I36" s="208">
        <v>157</v>
      </c>
      <c r="J36" s="208">
        <v>125</v>
      </c>
      <c r="K36" s="208">
        <v>50</v>
      </c>
      <c r="L36" s="209">
        <v>913</v>
      </c>
      <c r="M36" s="210">
        <v>1129</v>
      </c>
      <c r="N36" s="211">
        <v>0</v>
      </c>
      <c r="O36" s="208">
        <v>1</v>
      </c>
      <c r="P36" s="209">
        <v>1</v>
      </c>
      <c r="Q36" s="200">
        <v>0</v>
      </c>
      <c r="R36" s="208">
        <v>3</v>
      </c>
      <c r="S36" s="208">
        <v>5</v>
      </c>
      <c r="T36" s="208">
        <v>3</v>
      </c>
      <c r="U36" s="208">
        <v>1</v>
      </c>
      <c r="V36" s="208">
        <v>2</v>
      </c>
      <c r="W36" s="209">
        <v>14</v>
      </c>
      <c r="X36" s="210">
        <v>15</v>
      </c>
      <c r="Y36" s="207">
        <v>83</v>
      </c>
      <c r="Z36" s="208">
        <v>134</v>
      </c>
      <c r="AA36" s="209">
        <v>217</v>
      </c>
      <c r="AB36" s="200">
        <v>0</v>
      </c>
      <c r="AC36" s="208">
        <v>388</v>
      </c>
      <c r="AD36" s="208">
        <v>201</v>
      </c>
      <c r="AE36" s="208">
        <v>160</v>
      </c>
      <c r="AF36" s="208">
        <v>126</v>
      </c>
      <c r="AG36" s="208">
        <v>52</v>
      </c>
      <c r="AH36" s="209">
        <v>927</v>
      </c>
      <c r="AI36" s="210">
        <v>1144</v>
      </c>
    </row>
    <row r="37" spans="2:35" ht="21" customHeight="1" x14ac:dyDescent="0.2">
      <c r="B37" s="468" t="s">
        <v>36</v>
      </c>
      <c r="C37" s="207">
        <v>49</v>
      </c>
      <c r="D37" s="208">
        <v>136</v>
      </c>
      <c r="E37" s="209">
        <v>185</v>
      </c>
      <c r="F37" s="200">
        <v>0</v>
      </c>
      <c r="G37" s="208">
        <v>302</v>
      </c>
      <c r="H37" s="208">
        <v>273</v>
      </c>
      <c r="I37" s="208">
        <v>166</v>
      </c>
      <c r="J37" s="208">
        <v>110</v>
      </c>
      <c r="K37" s="208">
        <v>79</v>
      </c>
      <c r="L37" s="209">
        <v>930</v>
      </c>
      <c r="M37" s="210">
        <v>1115</v>
      </c>
      <c r="N37" s="211">
        <v>1</v>
      </c>
      <c r="O37" s="208">
        <v>4</v>
      </c>
      <c r="P37" s="209">
        <v>5</v>
      </c>
      <c r="Q37" s="200">
        <v>0</v>
      </c>
      <c r="R37" s="208">
        <v>5</v>
      </c>
      <c r="S37" s="208">
        <v>6</v>
      </c>
      <c r="T37" s="208">
        <v>6</v>
      </c>
      <c r="U37" s="208">
        <v>2</v>
      </c>
      <c r="V37" s="208">
        <v>2</v>
      </c>
      <c r="W37" s="209">
        <v>21</v>
      </c>
      <c r="X37" s="210">
        <v>26</v>
      </c>
      <c r="Y37" s="207">
        <v>50</v>
      </c>
      <c r="Z37" s="208">
        <v>140</v>
      </c>
      <c r="AA37" s="209">
        <v>190</v>
      </c>
      <c r="AB37" s="200">
        <v>0</v>
      </c>
      <c r="AC37" s="208">
        <v>307</v>
      </c>
      <c r="AD37" s="208">
        <v>279</v>
      </c>
      <c r="AE37" s="208">
        <v>172</v>
      </c>
      <c r="AF37" s="208">
        <v>112</v>
      </c>
      <c r="AG37" s="208">
        <v>81</v>
      </c>
      <c r="AH37" s="209">
        <v>951</v>
      </c>
      <c r="AI37" s="210">
        <v>1141</v>
      </c>
    </row>
    <row r="38" spans="2:35" ht="21" customHeight="1" thickBot="1" x14ac:dyDescent="0.25">
      <c r="B38" s="469" t="s">
        <v>37</v>
      </c>
      <c r="C38" s="212">
        <v>20</v>
      </c>
      <c r="D38" s="213">
        <v>2</v>
      </c>
      <c r="E38" s="214">
        <v>22</v>
      </c>
      <c r="F38" s="201">
        <v>0</v>
      </c>
      <c r="G38" s="213">
        <v>30</v>
      </c>
      <c r="H38" s="213">
        <v>17</v>
      </c>
      <c r="I38" s="213">
        <v>16</v>
      </c>
      <c r="J38" s="213">
        <v>14</v>
      </c>
      <c r="K38" s="213">
        <v>7</v>
      </c>
      <c r="L38" s="214">
        <v>84</v>
      </c>
      <c r="M38" s="215">
        <v>106</v>
      </c>
      <c r="N38" s="216">
        <v>0</v>
      </c>
      <c r="O38" s="213">
        <v>0</v>
      </c>
      <c r="P38" s="214">
        <v>0</v>
      </c>
      <c r="Q38" s="201">
        <v>0</v>
      </c>
      <c r="R38" s="213">
        <v>0</v>
      </c>
      <c r="S38" s="213">
        <v>3</v>
      </c>
      <c r="T38" s="213">
        <v>0</v>
      </c>
      <c r="U38" s="213">
        <v>1</v>
      </c>
      <c r="V38" s="213">
        <v>0</v>
      </c>
      <c r="W38" s="214">
        <v>4</v>
      </c>
      <c r="X38" s="215">
        <v>4</v>
      </c>
      <c r="Y38" s="212">
        <v>20</v>
      </c>
      <c r="Z38" s="213">
        <v>2</v>
      </c>
      <c r="AA38" s="214">
        <v>22</v>
      </c>
      <c r="AB38" s="201">
        <v>0</v>
      </c>
      <c r="AC38" s="213">
        <v>30</v>
      </c>
      <c r="AD38" s="213">
        <v>20</v>
      </c>
      <c r="AE38" s="213">
        <v>16</v>
      </c>
      <c r="AF38" s="213">
        <v>15</v>
      </c>
      <c r="AG38" s="213">
        <v>7</v>
      </c>
      <c r="AH38" s="214">
        <v>88</v>
      </c>
      <c r="AI38" s="215">
        <v>110</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39">
        <f>第１表!F2</f>
        <v>6</v>
      </c>
      <c r="J1" s="539"/>
      <c r="K1" s="235">
        <f>第１表!G2</f>
        <v>1</v>
      </c>
      <c r="L1" s="543">
        <f>IF(K1&lt;3,K1+12-2,K1-2)</f>
        <v>11</v>
      </c>
      <c r="M1" s="543"/>
    </row>
    <row r="2" spans="2:156" ht="24" customHeight="1" thickBot="1" x14ac:dyDescent="0.25">
      <c r="B2" s="271" t="s">
        <v>136</v>
      </c>
      <c r="G2" s="234"/>
      <c r="H2" s="235"/>
      <c r="J2" s="241"/>
      <c r="K2" s="241"/>
    </row>
    <row r="3" spans="2:156" ht="21" customHeight="1" thickBot="1" x14ac:dyDescent="0.25">
      <c r="B3" s="556"/>
      <c r="C3" s="547" t="s">
        <v>70</v>
      </c>
      <c r="D3" s="548"/>
      <c r="E3" s="548"/>
      <c r="F3" s="548"/>
      <c r="G3" s="548"/>
      <c r="H3" s="548"/>
      <c r="I3" s="548"/>
      <c r="J3" s="548"/>
      <c r="K3" s="548"/>
      <c r="L3" s="548"/>
      <c r="M3" s="549"/>
      <c r="N3" s="547" t="s">
        <v>71</v>
      </c>
      <c r="O3" s="548"/>
      <c r="P3" s="548"/>
      <c r="Q3" s="548"/>
      <c r="R3" s="548"/>
      <c r="S3" s="548"/>
      <c r="T3" s="548"/>
      <c r="U3" s="548"/>
      <c r="V3" s="548"/>
      <c r="W3" s="548"/>
      <c r="X3" s="549"/>
      <c r="Y3" s="547" t="s">
        <v>72</v>
      </c>
      <c r="Z3" s="548"/>
      <c r="AA3" s="548"/>
      <c r="AB3" s="548"/>
      <c r="AC3" s="548"/>
      <c r="AD3" s="548"/>
      <c r="AE3" s="548"/>
      <c r="AF3" s="548"/>
      <c r="AG3" s="548"/>
      <c r="AH3" s="548"/>
      <c r="AI3" s="549"/>
      <c r="AJ3" s="547" t="s">
        <v>73</v>
      </c>
      <c r="AK3" s="548"/>
      <c r="AL3" s="548"/>
      <c r="AM3" s="548"/>
      <c r="AN3" s="548"/>
      <c r="AO3" s="548"/>
      <c r="AP3" s="548"/>
      <c r="AQ3" s="548"/>
      <c r="AR3" s="548"/>
      <c r="AS3" s="548"/>
      <c r="AT3" s="549"/>
      <c r="AU3" s="547" t="s">
        <v>74</v>
      </c>
      <c r="AV3" s="548"/>
      <c r="AW3" s="548"/>
      <c r="AX3" s="548"/>
      <c r="AY3" s="548"/>
      <c r="AZ3" s="548"/>
      <c r="BA3" s="548"/>
      <c r="BB3" s="548"/>
      <c r="BC3" s="548"/>
      <c r="BD3" s="548"/>
      <c r="BE3" s="549"/>
      <c r="BF3" s="547" t="s">
        <v>75</v>
      </c>
      <c r="BG3" s="548"/>
      <c r="BH3" s="548"/>
      <c r="BI3" s="548"/>
      <c r="BJ3" s="548"/>
      <c r="BK3" s="548"/>
      <c r="BL3" s="548"/>
      <c r="BM3" s="548"/>
      <c r="BN3" s="548"/>
      <c r="BO3" s="548"/>
      <c r="BP3" s="549"/>
      <c r="BQ3" s="547" t="s">
        <v>76</v>
      </c>
      <c r="BR3" s="548"/>
      <c r="BS3" s="548"/>
      <c r="BT3" s="548"/>
      <c r="BU3" s="548"/>
      <c r="BV3" s="548"/>
      <c r="BW3" s="548"/>
      <c r="BX3" s="548"/>
      <c r="BY3" s="548"/>
      <c r="BZ3" s="548"/>
      <c r="CA3" s="549"/>
      <c r="CB3" s="547" t="s">
        <v>77</v>
      </c>
      <c r="CC3" s="548"/>
      <c r="CD3" s="548"/>
      <c r="CE3" s="548"/>
      <c r="CF3" s="548"/>
      <c r="CG3" s="548"/>
      <c r="CH3" s="548"/>
      <c r="CI3" s="548"/>
      <c r="CJ3" s="548"/>
      <c r="CK3" s="548"/>
      <c r="CL3" s="549"/>
      <c r="CM3" s="547" t="s">
        <v>78</v>
      </c>
      <c r="CN3" s="548"/>
      <c r="CO3" s="548"/>
      <c r="CP3" s="548"/>
      <c r="CQ3" s="548"/>
      <c r="CR3" s="548"/>
      <c r="CS3" s="548"/>
      <c r="CT3" s="548"/>
      <c r="CU3" s="548"/>
      <c r="CV3" s="548"/>
      <c r="CW3" s="549"/>
      <c r="CX3" s="547" t="s">
        <v>79</v>
      </c>
      <c r="CY3" s="548"/>
      <c r="CZ3" s="548"/>
      <c r="DA3" s="548"/>
      <c r="DB3" s="548"/>
      <c r="DC3" s="548"/>
      <c r="DD3" s="548"/>
      <c r="DE3" s="548"/>
      <c r="DF3" s="548"/>
      <c r="DG3" s="548"/>
      <c r="DH3" s="549"/>
      <c r="DI3" s="547" t="s">
        <v>150</v>
      </c>
      <c r="DJ3" s="548"/>
      <c r="DK3" s="548"/>
      <c r="DL3" s="548"/>
      <c r="DM3" s="548"/>
      <c r="DN3" s="548"/>
      <c r="DO3" s="548"/>
      <c r="DP3" s="548"/>
      <c r="DQ3" s="548"/>
      <c r="DR3" s="548"/>
      <c r="DS3" s="549"/>
      <c r="DT3" s="547" t="s">
        <v>80</v>
      </c>
      <c r="DU3" s="548"/>
      <c r="DV3" s="548"/>
      <c r="DW3" s="548"/>
      <c r="DX3" s="548"/>
      <c r="DY3" s="548"/>
      <c r="DZ3" s="548"/>
      <c r="EA3" s="548"/>
      <c r="EB3" s="548"/>
      <c r="EC3" s="548"/>
      <c r="ED3" s="549"/>
      <c r="EE3" s="547" t="s">
        <v>68</v>
      </c>
      <c r="EF3" s="548"/>
      <c r="EG3" s="548"/>
      <c r="EH3" s="548"/>
      <c r="EI3" s="548"/>
      <c r="EJ3" s="548"/>
      <c r="EK3" s="548"/>
      <c r="EL3" s="548"/>
      <c r="EM3" s="548"/>
      <c r="EN3" s="548"/>
      <c r="EO3" s="549"/>
      <c r="EP3" s="544" t="s">
        <v>69</v>
      </c>
      <c r="EQ3" s="545"/>
      <c r="ER3" s="545"/>
      <c r="ES3" s="545"/>
      <c r="ET3" s="545"/>
      <c r="EU3" s="545"/>
      <c r="EV3" s="545"/>
      <c r="EW3" s="545"/>
      <c r="EX3" s="545"/>
      <c r="EY3" s="545"/>
      <c r="EZ3" s="546"/>
    </row>
    <row r="4" spans="2:156"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2"/>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c r="DI4" s="555" t="s">
        <v>61</v>
      </c>
      <c r="DJ4" s="551"/>
      <c r="DK4" s="552"/>
      <c r="DL4" s="550" t="s">
        <v>62</v>
      </c>
      <c r="DM4" s="551"/>
      <c r="DN4" s="551"/>
      <c r="DO4" s="551"/>
      <c r="DP4" s="551"/>
      <c r="DQ4" s="551"/>
      <c r="DR4" s="552"/>
      <c r="DS4" s="553" t="s">
        <v>52</v>
      </c>
      <c r="DT4" s="555" t="s">
        <v>61</v>
      </c>
      <c r="DU4" s="551"/>
      <c r="DV4" s="552"/>
      <c r="DW4" s="550" t="s">
        <v>62</v>
      </c>
      <c r="DX4" s="551"/>
      <c r="DY4" s="551"/>
      <c r="DZ4" s="551"/>
      <c r="EA4" s="551"/>
      <c r="EB4" s="551"/>
      <c r="EC4" s="552"/>
      <c r="ED4" s="553" t="s">
        <v>52</v>
      </c>
      <c r="EE4" s="555" t="s">
        <v>61</v>
      </c>
      <c r="EF4" s="551"/>
      <c r="EG4" s="552"/>
      <c r="EH4" s="550" t="s">
        <v>62</v>
      </c>
      <c r="EI4" s="551"/>
      <c r="EJ4" s="551"/>
      <c r="EK4" s="551"/>
      <c r="EL4" s="551"/>
      <c r="EM4" s="551"/>
      <c r="EN4" s="552"/>
      <c r="EO4" s="553" t="s">
        <v>52</v>
      </c>
      <c r="EP4" s="555" t="s">
        <v>61</v>
      </c>
      <c r="EQ4" s="551"/>
      <c r="ER4" s="552"/>
      <c r="ES4" s="550" t="s">
        <v>62</v>
      </c>
      <c r="ET4" s="551"/>
      <c r="EU4" s="551"/>
      <c r="EV4" s="551"/>
      <c r="EW4" s="551"/>
      <c r="EX4" s="551"/>
      <c r="EY4" s="552"/>
      <c r="EZ4" s="553" t="s">
        <v>52</v>
      </c>
    </row>
    <row r="5" spans="2:156" ht="30" customHeight="1" thickBot="1" x14ac:dyDescent="0.25">
      <c r="B5" s="558"/>
      <c r="C5" s="244" t="s">
        <v>43</v>
      </c>
      <c r="D5" s="243" t="s">
        <v>44</v>
      </c>
      <c r="E5" s="354" t="s">
        <v>45</v>
      </c>
      <c r="F5" s="248" t="s">
        <v>83</v>
      </c>
      <c r="G5" s="243" t="s">
        <v>47</v>
      </c>
      <c r="H5" s="243" t="s">
        <v>48</v>
      </c>
      <c r="I5" s="243" t="s">
        <v>49</v>
      </c>
      <c r="J5" s="243" t="s">
        <v>50</v>
      </c>
      <c r="K5" s="243" t="s">
        <v>51</v>
      </c>
      <c r="L5" s="249" t="s">
        <v>45</v>
      </c>
      <c r="M5" s="554"/>
      <c r="N5" s="244" t="s">
        <v>43</v>
      </c>
      <c r="O5" s="243" t="s">
        <v>44</v>
      </c>
      <c r="P5" s="246" t="s">
        <v>45</v>
      </c>
      <c r="Q5" s="248" t="s">
        <v>83</v>
      </c>
      <c r="R5" s="243" t="s">
        <v>47</v>
      </c>
      <c r="S5" s="243" t="s">
        <v>48</v>
      </c>
      <c r="T5" s="243" t="s">
        <v>49</v>
      </c>
      <c r="U5" s="243" t="s">
        <v>50</v>
      </c>
      <c r="V5" s="243" t="s">
        <v>51</v>
      </c>
      <c r="W5" s="246" t="s">
        <v>45</v>
      </c>
      <c r="X5" s="554"/>
      <c r="Y5" s="244" t="s">
        <v>43</v>
      </c>
      <c r="Z5" s="243" t="s">
        <v>44</v>
      </c>
      <c r="AA5" s="246" t="s">
        <v>45</v>
      </c>
      <c r="AB5" s="248" t="s">
        <v>83</v>
      </c>
      <c r="AC5" s="243" t="s">
        <v>47</v>
      </c>
      <c r="AD5" s="243" t="s">
        <v>48</v>
      </c>
      <c r="AE5" s="243" t="s">
        <v>49</v>
      </c>
      <c r="AF5" s="243" t="s">
        <v>50</v>
      </c>
      <c r="AG5" s="243" t="s">
        <v>51</v>
      </c>
      <c r="AH5" s="246" t="s">
        <v>45</v>
      </c>
      <c r="AI5" s="554"/>
      <c r="AJ5" s="244" t="s">
        <v>43</v>
      </c>
      <c r="AK5" s="243" t="s">
        <v>44</v>
      </c>
      <c r="AL5" s="246" t="s">
        <v>45</v>
      </c>
      <c r="AM5" s="248" t="s">
        <v>83</v>
      </c>
      <c r="AN5" s="243" t="s">
        <v>47</v>
      </c>
      <c r="AO5" s="243" t="s">
        <v>48</v>
      </c>
      <c r="AP5" s="243" t="s">
        <v>49</v>
      </c>
      <c r="AQ5" s="243" t="s">
        <v>50</v>
      </c>
      <c r="AR5" s="243" t="s">
        <v>51</v>
      </c>
      <c r="AS5" s="246" t="s">
        <v>45</v>
      </c>
      <c r="AT5" s="554"/>
      <c r="AU5" s="244" t="s">
        <v>43</v>
      </c>
      <c r="AV5" s="243" t="s">
        <v>44</v>
      </c>
      <c r="AW5" s="246" t="s">
        <v>45</v>
      </c>
      <c r="AX5" s="248" t="s">
        <v>83</v>
      </c>
      <c r="AY5" s="243" t="s">
        <v>47</v>
      </c>
      <c r="AZ5" s="243" t="s">
        <v>48</v>
      </c>
      <c r="BA5" s="243" t="s">
        <v>49</v>
      </c>
      <c r="BB5" s="243" t="s">
        <v>50</v>
      </c>
      <c r="BC5" s="243" t="s">
        <v>51</v>
      </c>
      <c r="BD5" s="249" t="s">
        <v>45</v>
      </c>
      <c r="BE5" s="554"/>
      <c r="BF5" s="244" t="s">
        <v>43</v>
      </c>
      <c r="BG5" s="243" t="s">
        <v>44</v>
      </c>
      <c r="BH5" s="246" t="s">
        <v>45</v>
      </c>
      <c r="BI5" s="248" t="s">
        <v>83</v>
      </c>
      <c r="BJ5" s="243" t="s">
        <v>47</v>
      </c>
      <c r="BK5" s="243" t="s">
        <v>48</v>
      </c>
      <c r="BL5" s="243" t="s">
        <v>49</v>
      </c>
      <c r="BM5" s="243" t="s">
        <v>50</v>
      </c>
      <c r="BN5" s="243" t="s">
        <v>51</v>
      </c>
      <c r="BO5" s="246" t="s">
        <v>45</v>
      </c>
      <c r="BP5" s="554"/>
      <c r="BQ5" s="244" t="s">
        <v>43</v>
      </c>
      <c r="BR5" s="243" t="s">
        <v>44</v>
      </c>
      <c r="BS5" s="246" t="s">
        <v>45</v>
      </c>
      <c r="BT5" s="248" t="s">
        <v>83</v>
      </c>
      <c r="BU5" s="243" t="s">
        <v>47</v>
      </c>
      <c r="BV5" s="243" t="s">
        <v>48</v>
      </c>
      <c r="BW5" s="243" t="s">
        <v>49</v>
      </c>
      <c r="BX5" s="243" t="s">
        <v>50</v>
      </c>
      <c r="BY5" s="243" t="s">
        <v>51</v>
      </c>
      <c r="BZ5" s="246" t="s">
        <v>45</v>
      </c>
      <c r="CA5" s="554"/>
      <c r="CB5" s="244" t="s">
        <v>43</v>
      </c>
      <c r="CC5" s="243" t="s">
        <v>44</v>
      </c>
      <c r="CD5" s="246" t="s">
        <v>45</v>
      </c>
      <c r="CE5" s="248" t="s">
        <v>83</v>
      </c>
      <c r="CF5" s="243" t="s">
        <v>47</v>
      </c>
      <c r="CG5" s="243" t="s">
        <v>48</v>
      </c>
      <c r="CH5" s="243" t="s">
        <v>49</v>
      </c>
      <c r="CI5" s="243" t="s">
        <v>50</v>
      </c>
      <c r="CJ5" s="243" t="s">
        <v>51</v>
      </c>
      <c r="CK5" s="246" t="s">
        <v>45</v>
      </c>
      <c r="CL5" s="554"/>
      <c r="CM5" s="244" t="s">
        <v>43</v>
      </c>
      <c r="CN5" s="243" t="s">
        <v>44</v>
      </c>
      <c r="CO5" s="246" t="s">
        <v>45</v>
      </c>
      <c r="CP5" s="248" t="s">
        <v>83</v>
      </c>
      <c r="CQ5" s="243" t="s">
        <v>47</v>
      </c>
      <c r="CR5" s="243" t="s">
        <v>48</v>
      </c>
      <c r="CS5" s="243" t="s">
        <v>49</v>
      </c>
      <c r="CT5" s="243" t="s">
        <v>50</v>
      </c>
      <c r="CU5" s="243" t="s">
        <v>51</v>
      </c>
      <c r="CV5" s="246" t="s">
        <v>45</v>
      </c>
      <c r="CW5" s="554"/>
      <c r="CX5" s="244" t="s">
        <v>43</v>
      </c>
      <c r="CY5" s="243" t="s">
        <v>44</v>
      </c>
      <c r="CZ5" s="246" t="s">
        <v>45</v>
      </c>
      <c r="DA5" s="248" t="s">
        <v>83</v>
      </c>
      <c r="DB5" s="243" t="s">
        <v>47</v>
      </c>
      <c r="DC5" s="243" t="s">
        <v>48</v>
      </c>
      <c r="DD5" s="243" t="s">
        <v>49</v>
      </c>
      <c r="DE5" s="243" t="s">
        <v>50</v>
      </c>
      <c r="DF5" s="243" t="s">
        <v>51</v>
      </c>
      <c r="DG5" s="246" t="s">
        <v>45</v>
      </c>
      <c r="DH5" s="554"/>
      <c r="DI5" s="319" t="s">
        <v>43</v>
      </c>
      <c r="DJ5" s="243" t="s">
        <v>44</v>
      </c>
      <c r="DK5" s="246" t="s">
        <v>45</v>
      </c>
      <c r="DL5" s="248" t="s">
        <v>83</v>
      </c>
      <c r="DM5" s="243" t="s">
        <v>47</v>
      </c>
      <c r="DN5" s="243" t="s">
        <v>48</v>
      </c>
      <c r="DO5" s="243" t="s">
        <v>49</v>
      </c>
      <c r="DP5" s="243" t="s">
        <v>50</v>
      </c>
      <c r="DQ5" s="243" t="s">
        <v>51</v>
      </c>
      <c r="DR5" s="246" t="s">
        <v>45</v>
      </c>
      <c r="DS5" s="554"/>
      <c r="DT5" s="244" t="s">
        <v>43</v>
      </c>
      <c r="DU5" s="243" t="s">
        <v>44</v>
      </c>
      <c r="DV5" s="246" t="s">
        <v>45</v>
      </c>
      <c r="DW5" s="248" t="s">
        <v>83</v>
      </c>
      <c r="DX5" s="243" t="s">
        <v>47</v>
      </c>
      <c r="DY5" s="243" t="s">
        <v>48</v>
      </c>
      <c r="DZ5" s="243" t="s">
        <v>49</v>
      </c>
      <c r="EA5" s="243" t="s">
        <v>50</v>
      </c>
      <c r="EB5" s="243" t="s">
        <v>51</v>
      </c>
      <c r="EC5" s="246" t="s">
        <v>45</v>
      </c>
      <c r="ED5" s="554"/>
      <c r="EE5" s="244" t="s">
        <v>43</v>
      </c>
      <c r="EF5" s="243" t="s">
        <v>44</v>
      </c>
      <c r="EG5" s="246" t="s">
        <v>45</v>
      </c>
      <c r="EH5" s="248" t="s">
        <v>83</v>
      </c>
      <c r="EI5" s="243" t="s">
        <v>47</v>
      </c>
      <c r="EJ5" s="243" t="s">
        <v>48</v>
      </c>
      <c r="EK5" s="243" t="s">
        <v>49</v>
      </c>
      <c r="EL5" s="243" t="s">
        <v>50</v>
      </c>
      <c r="EM5" s="243" t="s">
        <v>51</v>
      </c>
      <c r="EN5" s="246" t="s">
        <v>45</v>
      </c>
      <c r="EO5" s="554"/>
      <c r="EP5" s="244" t="s">
        <v>43</v>
      </c>
      <c r="EQ5" s="243" t="s">
        <v>44</v>
      </c>
      <c r="ER5" s="246" t="s">
        <v>45</v>
      </c>
      <c r="ES5" s="248" t="s">
        <v>83</v>
      </c>
      <c r="ET5" s="243" t="s">
        <v>47</v>
      </c>
      <c r="EU5" s="243" t="s">
        <v>48</v>
      </c>
      <c r="EV5" s="243" t="s">
        <v>49</v>
      </c>
      <c r="EW5" s="243" t="s">
        <v>50</v>
      </c>
      <c r="EX5" s="243" t="s">
        <v>51</v>
      </c>
      <c r="EY5" s="246" t="s">
        <v>45</v>
      </c>
      <c r="EZ5" s="554"/>
    </row>
    <row r="6" spans="2:156" ht="21" customHeight="1" x14ac:dyDescent="0.2">
      <c r="B6" s="466" t="s">
        <v>4</v>
      </c>
      <c r="C6" s="250">
        <v>0</v>
      </c>
      <c r="D6" s="254">
        <v>0</v>
      </c>
      <c r="E6" s="355">
        <v>0</v>
      </c>
      <c r="F6" s="253">
        <v>0</v>
      </c>
      <c r="G6" s="254">
        <v>19154</v>
      </c>
      <c r="H6" s="254">
        <v>23156</v>
      </c>
      <c r="I6" s="254">
        <v>12694</v>
      </c>
      <c r="J6" s="254">
        <v>10051</v>
      </c>
      <c r="K6" s="254">
        <v>7582</v>
      </c>
      <c r="L6" s="255">
        <v>72637</v>
      </c>
      <c r="M6" s="256">
        <v>72637</v>
      </c>
      <c r="N6" s="250">
        <v>4</v>
      </c>
      <c r="O6" s="254">
        <v>14</v>
      </c>
      <c r="P6" s="251">
        <v>18</v>
      </c>
      <c r="Q6" s="253">
        <v>0</v>
      </c>
      <c r="R6" s="254">
        <v>106</v>
      </c>
      <c r="S6" s="254">
        <v>425</v>
      </c>
      <c r="T6" s="254">
        <v>798</v>
      </c>
      <c r="U6" s="254">
        <v>1962</v>
      </c>
      <c r="V6" s="254">
        <v>3452</v>
      </c>
      <c r="W6" s="251">
        <v>6743</v>
      </c>
      <c r="X6" s="256">
        <v>6761</v>
      </c>
      <c r="Y6" s="250">
        <v>2473</v>
      </c>
      <c r="Z6" s="254">
        <v>6110</v>
      </c>
      <c r="AA6" s="251">
        <v>8583</v>
      </c>
      <c r="AB6" s="253">
        <v>0</v>
      </c>
      <c r="AC6" s="254">
        <v>12357</v>
      </c>
      <c r="AD6" s="254">
        <v>17634</v>
      </c>
      <c r="AE6" s="254">
        <v>10478</v>
      </c>
      <c r="AF6" s="254">
        <v>8801</v>
      </c>
      <c r="AG6" s="254">
        <v>6716</v>
      </c>
      <c r="AH6" s="251">
        <v>55986</v>
      </c>
      <c r="AI6" s="256">
        <v>64569</v>
      </c>
      <c r="AJ6" s="250">
        <v>259</v>
      </c>
      <c r="AK6" s="254">
        <v>824</v>
      </c>
      <c r="AL6" s="251">
        <v>1083</v>
      </c>
      <c r="AM6" s="253">
        <v>0</v>
      </c>
      <c r="AN6" s="254">
        <v>1104</v>
      </c>
      <c r="AO6" s="254">
        <v>1751</v>
      </c>
      <c r="AP6" s="254">
        <v>1117</v>
      </c>
      <c r="AQ6" s="254">
        <v>945</v>
      </c>
      <c r="AR6" s="254">
        <v>606</v>
      </c>
      <c r="AS6" s="251">
        <v>5523</v>
      </c>
      <c r="AT6" s="256">
        <v>6606</v>
      </c>
      <c r="AU6" s="250">
        <v>2967</v>
      </c>
      <c r="AV6" s="254">
        <v>4110</v>
      </c>
      <c r="AW6" s="251">
        <v>7077</v>
      </c>
      <c r="AX6" s="253">
        <v>0</v>
      </c>
      <c r="AY6" s="254">
        <v>18611</v>
      </c>
      <c r="AZ6" s="254">
        <v>23775</v>
      </c>
      <c r="BA6" s="254">
        <v>20585</v>
      </c>
      <c r="BB6" s="254">
        <v>19902</v>
      </c>
      <c r="BC6" s="254">
        <v>15164</v>
      </c>
      <c r="BD6" s="255">
        <v>98037</v>
      </c>
      <c r="BE6" s="256">
        <v>105114</v>
      </c>
      <c r="BF6" s="250">
        <v>0</v>
      </c>
      <c r="BG6" s="254">
        <v>0</v>
      </c>
      <c r="BH6" s="251">
        <v>0</v>
      </c>
      <c r="BI6" s="253">
        <v>0</v>
      </c>
      <c r="BJ6" s="254">
        <v>22180</v>
      </c>
      <c r="BK6" s="254">
        <v>21407</v>
      </c>
      <c r="BL6" s="254">
        <v>11237</v>
      </c>
      <c r="BM6" s="254">
        <v>6489</v>
      </c>
      <c r="BN6" s="254">
        <v>3113</v>
      </c>
      <c r="BO6" s="251">
        <v>64426</v>
      </c>
      <c r="BP6" s="256">
        <v>64426</v>
      </c>
      <c r="BQ6" s="250">
        <v>1646</v>
      </c>
      <c r="BR6" s="254">
        <v>2711</v>
      </c>
      <c r="BS6" s="251">
        <v>4357</v>
      </c>
      <c r="BT6" s="253">
        <v>0</v>
      </c>
      <c r="BU6" s="254">
        <v>4548</v>
      </c>
      <c r="BV6" s="254">
        <v>6570</v>
      </c>
      <c r="BW6" s="254">
        <v>3834</v>
      </c>
      <c r="BX6" s="254">
        <v>2363</v>
      </c>
      <c r="BY6" s="254">
        <v>840</v>
      </c>
      <c r="BZ6" s="251">
        <v>18155</v>
      </c>
      <c r="CA6" s="256">
        <v>22512</v>
      </c>
      <c r="CB6" s="250">
        <v>72</v>
      </c>
      <c r="CC6" s="254">
        <v>243</v>
      </c>
      <c r="CD6" s="251">
        <v>315</v>
      </c>
      <c r="CE6" s="253">
        <v>0</v>
      </c>
      <c r="CF6" s="254">
        <v>2346</v>
      </c>
      <c r="CG6" s="254">
        <v>3830</v>
      </c>
      <c r="CH6" s="254">
        <v>4518</v>
      </c>
      <c r="CI6" s="254">
        <v>3253</v>
      </c>
      <c r="CJ6" s="254">
        <v>1844</v>
      </c>
      <c r="CK6" s="251">
        <v>15791</v>
      </c>
      <c r="CL6" s="256">
        <v>16106</v>
      </c>
      <c r="CM6" s="250">
        <v>4</v>
      </c>
      <c r="CN6" s="254">
        <v>19</v>
      </c>
      <c r="CO6" s="251">
        <v>23</v>
      </c>
      <c r="CP6" s="253">
        <v>0</v>
      </c>
      <c r="CQ6" s="254">
        <v>236</v>
      </c>
      <c r="CR6" s="254">
        <v>543</v>
      </c>
      <c r="CS6" s="254">
        <v>606</v>
      </c>
      <c r="CT6" s="254">
        <v>606</v>
      </c>
      <c r="CU6" s="254">
        <v>361</v>
      </c>
      <c r="CV6" s="251">
        <v>2352</v>
      </c>
      <c r="CW6" s="256">
        <v>2375</v>
      </c>
      <c r="CX6" s="250">
        <v>0</v>
      </c>
      <c r="CY6" s="254">
        <v>0</v>
      </c>
      <c r="CZ6" s="251">
        <v>0</v>
      </c>
      <c r="DA6" s="253">
        <v>0</v>
      </c>
      <c r="DB6" s="254">
        <v>0</v>
      </c>
      <c r="DC6" s="254">
        <v>0</v>
      </c>
      <c r="DD6" s="254">
        <v>0</v>
      </c>
      <c r="DE6" s="254">
        <v>0</v>
      </c>
      <c r="DF6" s="254">
        <v>1</v>
      </c>
      <c r="DG6" s="251">
        <v>1</v>
      </c>
      <c r="DH6" s="256">
        <v>1</v>
      </c>
      <c r="DI6" s="250">
        <v>0</v>
      </c>
      <c r="DJ6" s="254">
        <v>0</v>
      </c>
      <c r="DK6" s="251">
        <v>0</v>
      </c>
      <c r="DL6" s="253">
        <v>0</v>
      </c>
      <c r="DM6" s="254">
        <v>0</v>
      </c>
      <c r="DN6" s="254">
        <v>0</v>
      </c>
      <c r="DO6" s="254">
        <v>0</v>
      </c>
      <c r="DP6" s="254">
        <v>0</v>
      </c>
      <c r="DQ6" s="254">
        <v>0</v>
      </c>
      <c r="DR6" s="251">
        <v>0</v>
      </c>
      <c r="DS6" s="256">
        <v>0</v>
      </c>
      <c r="DT6" s="250">
        <v>11351</v>
      </c>
      <c r="DU6" s="254">
        <v>24262</v>
      </c>
      <c r="DV6" s="251">
        <v>35613</v>
      </c>
      <c r="DW6" s="253">
        <v>0</v>
      </c>
      <c r="DX6" s="254">
        <v>27691</v>
      </c>
      <c r="DY6" s="254">
        <v>46828</v>
      </c>
      <c r="DZ6" s="254">
        <v>27097</v>
      </c>
      <c r="EA6" s="254">
        <v>20721</v>
      </c>
      <c r="EB6" s="254">
        <v>13210</v>
      </c>
      <c r="EC6" s="251">
        <v>135547</v>
      </c>
      <c r="ED6" s="256">
        <v>171160</v>
      </c>
      <c r="EE6" s="250">
        <v>1617</v>
      </c>
      <c r="EF6" s="254">
        <v>1236</v>
      </c>
      <c r="EG6" s="251">
        <v>2853</v>
      </c>
      <c r="EH6" s="253">
        <v>0</v>
      </c>
      <c r="EI6" s="254">
        <v>6064</v>
      </c>
      <c r="EJ6" s="254">
        <v>5652</v>
      </c>
      <c r="EK6" s="254">
        <v>4909</v>
      </c>
      <c r="EL6" s="254">
        <v>5619</v>
      </c>
      <c r="EM6" s="254">
        <v>3256</v>
      </c>
      <c r="EN6" s="251">
        <v>25500</v>
      </c>
      <c r="EO6" s="256">
        <v>28353</v>
      </c>
      <c r="EP6" s="250">
        <v>14586</v>
      </c>
      <c r="EQ6" s="254">
        <v>28973</v>
      </c>
      <c r="ER6" s="251">
        <v>43559</v>
      </c>
      <c r="ES6" s="253">
        <v>0</v>
      </c>
      <c r="ET6" s="254">
        <v>58053</v>
      </c>
      <c r="EU6" s="254">
        <v>62172</v>
      </c>
      <c r="EV6" s="254">
        <v>32173</v>
      </c>
      <c r="EW6" s="254">
        <v>22097</v>
      </c>
      <c r="EX6" s="254">
        <v>13481</v>
      </c>
      <c r="EY6" s="251">
        <v>187976</v>
      </c>
      <c r="EZ6" s="256">
        <v>231535</v>
      </c>
    </row>
    <row r="7" spans="2:156" ht="21" customHeight="1" x14ac:dyDescent="0.2">
      <c r="B7" s="467" t="s">
        <v>5</v>
      </c>
      <c r="C7" s="257">
        <v>0</v>
      </c>
      <c r="D7" s="261">
        <v>0</v>
      </c>
      <c r="E7" s="356">
        <v>0</v>
      </c>
      <c r="F7" s="260">
        <v>0</v>
      </c>
      <c r="G7" s="261">
        <v>6683</v>
      </c>
      <c r="H7" s="261">
        <v>11368</v>
      </c>
      <c r="I7" s="261">
        <v>5569</v>
      </c>
      <c r="J7" s="261">
        <v>4117</v>
      </c>
      <c r="K7" s="261">
        <v>3069</v>
      </c>
      <c r="L7" s="262">
        <v>30806</v>
      </c>
      <c r="M7" s="263">
        <v>30806</v>
      </c>
      <c r="N7" s="257">
        <v>3</v>
      </c>
      <c r="O7" s="261">
        <v>6</v>
      </c>
      <c r="P7" s="258">
        <v>9</v>
      </c>
      <c r="Q7" s="260">
        <v>0</v>
      </c>
      <c r="R7" s="261">
        <v>21</v>
      </c>
      <c r="S7" s="261">
        <v>165</v>
      </c>
      <c r="T7" s="261">
        <v>306</v>
      </c>
      <c r="U7" s="261">
        <v>777</v>
      </c>
      <c r="V7" s="261">
        <v>1501</v>
      </c>
      <c r="W7" s="258">
        <v>2770</v>
      </c>
      <c r="X7" s="263">
        <v>2779</v>
      </c>
      <c r="Y7" s="257">
        <v>1061</v>
      </c>
      <c r="Z7" s="261">
        <v>3186</v>
      </c>
      <c r="AA7" s="258">
        <v>4247</v>
      </c>
      <c r="AB7" s="260">
        <v>0</v>
      </c>
      <c r="AC7" s="261">
        <v>4320</v>
      </c>
      <c r="AD7" s="261">
        <v>8829</v>
      </c>
      <c r="AE7" s="261">
        <v>4974</v>
      </c>
      <c r="AF7" s="261">
        <v>3892</v>
      </c>
      <c r="AG7" s="261">
        <v>2946</v>
      </c>
      <c r="AH7" s="258">
        <v>24961</v>
      </c>
      <c r="AI7" s="263">
        <v>29208</v>
      </c>
      <c r="AJ7" s="257">
        <v>86</v>
      </c>
      <c r="AK7" s="261">
        <v>418</v>
      </c>
      <c r="AL7" s="258">
        <v>504</v>
      </c>
      <c r="AM7" s="260">
        <v>0</v>
      </c>
      <c r="AN7" s="261">
        <v>272</v>
      </c>
      <c r="AO7" s="261">
        <v>700</v>
      </c>
      <c r="AP7" s="261">
        <v>456</v>
      </c>
      <c r="AQ7" s="261">
        <v>370</v>
      </c>
      <c r="AR7" s="261">
        <v>225</v>
      </c>
      <c r="AS7" s="258">
        <v>2023</v>
      </c>
      <c r="AT7" s="263">
        <v>2527</v>
      </c>
      <c r="AU7" s="257">
        <v>1237</v>
      </c>
      <c r="AV7" s="261">
        <v>2008</v>
      </c>
      <c r="AW7" s="258">
        <v>3245</v>
      </c>
      <c r="AX7" s="260">
        <v>0</v>
      </c>
      <c r="AY7" s="261">
        <v>6717</v>
      </c>
      <c r="AZ7" s="261">
        <v>10405</v>
      </c>
      <c r="BA7" s="261">
        <v>8425</v>
      </c>
      <c r="BB7" s="261">
        <v>8031</v>
      </c>
      <c r="BC7" s="261">
        <v>6160</v>
      </c>
      <c r="BD7" s="262">
        <v>39738</v>
      </c>
      <c r="BE7" s="263">
        <v>42983</v>
      </c>
      <c r="BF7" s="257">
        <v>0</v>
      </c>
      <c r="BG7" s="261">
        <v>0</v>
      </c>
      <c r="BH7" s="258">
        <v>0</v>
      </c>
      <c r="BI7" s="260">
        <v>0</v>
      </c>
      <c r="BJ7" s="261">
        <v>6811</v>
      </c>
      <c r="BK7" s="261">
        <v>8796</v>
      </c>
      <c r="BL7" s="261">
        <v>4208</v>
      </c>
      <c r="BM7" s="261">
        <v>2329</v>
      </c>
      <c r="BN7" s="261">
        <v>1137</v>
      </c>
      <c r="BO7" s="258">
        <v>23281</v>
      </c>
      <c r="BP7" s="263">
        <v>23281</v>
      </c>
      <c r="BQ7" s="257">
        <v>715</v>
      </c>
      <c r="BR7" s="261">
        <v>1266</v>
      </c>
      <c r="BS7" s="258">
        <v>1981</v>
      </c>
      <c r="BT7" s="260">
        <v>0</v>
      </c>
      <c r="BU7" s="261">
        <v>1339</v>
      </c>
      <c r="BV7" s="261">
        <v>3021</v>
      </c>
      <c r="BW7" s="261">
        <v>1703</v>
      </c>
      <c r="BX7" s="261">
        <v>1055</v>
      </c>
      <c r="BY7" s="261">
        <v>367</v>
      </c>
      <c r="BZ7" s="258">
        <v>7485</v>
      </c>
      <c r="CA7" s="263">
        <v>9466</v>
      </c>
      <c r="CB7" s="257">
        <v>24</v>
      </c>
      <c r="CC7" s="261">
        <v>105</v>
      </c>
      <c r="CD7" s="258">
        <v>129</v>
      </c>
      <c r="CE7" s="260">
        <v>0</v>
      </c>
      <c r="CF7" s="261">
        <v>654</v>
      </c>
      <c r="CG7" s="261">
        <v>1387</v>
      </c>
      <c r="CH7" s="261">
        <v>1679</v>
      </c>
      <c r="CI7" s="261">
        <v>1158</v>
      </c>
      <c r="CJ7" s="261">
        <v>684</v>
      </c>
      <c r="CK7" s="258">
        <v>5562</v>
      </c>
      <c r="CL7" s="263">
        <v>5691</v>
      </c>
      <c r="CM7" s="257">
        <v>1</v>
      </c>
      <c r="CN7" s="261">
        <v>12</v>
      </c>
      <c r="CO7" s="258">
        <v>13</v>
      </c>
      <c r="CP7" s="260">
        <v>0</v>
      </c>
      <c r="CQ7" s="261">
        <v>94</v>
      </c>
      <c r="CR7" s="261">
        <v>319</v>
      </c>
      <c r="CS7" s="261">
        <v>354</v>
      </c>
      <c r="CT7" s="261">
        <v>333</v>
      </c>
      <c r="CU7" s="261">
        <v>211</v>
      </c>
      <c r="CV7" s="258">
        <v>1311</v>
      </c>
      <c r="CW7" s="263">
        <v>1324</v>
      </c>
      <c r="CX7" s="257">
        <v>0</v>
      </c>
      <c r="CY7" s="261">
        <v>0</v>
      </c>
      <c r="CZ7" s="258">
        <v>0</v>
      </c>
      <c r="DA7" s="260">
        <v>0</v>
      </c>
      <c r="DB7" s="261">
        <v>0</v>
      </c>
      <c r="DC7" s="261">
        <v>0</v>
      </c>
      <c r="DD7" s="261">
        <v>0</v>
      </c>
      <c r="DE7" s="261">
        <v>0</v>
      </c>
      <c r="DF7" s="261">
        <v>1</v>
      </c>
      <c r="DG7" s="258">
        <v>1</v>
      </c>
      <c r="DH7" s="263">
        <v>1</v>
      </c>
      <c r="DI7" s="257">
        <v>0</v>
      </c>
      <c r="DJ7" s="261">
        <v>0</v>
      </c>
      <c r="DK7" s="258">
        <v>0</v>
      </c>
      <c r="DL7" s="260">
        <v>0</v>
      </c>
      <c r="DM7" s="261">
        <v>0</v>
      </c>
      <c r="DN7" s="261">
        <v>0</v>
      </c>
      <c r="DO7" s="261">
        <v>0</v>
      </c>
      <c r="DP7" s="261">
        <v>0</v>
      </c>
      <c r="DQ7" s="261">
        <v>0</v>
      </c>
      <c r="DR7" s="258">
        <v>0</v>
      </c>
      <c r="DS7" s="263">
        <v>0</v>
      </c>
      <c r="DT7" s="257">
        <v>3796</v>
      </c>
      <c r="DU7" s="261">
        <v>10463</v>
      </c>
      <c r="DV7" s="258">
        <v>14259</v>
      </c>
      <c r="DW7" s="260">
        <v>0</v>
      </c>
      <c r="DX7" s="261">
        <v>7685</v>
      </c>
      <c r="DY7" s="261">
        <v>20773</v>
      </c>
      <c r="DZ7" s="261">
        <v>11124</v>
      </c>
      <c r="EA7" s="261">
        <v>8284</v>
      </c>
      <c r="EB7" s="261">
        <v>5408</v>
      </c>
      <c r="EC7" s="258">
        <v>53274</v>
      </c>
      <c r="ED7" s="263">
        <v>67533</v>
      </c>
      <c r="EE7" s="257">
        <v>691</v>
      </c>
      <c r="EF7" s="261">
        <v>564</v>
      </c>
      <c r="EG7" s="258">
        <v>1255</v>
      </c>
      <c r="EH7" s="260">
        <v>0</v>
      </c>
      <c r="EI7" s="261">
        <v>2440</v>
      </c>
      <c r="EJ7" s="261">
        <v>2661</v>
      </c>
      <c r="EK7" s="261">
        <v>2147</v>
      </c>
      <c r="EL7" s="261">
        <v>2531</v>
      </c>
      <c r="EM7" s="261">
        <v>1386</v>
      </c>
      <c r="EN7" s="258">
        <v>11165</v>
      </c>
      <c r="EO7" s="263">
        <v>12420</v>
      </c>
      <c r="EP7" s="257">
        <v>5238</v>
      </c>
      <c r="EQ7" s="261">
        <v>12909</v>
      </c>
      <c r="ER7" s="258">
        <v>18147</v>
      </c>
      <c r="ES7" s="260">
        <v>0</v>
      </c>
      <c r="ET7" s="261">
        <v>18780</v>
      </c>
      <c r="EU7" s="261">
        <v>28112</v>
      </c>
      <c r="EV7" s="261">
        <v>13494</v>
      </c>
      <c r="EW7" s="261">
        <v>8939</v>
      </c>
      <c r="EX7" s="261">
        <v>5567</v>
      </c>
      <c r="EY7" s="258">
        <v>74892</v>
      </c>
      <c r="EZ7" s="263">
        <v>93039</v>
      </c>
    </row>
    <row r="8" spans="2:156" ht="21" customHeight="1" x14ac:dyDescent="0.2">
      <c r="B8" s="468" t="s">
        <v>6</v>
      </c>
      <c r="C8" s="257">
        <v>0</v>
      </c>
      <c r="D8" s="261">
        <v>0</v>
      </c>
      <c r="E8" s="356">
        <v>0</v>
      </c>
      <c r="F8" s="260">
        <v>0</v>
      </c>
      <c r="G8" s="261">
        <v>3452</v>
      </c>
      <c r="H8" s="261">
        <v>3068</v>
      </c>
      <c r="I8" s="261">
        <v>1774</v>
      </c>
      <c r="J8" s="261">
        <v>1492</v>
      </c>
      <c r="K8" s="261">
        <v>1239</v>
      </c>
      <c r="L8" s="262">
        <v>11025</v>
      </c>
      <c r="M8" s="263">
        <v>11025</v>
      </c>
      <c r="N8" s="257">
        <v>1</v>
      </c>
      <c r="O8" s="261">
        <v>2</v>
      </c>
      <c r="P8" s="258">
        <v>3</v>
      </c>
      <c r="Q8" s="260">
        <v>0</v>
      </c>
      <c r="R8" s="261">
        <v>21</v>
      </c>
      <c r="S8" s="261">
        <v>56</v>
      </c>
      <c r="T8" s="261">
        <v>104</v>
      </c>
      <c r="U8" s="261">
        <v>259</v>
      </c>
      <c r="V8" s="261">
        <v>518</v>
      </c>
      <c r="W8" s="258">
        <v>958</v>
      </c>
      <c r="X8" s="263">
        <v>961</v>
      </c>
      <c r="Y8" s="257">
        <v>382</v>
      </c>
      <c r="Z8" s="261">
        <v>807</v>
      </c>
      <c r="AA8" s="258">
        <v>1189</v>
      </c>
      <c r="AB8" s="260">
        <v>0</v>
      </c>
      <c r="AC8" s="261">
        <v>2317</v>
      </c>
      <c r="AD8" s="261">
        <v>2380</v>
      </c>
      <c r="AE8" s="261">
        <v>1402</v>
      </c>
      <c r="AF8" s="261">
        <v>1205</v>
      </c>
      <c r="AG8" s="261">
        <v>979</v>
      </c>
      <c r="AH8" s="258">
        <v>8283</v>
      </c>
      <c r="AI8" s="263">
        <v>9472</v>
      </c>
      <c r="AJ8" s="257">
        <v>24</v>
      </c>
      <c r="AK8" s="261">
        <v>64</v>
      </c>
      <c r="AL8" s="258">
        <v>88</v>
      </c>
      <c r="AM8" s="260">
        <v>0</v>
      </c>
      <c r="AN8" s="261">
        <v>183</v>
      </c>
      <c r="AO8" s="261">
        <v>206</v>
      </c>
      <c r="AP8" s="261">
        <v>120</v>
      </c>
      <c r="AQ8" s="261">
        <v>112</v>
      </c>
      <c r="AR8" s="261">
        <v>66</v>
      </c>
      <c r="AS8" s="258">
        <v>687</v>
      </c>
      <c r="AT8" s="263">
        <v>775</v>
      </c>
      <c r="AU8" s="257">
        <v>495</v>
      </c>
      <c r="AV8" s="261">
        <v>596</v>
      </c>
      <c r="AW8" s="258">
        <v>1091</v>
      </c>
      <c r="AX8" s="260">
        <v>0</v>
      </c>
      <c r="AY8" s="261">
        <v>3543</v>
      </c>
      <c r="AZ8" s="261">
        <v>3797</v>
      </c>
      <c r="BA8" s="261">
        <v>3343</v>
      </c>
      <c r="BB8" s="261">
        <v>3234</v>
      </c>
      <c r="BC8" s="261">
        <v>2644</v>
      </c>
      <c r="BD8" s="262">
        <v>16561</v>
      </c>
      <c r="BE8" s="263">
        <v>17652</v>
      </c>
      <c r="BF8" s="257">
        <v>0</v>
      </c>
      <c r="BG8" s="261">
        <v>0</v>
      </c>
      <c r="BH8" s="258">
        <v>0</v>
      </c>
      <c r="BI8" s="260">
        <v>0</v>
      </c>
      <c r="BJ8" s="261">
        <v>3744</v>
      </c>
      <c r="BK8" s="261">
        <v>2978</v>
      </c>
      <c r="BL8" s="261">
        <v>1582</v>
      </c>
      <c r="BM8" s="261">
        <v>951</v>
      </c>
      <c r="BN8" s="261">
        <v>488</v>
      </c>
      <c r="BO8" s="258">
        <v>9743</v>
      </c>
      <c r="BP8" s="263">
        <v>9743</v>
      </c>
      <c r="BQ8" s="257">
        <v>125</v>
      </c>
      <c r="BR8" s="261">
        <v>210</v>
      </c>
      <c r="BS8" s="258">
        <v>335</v>
      </c>
      <c r="BT8" s="260">
        <v>0</v>
      </c>
      <c r="BU8" s="261">
        <v>631</v>
      </c>
      <c r="BV8" s="261">
        <v>713</v>
      </c>
      <c r="BW8" s="261">
        <v>491</v>
      </c>
      <c r="BX8" s="261">
        <v>300</v>
      </c>
      <c r="BY8" s="261">
        <v>117</v>
      </c>
      <c r="BZ8" s="258">
        <v>2252</v>
      </c>
      <c r="CA8" s="263">
        <v>2587</v>
      </c>
      <c r="CB8" s="257">
        <v>5</v>
      </c>
      <c r="CC8" s="261">
        <v>21</v>
      </c>
      <c r="CD8" s="258">
        <v>26</v>
      </c>
      <c r="CE8" s="260">
        <v>0</v>
      </c>
      <c r="CF8" s="261">
        <v>303</v>
      </c>
      <c r="CG8" s="261">
        <v>481</v>
      </c>
      <c r="CH8" s="261">
        <v>574</v>
      </c>
      <c r="CI8" s="261">
        <v>402</v>
      </c>
      <c r="CJ8" s="261">
        <v>266</v>
      </c>
      <c r="CK8" s="258">
        <v>2026</v>
      </c>
      <c r="CL8" s="263">
        <v>2052</v>
      </c>
      <c r="CM8" s="257">
        <v>0</v>
      </c>
      <c r="CN8" s="261">
        <v>2</v>
      </c>
      <c r="CO8" s="258">
        <v>2</v>
      </c>
      <c r="CP8" s="260">
        <v>0</v>
      </c>
      <c r="CQ8" s="261">
        <v>34</v>
      </c>
      <c r="CR8" s="261">
        <v>61</v>
      </c>
      <c r="CS8" s="261">
        <v>65</v>
      </c>
      <c r="CT8" s="261">
        <v>82</v>
      </c>
      <c r="CU8" s="261">
        <v>48</v>
      </c>
      <c r="CV8" s="258">
        <v>290</v>
      </c>
      <c r="CW8" s="263">
        <v>292</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707</v>
      </c>
      <c r="DU8" s="261">
        <v>3000</v>
      </c>
      <c r="DV8" s="258">
        <v>4707</v>
      </c>
      <c r="DW8" s="260">
        <v>0</v>
      </c>
      <c r="DX8" s="261">
        <v>5153</v>
      </c>
      <c r="DY8" s="261">
        <v>6114</v>
      </c>
      <c r="DZ8" s="261">
        <v>3807</v>
      </c>
      <c r="EA8" s="261">
        <v>3030</v>
      </c>
      <c r="EB8" s="261">
        <v>2075</v>
      </c>
      <c r="EC8" s="258">
        <v>20179</v>
      </c>
      <c r="ED8" s="263">
        <v>24886</v>
      </c>
      <c r="EE8" s="257">
        <v>225</v>
      </c>
      <c r="EF8" s="261">
        <v>156</v>
      </c>
      <c r="EG8" s="258">
        <v>381</v>
      </c>
      <c r="EH8" s="260">
        <v>0</v>
      </c>
      <c r="EI8" s="261">
        <v>903</v>
      </c>
      <c r="EJ8" s="261">
        <v>710</v>
      </c>
      <c r="EK8" s="261">
        <v>700</v>
      </c>
      <c r="EL8" s="261">
        <v>799</v>
      </c>
      <c r="EM8" s="261">
        <v>521</v>
      </c>
      <c r="EN8" s="258">
        <v>3633</v>
      </c>
      <c r="EO8" s="263">
        <v>4014</v>
      </c>
      <c r="EP8" s="257">
        <v>2091</v>
      </c>
      <c r="EQ8" s="261">
        <v>3533</v>
      </c>
      <c r="ER8" s="258">
        <v>5624</v>
      </c>
      <c r="ES8" s="260">
        <v>0</v>
      </c>
      <c r="ET8" s="261">
        <v>9646</v>
      </c>
      <c r="EU8" s="261">
        <v>7936</v>
      </c>
      <c r="EV8" s="261">
        <v>4385</v>
      </c>
      <c r="EW8" s="261">
        <v>3161</v>
      </c>
      <c r="EX8" s="261">
        <v>2102</v>
      </c>
      <c r="EY8" s="258">
        <v>27230</v>
      </c>
      <c r="EZ8" s="263">
        <v>32854</v>
      </c>
    </row>
    <row r="9" spans="2:156" ht="21" customHeight="1" x14ac:dyDescent="0.2">
      <c r="B9" s="468" t="s">
        <v>14</v>
      </c>
      <c r="C9" s="257">
        <v>0</v>
      </c>
      <c r="D9" s="261">
        <v>0</v>
      </c>
      <c r="E9" s="356">
        <v>0</v>
      </c>
      <c r="F9" s="260">
        <v>0</v>
      </c>
      <c r="G9" s="261">
        <v>1161</v>
      </c>
      <c r="H9" s="261">
        <v>1749</v>
      </c>
      <c r="I9" s="261">
        <v>1001</v>
      </c>
      <c r="J9" s="261">
        <v>797</v>
      </c>
      <c r="K9" s="261">
        <v>530</v>
      </c>
      <c r="L9" s="262">
        <v>5238</v>
      </c>
      <c r="M9" s="263">
        <v>5238</v>
      </c>
      <c r="N9" s="257">
        <v>0</v>
      </c>
      <c r="O9" s="261">
        <v>2</v>
      </c>
      <c r="P9" s="258">
        <v>2</v>
      </c>
      <c r="Q9" s="260">
        <v>0</v>
      </c>
      <c r="R9" s="261">
        <v>2</v>
      </c>
      <c r="S9" s="261">
        <v>21</v>
      </c>
      <c r="T9" s="261">
        <v>54</v>
      </c>
      <c r="U9" s="261">
        <v>144</v>
      </c>
      <c r="V9" s="261">
        <v>218</v>
      </c>
      <c r="W9" s="258">
        <v>439</v>
      </c>
      <c r="X9" s="263">
        <v>441</v>
      </c>
      <c r="Y9" s="257">
        <v>122</v>
      </c>
      <c r="Z9" s="261">
        <v>427</v>
      </c>
      <c r="AA9" s="258">
        <v>549</v>
      </c>
      <c r="AB9" s="260">
        <v>0</v>
      </c>
      <c r="AC9" s="261">
        <v>724</v>
      </c>
      <c r="AD9" s="261">
        <v>1244</v>
      </c>
      <c r="AE9" s="261">
        <v>807</v>
      </c>
      <c r="AF9" s="261">
        <v>678</v>
      </c>
      <c r="AG9" s="261">
        <v>462</v>
      </c>
      <c r="AH9" s="258">
        <v>3915</v>
      </c>
      <c r="AI9" s="263">
        <v>4464</v>
      </c>
      <c r="AJ9" s="257">
        <v>7</v>
      </c>
      <c r="AK9" s="261">
        <v>39</v>
      </c>
      <c r="AL9" s="258">
        <v>46</v>
      </c>
      <c r="AM9" s="260">
        <v>0</v>
      </c>
      <c r="AN9" s="261">
        <v>27</v>
      </c>
      <c r="AO9" s="261">
        <v>73</v>
      </c>
      <c r="AP9" s="261">
        <v>49</v>
      </c>
      <c r="AQ9" s="261">
        <v>41</v>
      </c>
      <c r="AR9" s="261">
        <v>27</v>
      </c>
      <c r="AS9" s="258">
        <v>217</v>
      </c>
      <c r="AT9" s="263">
        <v>263</v>
      </c>
      <c r="AU9" s="257">
        <v>209</v>
      </c>
      <c r="AV9" s="261">
        <v>372</v>
      </c>
      <c r="AW9" s="258">
        <v>581</v>
      </c>
      <c r="AX9" s="260">
        <v>0</v>
      </c>
      <c r="AY9" s="261">
        <v>1315</v>
      </c>
      <c r="AZ9" s="261">
        <v>1792</v>
      </c>
      <c r="BA9" s="261">
        <v>1760</v>
      </c>
      <c r="BB9" s="261">
        <v>1562</v>
      </c>
      <c r="BC9" s="261">
        <v>1109</v>
      </c>
      <c r="BD9" s="262">
        <v>7538</v>
      </c>
      <c r="BE9" s="263">
        <v>8119</v>
      </c>
      <c r="BF9" s="257">
        <v>0</v>
      </c>
      <c r="BG9" s="261">
        <v>0</v>
      </c>
      <c r="BH9" s="258">
        <v>0</v>
      </c>
      <c r="BI9" s="260">
        <v>0</v>
      </c>
      <c r="BJ9" s="261">
        <v>1646</v>
      </c>
      <c r="BK9" s="261">
        <v>1884</v>
      </c>
      <c r="BL9" s="261">
        <v>1151</v>
      </c>
      <c r="BM9" s="261">
        <v>603</v>
      </c>
      <c r="BN9" s="261">
        <v>273</v>
      </c>
      <c r="BO9" s="258">
        <v>5557</v>
      </c>
      <c r="BP9" s="263">
        <v>5557</v>
      </c>
      <c r="BQ9" s="257">
        <v>85</v>
      </c>
      <c r="BR9" s="261">
        <v>168</v>
      </c>
      <c r="BS9" s="258">
        <v>253</v>
      </c>
      <c r="BT9" s="260">
        <v>0</v>
      </c>
      <c r="BU9" s="261">
        <v>156</v>
      </c>
      <c r="BV9" s="261">
        <v>414</v>
      </c>
      <c r="BW9" s="261">
        <v>255</v>
      </c>
      <c r="BX9" s="261">
        <v>145</v>
      </c>
      <c r="BY9" s="261">
        <v>44</v>
      </c>
      <c r="BZ9" s="258">
        <v>1014</v>
      </c>
      <c r="CA9" s="263">
        <v>1267</v>
      </c>
      <c r="CB9" s="257">
        <v>5</v>
      </c>
      <c r="CC9" s="261">
        <v>12</v>
      </c>
      <c r="CD9" s="258">
        <v>17</v>
      </c>
      <c r="CE9" s="260">
        <v>0</v>
      </c>
      <c r="CF9" s="261">
        <v>145</v>
      </c>
      <c r="CG9" s="261">
        <v>285</v>
      </c>
      <c r="CH9" s="261">
        <v>362</v>
      </c>
      <c r="CI9" s="261">
        <v>300</v>
      </c>
      <c r="CJ9" s="261">
        <v>155</v>
      </c>
      <c r="CK9" s="258">
        <v>1247</v>
      </c>
      <c r="CL9" s="263">
        <v>1264</v>
      </c>
      <c r="CM9" s="257">
        <v>0</v>
      </c>
      <c r="CN9" s="261">
        <v>1</v>
      </c>
      <c r="CO9" s="258">
        <v>1</v>
      </c>
      <c r="CP9" s="260">
        <v>0</v>
      </c>
      <c r="CQ9" s="261">
        <v>2</v>
      </c>
      <c r="CR9" s="261">
        <v>6</v>
      </c>
      <c r="CS9" s="261">
        <v>12</v>
      </c>
      <c r="CT9" s="261">
        <v>10</v>
      </c>
      <c r="CU9" s="261">
        <v>5</v>
      </c>
      <c r="CV9" s="258">
        <v>35</v>
      </c>
      <c r="CW9" s="263">
        <v>36</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881</v>
      </c>
      <c r="DU9" s="261">
        <v>2398</v>
      </c>
      <c r="DV9" s="258">
        <v>3279</v>
      </c>
      <c r="DW9" s="260">
        <v>0</v>
      </c>
      <c r="DX9" s="261">
        <v>1896</v>
      </c>
      <c r="DY9" s="261">
        <v>3911</v>
      </c>
      <c r="DZ9" s="261">
        <v>2382</v>
      </c>
      <c r="EA9" s="261">
        <v>1738</v>
      </c>
      <c r="EB9" s="261">
        <v>986</v>
      </c>
      <c r="EC9" s="258">
        <v>10913</v>
      </c>
      <c r="ED9" s="263">
        <v>14192</v>
      </c>
      <c r="EE9" s="257">
        <v>113</v>
      </c>
      <c r="EF9" s="261">
        <v>107</v>
      </c>
      <c r="EG9" s="258">
        <v>220</v>
      </c>
      <c r="EH9" s="260">
        <v>0</v>
      </c>
      <c r="EI9" s="261">
        <v>338</v>
      </c>
      <c r="EJ9" s="261">
        <v>283</v>
      </c>
      <c r="EK9" s="261">
        <v>274</v>
      </c>
      <c r="EL9" s="261">
        <v>319</v>
      </c>
      <c r="EM9" s="261">
        <v>165</v>
      </c>
      <c r="EN9" s="258">
        <v>1379</v>
      </c>
      <c r="EO9" s="263">
        <v>1599</v>
      </c>
      <c r="EP9" s="257">
        <v>1028</v>
      </c>
      <c r="EQ9" s="261">
        <v>2676</v>
      </c>
      <c r="ER9" s="258">
        <v>3704</v>
      </c>
      <c r="ES9" s="260">
        <v>0</v>
      </c>
      <c r="ET9" s="261">
        <v>4016</v>
      </c>
      <c r="EU9" s="261">
        <v>5198</v>
      </c>
      <c r="EV9" s="261">
        <v>2842</v>
      </c>
      <c r="EW9" s="261">
        <v>1878</v>
      </c>
      <c r="EX9" s="261">
        <v>1036</v>
      </c>
      <c r="EY9" s="258">
        <v>14970</v>
      </c>
      <c r="EZ9" s="263">
        <v>18674</v>
      </c>
    </row>
    <row r="10" spans="2:156" ht="21" customHeight="1" x14ac:dyDescent="0.2">
      <c r="B10" s="468" t="s">
        <v>7</v>
      </c>
      <c r="C10" s="257">
        <v>0</v>
      </c>
      <c r="D10" s="261">
        <v>0</v>
      </c>
      <c r="E10" s="356">
        <v>0</v>
      </c>
      <c r="F10" s="260">
        <v>0</v>
      </c>
      <c r="G10" s="261">
        <v>1533</v>
      </c>
      <c r="H10" s="261">
        <v>1108</v>
      </c>
      <c r="I10" s="261">
        <v>582</v>
      </c>
      <c r="J10" s="261">
        <v>536</v>
      </c>
      <c r="K10" s="261">
        <v>392</v>
      </c>
      <c r="L10" s="262">
        <v>4151</v>
      </c>
      <c r="M10" s="263">
        <v>4151</v>
      </c>
      <c r="N10" s="257">
        <v>0</v>
      </c>
      <c r="O10" s="261">
        <v>0</v>
      </c>
      <c r="P10" s="258">
        <v>0</v>
      </c>
      <c r="Q10" s="260">
        <v>0</v>
      </c>
      <c r="R10" s="261">
        <v>7</v>
      </c>
      <c r="S10" s="261">
        <v>35</v>
      </c>
      <c r="T10" s="261">
        <v>54</v>
      </c>
      <c r="U10" s="261">
        <v>138</v>
      </c>
      <c r="V10" s="261">
        <v>201</v>
      </c>
      <c r="W10" s="258">
        <v>435</v>
      </c>
      <c r="X10" s="263">
        <v>435</v>
      </c>
      <c r="Y10" s="257">
        <v>23</v>
      </c>
      <c r="Z10" s="261">
        <v>29</v>
      </c>
      <c r="AA10" s="258">
        <v>52</v>
      </c>
      <c r="AB10" s="260">
        <v>0</v>
      </c>
      <c r="AC10" s="261">
        <v>538</v>
      </c>
      <c r="AD10" s="261">
        <v>556</v>
      </c>
      <c r="AE10" s="261">
        <v>336</v>
      </c>
      <c r="AF10" s="261">
        <v>349</v>
      </c>
      <c r="AG10" s="261">
        <v>294</v>
      </c>
      <c r="AH10" s="258">
        <v>2073</v>
      </c>
      <c r="AI10" s="263">
        <v>2125</v>
      </c>
      <c r="AJ10" s="257">
        <v>6</v>
      </c>
      <c r="AK10" s="261">
        <v>7</v>
      </c>
      <c r="AL10" s="258">
        <v>13</v>
      </c>
      <c r="AM10" s="260">
        <v>0</v>
      </c>
      <c r="AN10" s="261">
        <v>75</v>
      </c>
      <c r="AO10" s="261">
        <v>88</v>
      </c>
      <c r="AP10" s="261">
        <v>54</v>
      </c>
      <c r="AQ10" s="261">
        <v>60</v>
      </c>
      <c r="AR10" s="261">
        <v>27</v>
      </c>
      <c r="AS10" s="258">
        <v>304</v>
      </c>
      <c r="AT10" s="263">
        <v>317</v>
      </c>
      <c r="AU10" s="257">
        <v>130</v>
      </c>
      <c r="AV10" s="261">
        <v>97</v>
      </c>
      <c r="AW10" s="258">
        <v>227</v>
      </c>
      <c r="AX10" s="260">
        <v>0</v>
      </c>
      <c r="AY10" s="261">
        <v>1191</v>
      </c>
      <c r="AZ10" s="261">
        <v>1197</v>
      </c>
      <c r="BA10" s="261">
        <v>985</v>
      </c>
      <c r="BB10" s="261">
        <v>1020</v>
      </c>
      <c r="BC10" s="261">
        <v>701</v>
      </c>
      <c r="BD10" s="262">
        <v>5094</v>
      </c>
      <c r="BE10" s="263">
        <v>5321</v>
      </c>
      <c r="BF10" s="257">
        <v>0</v>
      </c>
      <c r="BG10" s="261">
        <v>0</v>
      </c>
      <c r="BH10" s="258">
        <v>0</v>
      </c>
      <c r="BI10" s="260">
        <v>0</v>
      </c>
      <c r="BJ10" s="261">
        <v>1805</v>
      </c>
      <c r="BK10" s="261">
        <v>1121</v>
      </c>
      <c r="BL10" s="261">
        <v>500</v>
      </c>
      <c r="BM10" s="261">
        <v>312</v>
      </c>
      <c r="BN10" s="261">
        <v>142</v>
      </c>
      <c r="BO10" s="258">
        <v>3880</v>
      </c>
      <c r="BP10" s="263">
        <v>3880</v>
      </c>
      <c r="BQ10" s="257">
        <v>57</v>
      </c>
      <c r="BR10" s="261">
        <v>66</v>
      </c>
      <c r="BS10" s="258">
        <v>123</v>
      </c>
      <c r="BT10" s="260">
        <v>0</v>
      </c>
      <c r="BU10" s="261">
        <v>284</v>
      </c>
      <c r="BV10" s="261">
        <v>230</v>
      </c>
      <c r="BW10" s="261">
        <v>142</v>
      </c>
      <c r="BX10" s="261">
        <v>66</v>
      </c>
      <c r="BY10" s="261">
        <v>26</v>
      </c>
      <c r="BZ10" s="258">
        <v>748</v>
      </c>
      <c r="CA10" s="263">
        <v>871</v>
      </c>
      <c r="CB10" s="257">
        <v>1</v>
      </c>
      <c r="CC10" s="261">
        <v>2</v>
      </c>
      <c r="CD10" s="258">
        <v>3</v>
      </c>
      <c r="CE10" s="260">
        <v>0</v>
      </c>
      <c r="CF10" s="261">
        <v>232</v>
      </c>
      <c r="CG10" s="261">
        <v>300</v>
      </c>
      <c r="CH10" s="261">
        <v>281</v>
      </c>
      <c r="CI10" s="261">
        <v>214</v>
      </c>
      <c r="CJ10" s="261">
        <v>113</v>
      </c>
      <c r="CK10" s="258">
        <v>1140</v>
      </c>
      <c r="CL10" s="263">
        <v>1143</v>
      </c>
      <c r="CM10" s="257">
        <v>0</v>
      </c>
      <c r="CN10" s="261">
        <v>0</v>
      </c>
      <c r="CO10" s="258">
        <v>0</v>
      </c>
      <c r="CP10" s="260">
        <v>0</v>
      </c>
      <c r="CQ10" s="261">
        <v>17</v>
      </c>
      <c r="CR10" s="261">
        <v>19</v>
      </c>
      <c r="CS10" s="261">
        <v>17</v>
      </c>
      <c r="CT10" s="261">
        <v>14</v>
      </c>
      <c r="CU10" s="261">
        <v>6</v>
      </c>
      <c r="CV10" s="258">
        <v>73</v>
      </c>
      <c r="CW10" s="263">
        <v>73</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78</v>
      </c>
      <c r="DU10" s="261">
        <v>737</v>
      </c>
      <c r="DV10" s="258">
        <v>1115</v>
      </c>
      <c r="DW10" s="260">
        <v>0</v>
      </c>
      <c r="DX10" s="261">
        <v>2138</v>
      </c>
      <c r="DY10" s="261">
        <v>2299</v>
      </c>
      <c r="DZ10" s="261">
        <v>1229</v>
      </c>
      <c r="EA10" s="261">
        <v>983</v>
      </c>
      <c r="EB10" s="261">
        <v>608</v>
      </c>
      <c r="EC10" s="258">
        <v>7257</v>
      </c>
      <c r="ED10" s="263">
        <v>8372</v>
      </c>
      <c r="EE10" s="257">
        <v>89</v>
      </c>
      <c r="EF10" s="261">
        <v>43</v>
      </c>
      <c r="EG10" s="258">
        <v>132</v>
      </c>
      <c r="EH10" s="260">
        <v>0</v>
      </c>
      <c r="EI10" s="261">
        <v>459</v>
      </c>
      <c r="EJ10" s="261">
        <v>304</v>
      </c>
      <c r="EK10" s="261">
        <v>262</v>
      </c>
      <c r="EL10" s="261">
        <v>272</v>
      </c>
      <c r="EM10" s="261">
        <v>153</v>
      </c>
      <c r="EN10" s="258">
        <v>1450</v>
      </c>
      <c r="EO10" s="263">
        <v>1582</v>
      </c>
      <c r="EP10" s="257">
        <v>449</v>
      </c>
      <c r="EQ10" s="261">
        <v>803</v>
      </c>
      <c r="ER10" s="258">
        <v>1252</v>
      </c>
      <c r="ES10" s="260">
        <v>0</v>
      </c>
      <c r="ET10" s="261">
        <v>4494</v>
      </c>
      <c r="EU10" s="261">
        <v>3064</v>
      </c>
      <c r="EV10" s="261">
        <v>1482</v>
      </c>
      <c r="EW10" s="261">
        <v>1082</v>
      </c>
      <c r="EX10" s="261">
        <v>633</v>
      </c>
      <c r="EY10" s="258">
        <v>10755</v>
      </c>
      <c r="EZ10" s="263">
        <v>12007</v>
      </c>
    </row>
    <row r="11" spans="2:156" ht="21" customHeight="1" x14ac:dyDescent="0.2">
      <c r="B11" s="468" t="s">
        <v>8</v>
      </c>
      <c r="C11" s="257">
        <v>0</v>
      </c>
      <c r="D11" s="261">
        <v>0</v>
      </c>
      <c r="E11" s="356">
        <v>0</v>
      </c>
      <c r="F11" s="260">
        <v>0</v>
      </c>
      <c r="G11" s="261">
        <v>482</v>
      </c>
      <c r="H11" s="261">
        <v>645</v>
      </c>
      <c r="I11" s="261">
        <v>400</v>
      </c>
      <c r="J11" s="261">
        <v>326</v>
      </c>
      <c r="K11" s="261">
        <v>250</v>
      </c>
      <c r="L11" s="262">
        <v>2103</v>
      </c>
      <c r="M11" s="263">
        <v>2103</v>
      </c>
      <c r="N11" s="257">
        <v>0</v>
      </c>
      <c r="O11" s="261">
        <v>0</v>
      </c>
      <c r="P11" s="258">
        <v>0</v>
      </c>
      <c r="Q11" s="260">
        <v>0</v>
      </c>
      <c r="R11" s="261">
        <v>6</v>
      </c>
      <c r="S11" s="261">
        <v>14</v>
      </c>
      <c r="T11" s="261">
        <v>30</v>
      </c>
      <c r="U11" s="261">
        <v>52</v>
      </c>
      <c r="V11" s="261">
        <v>92</v>
      </c>
      <c r="W11" s="258">
        <v>194</v>
      </c>
      <c r="X11" s="263">
        <v>194</v>
      </c>
      <c r="Y11" s="257">
        <v>56</v>
      </c>
      <c r="Z11" s="261">
        <v>76</v>
      </c>
      <c r="AA11" s="258">
        <v>132</v>
      </c>
      <c r="AB11" s="260">
        <v>0</v>
      </c>
      <c r="AC11" s="261">
        <v>288</v>
      </c>
      <c r="AD11" s="261">
        <v>427</v>
      </c>
      <c r="AE11" s="261">
        <v>265</v>
      </c>
      <c r="AF11" s="261">
        <v>232</v>
      </c>
      <c r="AG11" s="261">
        <v>189</v>
      </c>
      <c r="AH11" s="258">
        <v>1401</v>
      </c>
      <c r="AI11" s="263">
        <v>1533</v>
      </c>
      <c r="AJ11" s="257">
        <v>9</v>
      </c>
      <c r="AK11" s="261">
        <v>17</v>
      </c>
      <c r="AL11" s="258">
        <v>26</v>
      </c>
      <c r="AM11" s="260">
        <v>0</v>
      </c>
      <c r="AN11" s="261">
        <v>74</v>
      </c>
      <c r="AO11" s="261">
        <v>95</v>
      </c>
      <c r="AP11" s="261">
        <v>49</v>
      </c>
      <c r="AQ11" s="261">
        <v>49</v>
      </c>
      <c r="AR11" s="261">
        <v>28</v>
      </c>
      <c r="AS11" s="258">
        <v>295</v>
      </c>
      <c r="AT11" s="263">
        <v>321</v>
      </c>
      <c r="AU11" s="257">
        <v>80</v>
      </c>
      <c r="AV11" s="261">
        <v>52</v>
      </c>
      <c r="AW11" s="258">
        <v>132</v>
      </c>
      <c r="AX11" s="260">
        <v>0</v>
      </c>
      <c r="AY11" s="261">
        <v>478</v>
      </c>
      <c r="AZ11" s="261">
        <v>577</v>
      </c>
      <c r="BA11" s="261">
        <v>567</v>
      </c>
      <c r="BB11" s="261">
        <v>569</v>
      </c>
      <c r="BC11" s="261">
        <v>414</v>
      </c>
      <c r="BD11" s="262">
        <v>2605</v>
      </c>
      <c r="BE11" s="263">
        <v>2737</v>
      </c>
      <c r="BF11" s="257">
        <v>0</v>
      </c>
      <c r="BG11" s="261">
        <v>0</v>
      </c>
      <c r="BH11" s="258">
        <v>0</v>
      </c>
      <c r="BI11" s="260">
        <v>0</v>
      </c>
      <c r="BJ11" s="261">
        <v>594</v>
      </c>
      <c r="BK11" s="261">
        <v>638</v>
      </c>
      <c r="BL11" s="261">
        <v>357</v>
      </c>
      <c r="BM11" s="261">
        <v>209</v>
      </c>
      <c r="BN11" s="261">
        <v>104</v>
      </c>
      <c r="BO11" s="258">
        <v>1902</v>
      </c>
      <c r="BP11" s="263">
        <v>1902</v>
      </c>
      <c r="BQ11" s="257">
        <v>34</v>
      </c>
      <c r="BR11" s="261">
        <v>46</v>
      </c>
      <c r="BS11" s="258">
        <v>80</v>
      </c>
      <c r="BT11" s="260">
        <v>0</v>
      </c>
      <c r="BU11" s="261">
        <v>159</v>
      </c>
      <c r="BV11" s="261">
        <v>157</v>
      </c>
      <c r="BW11" s="261">
        <v>98</v>
      </c>
      <c r="BX11" s="261">
        <v>52</v>
      </c>
      <c r="BY11" s="261">
        <v>20</v>
      </c>
      <c r="BZ11" s="258">
        <v>486</v>
      </c>
      <c r="CA11" s="263">
        <v>566</v>
      </c>
      <c r="CB11" s="257">
        <v>4</v>
      </c>
      <c r="CC11" s="261">
        <v>9</v>
      </c>
      <c r="CD11" s="258">
        <v>13</v>
      </c>
      <c r="CE11" s="260">
        <v>0</v>
      </c>
      <c r="CF11" s="261">
        <v>82</v>
      </c>
      <c r="CG11" s="261">
        <v>160</v>
      </c>
      <c r="CH11" s="261">
        <v>205</v>
      </c>
      <c r="CI11" s="261">
        <v>109</v>
      </c>
      <c r="CJ11" s="261">
        <v>56</v>
      </c>
      <c r="CK11" s="258">
        <v>612</v>
      </c>
      <c r="CL11" s="263">
        <v>625</v>
      </c>
      <c r="CM11" s="257">
        <v>0</v>
      </c>
      <c r="CN11" s="261">
        <v>0</v>
      </c>
      <c r="CO11" s="258">
        <v>0</v>
      </c>
      <c r="CP11" s="260">
        <v>0</v>
      </c>
      <c r="CQ11" s="261">
        <v>0</v>
      </c>
      <c r="CR11" s="261">
        <v>7</v>
      </c>
      <c r="CS11" s="261">
        <v>7</v>
      </c>
      <c r="CT11" s="261">
        <v>5</v>
      </c>
      <c r="CU11" s="261">
        <v>3</v>
      </c>
      <c r="CV11" s="258">
        <v>22</v>
      </c>
      <c r="CW11" s="263">
        <v>2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47</v>
      </c>
      <c r="DU11" s="261">
        <v>591</v>
      </c>
      <c r="DV11" s="258">
        <v>1038</v>
      </c>
      <c r="DW11" s="260">
        <v>0</v>
      </c>
      <c r="DX11" s="261">
        <v>1053</v>
      </c>
      <c r="DY11" s="261">
        <v>1578</v>
      </c>
      <c r="DZ11" s="261">
        <v>910</v>
      </c>
      <c r="EA11" s="261">
        <v>637</v>
      </c>
      <c r="EB11" s="261">
        <v>400</v>
      </c>
      <c r="EC11" s="258">
        <v>4578</v>
      </c>
      <c r="ED11" s="263">
        <v>5616</v>
      </c>
      <c r="EE11" s="257">
        <v>50</v>
      </c>
      <c r="EF11" s="261">
        <v>18</v>
      </c>
      <c r="EG11" s="258">
        <v>68</v>
      </c>
      <c r="EH11" s="260">
        <v>0</v>
      </c>
      <c r="EI11" s="261">
        <v>159</v>
      </c>
      <c r="EJ11" s="261">
        <v>132</v>
      </c>
      <c r="EK11" s="261">
        <v>108</v>
      </c>
      <c r="EL11" s="261">
        <v>135</v>
      </c>
      <c r="EM11" s="261">
        <v>78</v>
      </c>
      <c r="EN11" s="258">
        <v>612</v>
      </c>
      <c r="EO11" s="263">
        <v>680</v>
      </c>
      <c r="EP11" s="257">
        <v>518</v>
      </c>
      <c r="EQ11" s="261">
        <v>664</v>
      </c>
      <c r="ER11" s="258">
        <v>1182</v>
      </c>
      <c r="ES11" s="260">
        <v>0</v>
      </c>
      <c r="ET11" s="261">
        <v>1930</v>
      </c>
      <c r="EU11" s="261">
        <v>1976</v>
      </c>
      <c r="EV11" s="261">
        <v>1055</v>
      </c>
      <c r="EW11" s="261">
        <v>676</v>
      </c>
      <c r="EX11" s="261">
        <v>413</v>
      </c>
      <c r="EY11" s="258">
        <v>6050</v>
      </c>
      <c r="EZ11" s="263">
        <v>7232</v>
      </c>
    </row>
    <row r="12" spans="2:156" ht="21" customHeight="1" x14ac:dyDescent="0.2">
      <c r="B12" s="468" t="s">
        <v>9</v>
      </c>
      <c r="C12" s="257">
        <v>0</v>
      </c>
      <c r="D12" s="261">
        <v>0</v>
      </c>
      <c r="E12" s="356">
        <v>0</v>
      </c>
      <c r="F12" s="260">
        <v>0</v>
      </c>
      <c r="G12" s="261">
        <v>659</v>
      </c>
      <c r="H12" s="261">
        <v>507</v>
      </c>
      <c r="I12" s="261">
        <v>367</v>
      </c>
      <c r="J12" s="261">
        <v>346</v>
      </c>
      <c r="K12" s="261">
        <v>244</v>
      </c>
      <c r="L12" s="262">
        <v>2123</v>
      </c>
      <c r="M12" s="263">
        <v>2123</v>
      </c>
      <c r="N12" s="257">
        <v>0</v>
      </c>
      <c r="O12" s="261">
        <v>0</v>
      </c>
      <c r="P12" s="258">
        <v>0</v>
      </c>
      <c r="Q12" s="260">
        <v>0</v>
      </c>
      <c r="R12" s="261">
        <v>3</v>
      </c>
      <c r="S12" s="261">
        <v>6</v>
      </c>
      <c r="T12" s="261">
        <v>12</v>
      </c>
      <c r="U12" s="261">
        <v>55</v>
      </c>
      <c r="V12" s="261">
        <v>87</v>
      </c>
      <c r="W12" s="258">
        <v>163</v>
      </c>
      <c r="X12" s="263">
        <v>163</v>
      </c>
      <c r="Y12" s="257">
        <v>64</v>
      </c>
      <c r="Z12" s="261">
        <v>91</v>
      </c>
      <c r="AA12" s="258">
        <v>155</v>
      </c>
      <c r="AB12" s="260">
        <v>0</v>
      </c>
      <c r="AC12" s="261">
        <v>387</v>
      </c>
      <c r="AD12" s="261">
        <v>331</v>
      </c>
      <c r="AE12" s="261">
        <v>260</v>
      </c>
      <c r="AF12" s="261">
        <v>255</v>
      </c>
      <c r="AG12" s="261">
        <v>191</v>
      </c>
      <c r="AH12" s="258">
        <v>1424</v>
      </c>
      <c r="AI12" s="263">
        <v>1579</v>
      </c>
      <c r="AJ12" s="257">
        <v>7</v>
      </c>
      <c r="AK12" s="261">
        <v>16</v>
      </c>
      <c r="AL12" s="258">
        <v>23</v>
      </c>
      <c r="AM12" s="260">
        <v>0</v>
      </c>
      <c r="AN12" s="261">
        <v>41</v>
      </c>
      <c r="AO12" s="261">
        <v>53</v>
      </c>
      <c r="AP12" s="261">
        <v>42</v>
      </c>
      <c r="AQ12" s="261">
        <v>42</v>
      </c>
      <c r="AR12" s="261">
        <v>30</v>
      </c>
      <c r="AS12" s="258">
        <v>208</v>
      </c>
      <c r="AT12" s="263">
        <v>231</v>
      </c>
      <c r="AU12" s="257">
        <v>80</v>
      </c>
      <c r="AV12" s="261">
        <v>70</v>
      </c>
      <c r="AW12" s="258">
        <v>150</v>
      </c>
      <c r="AX12" s="260">
        <v>0</v>
      </c>
      <c r="AY12" s="261">
        <v>531</v>
      </c>
      <c r="AZ12" s="261">
        <v>552</v>
      </c>
      <c r="BA12" s="261">
        <v>570</v>
      </c>
      <c r="BB12" s="261">
        <v>600</v>
      </c>
      <c r="BC12" s="261">
        <v>417</v>
      </c>
      <c r="BD12" s="262">
        <v>2670</v>
      </c>
      <c r="BE12" s="263">
        <v>2820</v>
      </c>
      <c r="BF12" s="257">
        <v>0</v>
      </c>
      <c r="BG12" s="261">
        <v>0</v>
      </c>
      <c r="BH12" s="258">
        <v>0</v>
      </c>
      <c r="BI12" s="260">
        <v>0</v>
      </c>
      <c r="BJ12" s="261">
        <v>614</v>
      </c>
      <c r="BK12" s="261">
        <v>391</v>
      </c>
      <c r="BL12" s="261">
        <v>234</v>
      </c>
      <c r="BM12" s="261">
        <v>165</v>
      </c>
      <c r="BN12" s="261">
        <v>60</v>
      </c>
      <c r="BO12" s="258">
        <v>1464</v>
      </c>
      <c r="BP12" s="263">
        <v>1464</v>
      </c>
      <c r="BQ12" s="257">
        <v>50</v>
      </c>
      <c r="BR12" s="261">
        <v>78</v>
      </c>
      <c r="BS12" s="258">
        <v>128</v>
      </c>
      <c r="BT12" s="260">
        <v>0</v>
      </c>
      <c r="BU12" s="261">
        <v>152</v>
      </c>
      <c r="BV12" s="261">
        <v>148</v>
      </c>
      <c r="BW12" s="261">
        <v>85</v>
      </c>
      <c r="BX12" s="261">
        <v>85</v>
      </c>
      <c r="BY12" s="261">
        <v>26</v>
      </c>
      <c r="BZ12" s="258">
        <v>496</v>
      </c>
      <c r="CA12" s="263">
        <v>624</v>
      </c>
      <c r="CB12" s="257">
        <v>2</v>
      </c>
      <c r="CC12" s="261">
        <v>8</v>
      </c>
      <c r="CD12" s="258">
        <v>10</v>
      </c>
      <c r="CE12" s="260">
        <v>0</v>
      </c>
      <c r="CF12" s="261">
        <v>79</v>
      </c>
      <c r="CG12" s="261">
        <v>88</v>
      </c>
      <c r="CH12" s="261">
        <v>137</v>
      </c>
      <c r="CI12" s="261">
        <v>99</v>
      </c>
      <c r="CJ12" s="261">
        <v>61</v>
      </c>
      <c r="CK12" s="258">
        <v>464</v>
      </c>
      <c r="CL12" s="263">
        <v>474</v>
      </c>
      <c r="CM12" s="257">
        <v>0</v>
      </c>
      <c r="CN12" s="261">
        <v>1</v>
      </c>
      <c r="CO12" s="258">
        <v>1</v>
      </c>
      <c r="CP12" s="260">
        <v>0</v>
      </c>
      <c r="CQ12" s="261">
        <v>10</v>
      </c>
      <c r="CR12" s="261">
        <v>13</v>
      </c>
      <c r="CS12" s="261">
        <v>30</v>
      </c>
      <c r="CT12" s="261">
        <v>30</v>
      </c>
      <c r="CU12" s="261">
        <v>17</v>
      </c>
      <c r="CV12" s="258">
        <v>100</v>
      </c>
      <c r="CW12" s="263">
        <v>101</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71</v>
      </c>
      <c r="DU12" s="261">
        <v>487</v>
      </c>
      <c r="DV12" s="258">
        <v>858</v>
      </c>
      <c r="DW12" s="260">
        <v>0</v>
      </c>
      <c r="DX12" s="261">
        <v>967</v>
      </c>
      <c r="DY12" s="261">
        <v>955</v>
      </c>
      <c r="DZ12" s="261">
        <v>656</v>
      </c>
      <c r="EA12" s="261">
        <v>564</v>
      </c>
      <c r="EB12" s="261">
        <v>373</v>
      </c>
      <c r="EC12" s="258">
        <v>3515</v>
      </c>
      <c r="ED12" s="263">
        <v>4373</v>
      </c>
      <c r="EE12" s="257">
        <v>49</v>
      </c>
      <c r="EF12" s="261">
        <v>21</v>
      </c>
      <c r="EG12" s="258">
        <v>70</v>
      </c>
      <c r="EH12" s="260">
        <v>0</v>
      </c>
      <c r="EI12" s="261">
        <v>194</v>
      </c>
      <c r="EJ12" s="261">
        <v>158</v>
      </c>
      <c r="EK12" s="261">
        <v>159</v>
      </c>
      <c r="EL12" s="261">
        <v>177</v>
      </c>
      <c r="EM12" s="261">
        <v>118</v>
      </c>
      <c r="EN12" s="258">
        <v>806</v>
      </c>
      <c r="EO12" s="263">
        <v>876</v>
      </c>
      <c r="EP12" s="257">
        <v>445</v>
      </c>
      <c r="EQ12" s="261">
        <v>576</v>
      </c>
      <c r="ER12" s="258">
        <v>1021</v>
      </c>
      <c r="ES12" s="260">
        <v>0</v>
      </c>
      <c r="ET12" s="261">
        <v>1774</v>
      </c>
      <c r="EU12" s="261">
        <v>1249</v>
      </c>
      <c r="EV12" s="261">
        <v>759</v>
      </c>
      <c r="EW12" s="261">
        <v>603</v>
      </c>
      <c r="EX12" s="261">
        <v>363</v>
      </c>
      <c r="EY12" s="258">
        <v>4748</v>
      </c>
      <c r="EZ12" s="263">
        <v>5769</v>
      </c>
    </row>
    <row r="13" spans="2:156" ht="21" customHeight="1" x14ac:dyDescent="0.2">
      <c r="B13" s="468" t="s">
        <v>10</v>
      </c>
      <c r="C13" s="257">
        <v>0</v>
      </c>
      <c r="D13" s="261">
        <v>0</v>
      </c>
      <c r="E13" s="356">
        <v>0</v>
      </c>
      <c r="F13" s="260">
        <v>0</v>
      </c>
      <c r="G13" s="261">
        <v>1344</v>
      </c>
      <c r="H13" s="261">
        <v>773</v>
      </c>
      <c r="I13" s="261">
        <v>523</v>
      </c>
      <c r="J13" s="261">
        <v>462</v>
      </c>
      <c r="K13" s="261">
        <v>362</v>
      </c>
      <c r="L13" s="262">
        <v>3464</v>
      </c>
      <c r="M13" s="263">
        <v>3464</v>
      </c>
      <c r="N13" s="257">
        <v>0</v>
      </c>
      <c r="O13" s="261">
        <v>0</v>
      </c>
      <c r="P13" s="258">
        <v>0</v>
      </c>
      <c r="Q13" s="260">
        <v>0</v>
      </c>
      <c r="R13" s="261">
        <v>8</v>
      </c>
      <c r="S13" s="261">
        <v>28</v>
      </c>
      <c r="T13" s="261">
        <v>38</v>
      </c>
      <c r="U13" s="261">
        <v>81</v>
      </c>
      <c r="V13" s="261">
        <v>173</v>
      </c>
      <c r="W13" s="258">
        <v>328</v>
      </c>
      <c r="X13" s="263">
        <v>328</v>
      </c>
      <c r="Y13" s="257">
        <v>170</v>
      </c>
      <c r="Z13" s="261">
        <v>289</v>
      </c>
      <c r="AA13" s="258">
        <v>459</v>
      </c>
      <c r="AB13" s="260">
        <v>0</v>
      </c>
      <c r="AC13" s="261">
        <v>859</v>
      </c>
      <c r="AD13" s="261">
        <v>580</v>
      </c>
      <c r="AE13" s="261">
        <v>360</v>
      </c>
      <c r="AF13" s="261">
        <v>343</v>
      </c>
      <c r="AG13" s="261">
        <v>297</v>
      </c>
      <c r="AH13" s="258">
        <v>2439</v>
      </c>
      <c r="AI13" s="263">
        <v>2898</v>
      </c>
      <c r="AJ13" s="257">
        <v>27</v>
      </c>
      <c r="AK13" s="261">
        <v>50</v>
      </c>
      <c r="AL13" s="258">
        <v>77</v>
      </c>
      <c r="AM13" s="260">
        <v>0</v>
      </c>
      <c r="AN13" s="261">
        <v>103</v>
      </c>
      <c r="AO13" s="261">
        <v>94</v>
      </c>
      <c r="AP13" s="261">
        <v>68</v>
      </c>
      <c r="AQ13" s="261">
        <v>40</v>
      </c>
      <c r="AR13" s="261">
        <v>58</v>
      </c>
      <c r="AS13" s="258">
        <v>363</v>
      </c>
      <c r="AT13" s="263">
        <v>440</v>
      </c>
      <c r="AU13" s="257">
        <v>181</v>
      </c>
      <c r="AV13" s="261">
        <v>278</v>
      </c>
      <c r="AW13" s="258">
        <v>459</v>
      </c>
      <c r="AX13" s="260">
        <v>0</v>
      </c>
      <c r="AY13" s="261">
        <v>1298</v>
      </c>
      <c r="AZ13" s="261">
        <v>1123</v>
      </c>
      <c r="BA13" s="261">
        <v>966</v>
      </c>
      <c r="BB13" s="261">
        <v>997</v>
      </c>
      <c r="BC13" s="261">
        <v>790</v>
      </c>
      <c r="BD13" s="262">
        <v>5174</v>
      </c>
      <c r="BE13" s="263">
        <v>5633</v>
      </c>
      <c r="BF13" s="257">
        <v>0</v>
      </c>
      <c r="BG13" s="261">
        <v>0</v>
      </c>
      <c r="BH13" s="258">
        <v>0</v>
      </c>
      <c r="BI13" s="260">
        <v>0</v>
      </c>
      <c r="BJ13" s="261">
        <v>1645</v>
      </c>
      <c r="BK13" s="261">
        <v>861</v>
      </c>
      <c r="BL13" s="261">
        <v>506</v>
      </c>
      <c r="BM13" s="261">
        <v>308</v>
      </c>
      <c r="BN13" s="261">
        <v>145</v>
      </c>
      <c r="BO13" s="258">
        <v>3465</v>
      </c>
      <c r="BP13" s="263">
        <v>3465</v>
      </c>
      <c r="BQ13" s="257">
        <v>56</v>
      </c>
      <c r="BR13" s="261">
        <v>79</v>
      </c>
      <c r="BS13" s="258">
        <v>135</v>
      </c>
      <c r="BT13" s="260">
        <v>0</v>
      </c>
      <c r="BU13" s="261">
        <v>264</v>
      </c>
      <c r="BV13" s="261">
        <v>209</v>
      </c>
      <c r="BW13" s="261">
        <v>95</v>
      </c>
      <c r="BX13" s="261">
        <v>65</v>
      </c>
      <c r="BY13" s="261">
        <v>28</v>
      </c>
      <c r="BZ13" s="258">
        <v>661</v>
      </c>
      <c r="CA13" s="263">
        <v>796</v>
      </c>
      <c r="CB13" s="257">
        <v>7</v>
      </c>
      <c r="CC13" s="261">
        <v>19</v>
      </c>
      <c r="CD13" s="258">
        <v>26</v>
      </c>
      <c r="CE13" s="260">
        <v>0</v>
      </c>
      <c r="CF13" s="261">
        <v>192</v>
      </c>
      <c r="CG13" s="261">
        <v>189</v>
      </c>
      <c r="CH13" s="261">
        <v>180</v>
      </c>
      <c r="CI13" s="261">
        <v>160</v>
      </c>
      <c r="CJ13" s="261">
        <v>95</v>
      </c>
      <c r="CK13" s="258">
        <v>816</v>
      </c>
      <c r="CL13" s="263">
        <v>842</v>
      </c>
      <c r="CM13" s="257">
        <v>0</v>
      </c>
      <c r="CN13" s="261">
        <v>2</v>
      </c>
      <c r="CO13" s="258">
        <v>2</v>
      </c>
      <c r="CP13" s="260">
        <v>0</v>
      </c>
      <c r="CQ13" s="261">
        <v>13</v>
      </c>
      <c r="CR13" s="261">
        <v>18</v>
      </c>
      <c r="CS13" s="261">
        <v>20</v>
      </c>
      <c r="CT13" s="261">
        <v>15</v>
      </c>
      <c r="CU13" s="261">
        <v>10</v>
      </c>
      <c r="CV13" s="258">
        <v>76</v>
      </c>
      <c r="CW13" s="263">
        <v>78</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14</v>
      </c>
      <c r="DU13" s="261">
        <v>1210</v>
      </c>
      <c r="DV13" s="258">
        <v>2124</v>
      </c>
      <c r="DW13" s="260">
        <v>0</v>
      </c>
      <c r="DX13" s="261">
        <v>2036</v>
      </c>
      <c r="DY13" s="261">
        <v>1660</v>
      </c>
      <c r="DZ13" s="261">
        <v>1047</v>
      </c>
      <c r="EA13" s="261">
        <v>928</v>
      </c>
      <c r="EB13" s="261">
        <v>630</v>
      </c>
      <c r="EC13" s="258">
        <v>6301</v>
      </c>
      <c r="ED13" s="263">
        <v>8425</v>
      </c>
      <c r="EE13" s="257">
        <v>71</v>
      </c>
      <c r="EF13" s="261">
        <v>67</v>
      </c>
      <c r="EG13" s="258">
        <v>138</v>
      </c>
      <c r="EH13" s="260">
        <v>0</v>
      </c>
      <c r="EI13" s="261">
        <v>293</v>
      </c>
      <c r="EJ13" s="261">
        <v>231</v>
      </c>
      <c r="EK13" s="261">
        <v>210</v>
      </c>
      <c r="EL13" s="261">
        <v>235</v>
      </c>
      <c r="EM13" s="261">
        <v>148</v>
      </c>
      <c r="EN13" s="258">
        <v>1117</v>
      </c>
      <c r="EO13" s="263">
        <v>1255</v>
      </c>
      <c r="EP13" s="257">
        <v>1082</v>
      </c>
      <c r="EQ13" s="261">
        <v>1387</v>
      </c>
      <c r="ER13" s="258">
        <v>2469</v>
      </c>
      <c r="ES13" s="260">
        <v>0</v>
      </c>
      <c r="ET13" s="261">
        <v>3594</v>
      </c>
      <c r="EU13" s="261">
        <v>2050</v>
      </c>
      <c r="EV13" s="261">
        <v>1147</v>
      </c>
      <c r="EW13" s="261">
        <v>880</v>
      </c>
      <c r="EX13" s="261">
        <v>588</v>
      </c>
      <c r="EY13" s="258">
        <v>8259</v>
      </c>
      <c r="EZ13" s="263">
        <v>10728</v>
      </c>
    </row>
    <row r="14" spans="2:156" ht="21" customHeight="1" x14ac:dyDescent="0.2">
      <c r="B14" s="468" t="s">
        <v>11</v>
      </c>
      <c r="C14" s="257">
        <v>0</v>
      </c>
      <c r="D14" s="261">
        <v>0</v>
      </c>
      <c r="E14" s="356">
        <v>0</v>
      </c>
      <c r="F14" s="260">
        <v>0</v>
      </c>
      <c r="G14" s="261">
        <v>485</v>
      </c>
      <c r="H14" s="261">
        <v>349</v>
      </c>
      <c r="I14" s="261">
        <v>256</v>
      </c>
      <c r="J14" s="261">
        <v>242</v>
      </c>
      <c r="K14" s="261">
        <v>174</v>
      </c>
      <c r="L14" s="262">
        <v>1506</v>
      </c>
      <c r="M14" s="263">
        <v>1506</v>
      </c>
      <c r="N14" s="257">
        <v>0</v>
      </c>
      <c r="O14" s="261">
        <v>0</v>
      </c>
      <c r="P14" s="258">
        <v>0</v>
      </c>
      <c r="Q14" s="260">
        <v>0</v>
      </c>
      <c r="R14" s="261">
        <v>5</v>
      </c>
      <c r="S14" s="261">
        <v>10</v>
      </c>
      <c r="T14" s="261">
        <v>31</v>
      </c>
      <c r="U14" s="261">
        <v>55</v>
      </c>
      <c r="V14" s="261">
        <v>67</v>
      </c>
      <c r="W14" s="258">
        <v>168</v>
      </c>
      <c r="X14" s="263">
        <v>168</v>
      </c>
      <c r="Y14" s="257">
        <v>49</v>
      </c>
      <c r="Z14" s="261">
        <v>58</v>
      </c>
      <c r="AA14" s="258">
        <v>107</v>
      </c>
      <c r="AB14" s="260">
        <v>0</v>
      </c>
      <c r="AC14" s="261">
        <v>344</v>
      </c>
      <c r="AD14" s="261">
        <v>236</v>
      </c>
      <c r="AE14" s="261">
        <v>194</v>
      </c>
      <c r="AF14" s="261">
        <v>212</v>
      </c>
      <c r="AG14" s="261">
        <v>145</v>
      </c>
      <c r="AH14" s="258">
        <v>1131</v>
      </c>
      <c r="AI14" s="263">
        <v>1238</v>
      </c>
      <c r="AJ14" s="257">
        <v>4</v>
      </c>
      <c r="AK14" s="261">
        <v>7</v>
      </c>
      <c r="AL14" s="258">
        <v>11</v>
      </c>
      <c r="AM14" s="260">
        <v>0</v>
      </c>
      <c r="AN14" s="261">
        <v>23</v>
      </c>
      <c r="AO14" s="261">
        <v>30</v>
      </c>
      <c r="AP14" s="261">
        <v>26</v>
      </c>
      <c r="AQ14" s="261">
        <v>28</v>
      </c>
      <c r="AR14" s="261">
        <v>7</v>
      </c>
      <c r="AS14" s="258">
        <v>114</v>
      </c>
      <c r="AT14" s="263">
        <v>125</v>
      </c>
      <c r="AU14" s="257">
        <v>48</v>
      </c>
      <c r="AV14" s="261">
        <v>50</v>
      </c>
      <c r="AW14" s="258">
        <v>98</v>
      </c>
      <c r="AX14" s="260">
        <v>0</v>
      </c>
      <c r="AY14" s="261">
        <v>434</v>
      </c>
      <c r="AZ14" s="261">
        <v>492</v>
      </c>
      <c r="BA14" s="261">
        <v>438</v>
      </c>
      <c r="BB14" s="261">
        <v>463</v>
      </c>
      <c r="BC14" s="261">
        <v>305</v>
      </c>
      <c r="BD14" s="262">
        <v>2132</v>
      </c>
      <c r="BE14" s="263">
        <v>2230</v>
      </c>
      <c r="BF14" s="257">
        <v>0</v>
      </c>
      <c r="BG14" s="261">
        <v>0</v>
      </c>
      <c r="BH14" s="258">
        <v>0</v>
      </c>
      <c r="BI14" s="260">
        <v>0</v>
      </c>
      <c r="BJ14" s="261">
        <v>705</v>
      </c>
      <c r="BK14" s="261">
        <v>397</v>
      </c>
      <c r="BL14" s="261">
        <v>261</v>
      </c>
      <c r="BM14" s="261">
        <v>186</v>
      </c>
      <c r="BN14" s="261">
        <v>89</v>
      </c>
      <c r="BO14" s="258">
        <v>1638</v>
      </c>
      <c r="BP14" s="263">
        <v>1638</v>
      </c>
      <c r="BQ14" s="257">
        <v>88</v>
      </c>
      <c r="BR14" s="261">
        <v>72</v>
      </c>
      <c r="BS14" s="258">
        <v>160</v>
      </c>
      <c r="BT14" s="260">
        <v>0</v>
      </c>
      <c r="BU14" s="261">
        <v>230</v>
      </c>
      <c r="BV14" s="261">
        <v>139</v>
      </c>
      <c r="BW14" s="261">
        <v>98</v>
      </c>
      <c r="BX14" s="261">
        <v>72</v>
      </c>
      <c r="BY14" s="261">
        <v>21</v>
      </c>
      <c r="BZ14" s="258">
        <v>560</v>
      </c>
      <c r="CA14" s="263">
        <v>720</v>
      </c>
      <c r="CB14" s="257">
        <v>7</v>
      </c>
      <c r="CC14" s="261">
        <v>14</v>
      </c>
      <c r="CD14" s="258">
        <v>21</v>
      </c>
      <c r="CE14" s="260">
        <v>0</v>
      </c>
      <c r="CF14" s="261">
        <v>104</v>
      </c>
      <c r="CG14" s="261">
        <v>80</v>
      </c>
      <c r="CH14" s="261">
        <v>119</v>
      </c>
      <c r="CI14" s="261">
        <v>88</v>
      </c>
      <c r="CJ14" s="261">
        <v>44</v>
      </c>
      <c r="CK14" s="258">
        <v>435</v>
      </c>
      <c r="CL14" s="263">
        <v>456</v>
      </c>
      <c r="CM14" s="257">
        <v>0</v>
      </c>
      <c r="CN14" s="261">
        <v>1</v>
      </c>
      <c r="CO14" s="258">
        <v>1</v>
      </c>
      <c r="CP14" s="260">
        <v>0</v>
      </c>
      <c r="CQ14" s="261">
        <v>6</v>
      </c>
      <c r="CR14" s="261">
        <v>8</v>
      </c>
      <c r="CS14" s="261">
        <v>6</v>
      </c>
      <c r="CT14" s="261">
        <v>6</v>
      </c>
      <c r="CU14" s="261">
        <v>11</v>
      </c>
      <c r="CV14" s="258">
        <v>37</v>
      </c>
      <c r="CW14" s="263">
        <v>38</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92</v>
      </c>
      <c r="DU14" s="261">
        <v>483</v>
      </c>
      <c r="DV14" s="258">
        <v>875</v>
      </c>
      <c r="DW14" s="260">
        <v>0</v>
      </c>
      <c r="DX14" s="261">
        <v>994</v>
      </c>
      <c r="DY14" s="261">
        <v>867</v>
      </c>
      <c r="DZ14" s="261">
        <v>644</v>
      </c>
      <c r="EA14" s="261">
        <v>542</v>
      </c>
      <c r="EB14" s="261">
        <v>286</v>
      </c>
      <c r="EC14" s="258">
        <v>3333</v>
      </c>
      <c r="ED14" s="263">
        <v>4208</v>
      </c>
      <c r="EE14" s="257">
        <v>35</v>
      </c>
      <c r="EF14" s="261">
        <v>27</v>
      </c>
      <c r="EG14" s="258">
        <v>62</v>
      </c>
      <c r="EH14" s="260">
        <v>0</v>
      </c>
      <c r="EI14" s="261">
        <v>182</v>
      </c>
      <c r="EJ14" s="261">
        <v>157</v>
      </c>
      <c r="EK14" s="261">
        <v>126</v>
      </c>
      <c r="EL14" s="261">
        <v>157</v>
      </c>
      <c r="EM14" s="261">
        <v>69</v>
      </c>
      <c r="EN14" s="258">
        <v>691</v>
      </c>
      <c r="EO14" s="263">
        <v>753</v>
      </c>
      <c r="EP14" s="257">
        <v>501</v>
      </c>
      <c r="EQ14" s="261">
        <v>566</v>
      </c>
      <c r="ER14" s="258">
        <v>1067</v>
      </c>
      <c r="ES14" s="260">
        <v>0</v>
      </c>
      <c r="ET14" s="261">
        <v>1904</v>
      </c>
      <c r="EU14" s="261">
        <v>1107</v>
      </c>
      <c r="EV14" s="261">
        <v>753</v>
      </c>
      <c r="EW14" s="261">
        <v>567</v>
      </c>
      <c r="EX14" s="261">
        <v>291</v>
      </c>
      <c r="EY14" s="258">
        <v>4622</v>
      </c>
      <c r="EZ14" s="263">
        <v>5689</v>
      </c>
    </row>
    <row r="15" spans="2:156" ht="21" customHeight="1" x14ac:dyDescent="0.2">
      <c r="B15" s="468" t="s">
        <v>12</v>
      </c>
      <c r="C15" s="257">
        <v>0</v>
      </c>
      <c r="D15" s="261">
        <v>0</v>
      </c>
      <c r="E15" s="356">
        <v>0</v>
      </c>
      <c r="F15" s="260">
        <v>0</v>
      </c>
      <c r="G15" s="261">
        <v>521</v>
      </c>
      <c r="H15" s="261">
        <v>484</v>
      </c>
      <c r="I15" s="261">
        <v>310</v>
      </c>
      <c r="J15" s="261">
        <v>284</v>
      </c>
      <c r="K15" s="261">
        <v>222</v>
      </c>
      <c r="L15" s="262">
        <v>1821</v>
      </c>
      <c r="M15" s="263">
        <v>1821</v>
      </c>
      <c r="N15" s="257">
        <v>0</v>
      </c>
      <c r="O15" s="261">
        <v>4</v>
      </c>
      <c r="P15" s="258">
        <v>4</v>
      </c>
      <c r="Q15" s="260">
        <v>0</v>
      </c>
      <c r="R15" s="261">
        <v>2</v>
      </c>
      <c r="S15" s="261">
        <v>15</v>
      </c>
      <c r="T15" s="261">
        <v>22</v>
      </c>
      <c r="U15" s="261">
        <v>65</v>
      </c>
      <c r="V15" s="261">
        <v>80</v>
      </c>
      <c r="W15" s="258">
        <v>184</v>
      </c>
      <c r="X15" s="263">
        <v>188</v>
      </c>
      <c r="Y15" s="257">
        <v>125</v>
      </c>
      <c r="Z15" s="261">
        <v>293</v>
      </c>
      <c r="AA15" s="258">
        <v>418</v>
      </c>
      <c r="AB15" s="260">
        <v>0</v>
      </c>
      <c r="AC15" s="261">
        <v>346</v>
      </c>
      <c r="AD15" s="261">
        <v>407</v>
      </c>
      <c r="AE15" s="261">
        <v>261</v>
      </c>
      <c r="AF15" s="261">
        <v>237</v>
      </c>
      <c r="AG15" s="261">
        <v>186</v>
      </c>
      <c r="AH15" s="258">
        <v>1437</v>
      </c>
      <c r="AI15" s="263">
        <v>1855</v>
      </c>
      <c r="AJ15" s="257">
        <v>5</v>
      </c>
      <c r="AK15" s="261">
        <v>28</v>
      </c>
      <c r="AL15" s="258">
        <v>33</v>
      </c>
      <c r="AM15" s="260">
        <v>0</v>
      </c>
      <c r="AN15" s="261">
        <v>13</v>
      </c>
      <c r="AO15" s="261">
        <v>41</v>
      </c>
      <c r="AP15" s="261">
        <v>29</v>
      </c>
      <c r="AQ15" s="261">
        <v>26</v>
      </c>
      <c r="AR15" s="261">
        <v>16</v>
      </c>
      <c r="AS15" s="258">
        <v>125</v>
      </c>
      <c r="AT15" s="263">
        <v>158</v>
      </c>
      <c r="AU15" s="257">
        <v>80</v>
      </c>
      <c r="AV15" s="261">
        <v>131</v>
      </c>
      <c r="AW15" s="258">
        <v>211</v>
      </c>
      <c r="AX15" s="260">
        <v>0</v>
      </c>
      <c r="AY15" s="261">
        <v>343</v>
      </c>
      <c r="AZ15" s="261">
        <v>429</v>
      </c>
      <c r="BA15" s="261">
        <v>380</v>
      </c>
      <c r="BB15" s="261">
        <v>440</v>
      </c>
      <c r="BC15" s="261">
        <v>347</v>
      </c>
      <c r="BD15" s="262">
        <v>1939</v>
      </c>
      <c r="BE15" s="263">
        <v>2150</v>
      </c>
      <c r="BF15" s="257">
        <v>0</v>
      </c>
      <c r="BG15" s="261">
        <v>0</v>
      </c>
      <c r="BH15" s="258">
        <v>0</v>
      </c>
      <c r="BI15" s="260">
        <v>0</v>
      </c>
      <c r="BJ15" s="261">
        <v>658</v>
      </c>
      <c r="BK15" s="261">
        <v>472</v>
      </c>
      <c r="BL15" s="261">
        <v>278</v>
      </c>
      <c r="BM15" s="261">
        <v>218</v>
      </c>
      <c r="BN15" s="261">
        <v>99</v>
      </c>
      <c r="BO15" s="258">
        <v>1725</v>
      </c>
      <c r="BP15" s="263">
        <v>1725</v>
      </c>
      <c r="BQ15" s="257">
        <v>110</v>
      </c>
      <c r="BR15" s="261">
        <v>138</v>
      </c>
      <c r="BS15" s="258">
        <v>248</v>
      </c>
      <c r="BT15" s="260">
        <v>0</v>
      </c>
      <c r="BU15" s="261">
        <v>132</v>
      </c>
      <c r="BV15" s="261">
        <v>174</v>
      </c>
      <c r="BW15" s="261">
        <v>125</v>
      </c>
      <c r="BX15" s="261">
        <v>83</v>
      </c>
      <c r="BY15" s="261">
        <v>25</v>
      </c>
      <c r="BZ15" s="258">
        <v>539</v>
      </c>
      <c r="CA15" s="263">
        <v>787</v>
      </c>
      <c r="CB15" s="257">
        <v>4</v>
      </c>
      <c r="CC15" s="261">
        <v>14</v>
      </c>
      <c r="CD15" s="258">
        <v>18</v>
      </c>
      <c r="CE15" s="260">
        <v>0</v>
      </c>
      <c r="CF15" s="261">
        <v>100</v>
      </c>
      <c r="CG15" s="261">
        <v>122</v>
      </c>
      <c r="CH15" s="261">
        <v>126</v>
      </c>
      <c r="CI15" s="261">
        <v>107</v>
      </c>
      <c r="CJ15" s="261">
        <v>55</v>
      </c>
      <c r="CK15" s="258">
        <v>510</v>
      </c>
      <c r="CL15" s="263">
        <v>528</v>
      </c>
      <c r="CM15" s="257">
        <v>0</v>
      </c>
      <c r="CN15" s="261">
        <v>0</v>
      </c>
      <c r="CO15" s="258">
        <v>0</v>
      </c>
      <c r="CP15" s="260">
        <v>0</v>
      </c>
      <c r="CQ15" s="261">
        <v>6</v>
      </c>
      <c r="CR15" s="261">
        <v>6</v>
      </c>
      <c r="CS15" s="261">
        <v>6</v>
      </c>
      <c r="CT15" s="261">
        <v>6</v>
      </c>
      <c r="CU15" s="261">
        <v>2</v>
      </c>
      <c r="CV15" s="258">
        <v>26</v>
      </c>
      <c r="CW15" s="263">
        <v>26</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89</v>
      </c>
      <c r="DU15" s="261">
        <v>893</v>
      </c>
      <c r="DV15" s="258">
        <v>1382</v>
      </c>
      <c r="DW15" s="260">
        <v>0</v>
      </c>
      <c r="DX15" s="261">
        <v>618</v>
      </c>
      <c r="DY15" s="261">
        <v>1047</v>
      </c>
      <c r="DZ15" s="261">
        <v>697</v>
      </c>
      <c r="EA15" s="261">
        <v>628</v>
      </c>
      <c r="EB15" s="261">
        <v>375</v>
      </c>
      <c r="EC15" s="258">
        <v>3365</v>
      </c>
      <c r="ED15" s="263">
        <v>4747</v>
      </c>
      <c r="EE15" s="257">
        <v>41</v>
      </c>
      <c r="EF15" s="261">
        <v>41</v>
      </c>
      <c r="EG15" s="258">
        <v>82</v>
      </c>
      <c r="EH15" s="260">
        <v>0</v>
      </c>
      <c r="EI15" s="261">
        <v>116</v>
      </c>
      <c r="EJ15" s="261">
        <v>108</v>
      </c>
      <c r="EK15" s="261">
        <v>106</v>
      </c>
      <c r="EL15" s="261">
        <v>133</v>
      </c>
      <c r="EM15" s="261">
        <v>73</v>
      </c>
      <c r="EN15" s="258">
        <v>536</v>
      </c>
      <c r="EO15" s="263">
        <v>618</v>
      </c>
      <c r="EP15" s="257">
        <v>670</v>
      </c>
      <c r="EQ15" s="261">
        <v>1087</v>
      </c>
      <c r="ER15" s="258">
        <v>1757</v>
      </c>
      <c r="ES15" s="260">
        <v>0</v>
      </c>
      <c r="ET15" s="261">
        <v>1563</v>
      </c>
      <c r="EU15" s="261">
        <v>1314</v>
      </c>
      <c r="EV15" s="261">
        <v>771</v>
      </c>
      <c r="EW15" s="261">
        <v>639</v>
      </c>
      <c r="EX15" s="261">
        <v>350</v>
      </c>
      <c r="EY15" s="258">
        <v>4637</v>
      </c>
      <c r="EZ15" s="263">
        <v>6394</v>
      </c>
    </row>
    <row r="16" spans="2:156" ht="21" customHeight="1" x14ac:dyDescent="0.2">
      <c r="B16" s="468" t="s">
        <v>13</v>
      </c>
      <c r="C16" s="257">
        <v>0</v>
      </c>
      <c r="D16" s="261">
        <v>0</v>
      </c>
      <c r="E16" s="356">
        <v>0</v>
      </c>
      <c r="F16" s="260">
        <v>0</v>
      </c>
      <c r="G16" s="261">
        <v>223</v>
      </c>
      <c r="H16" s="261">
        <v>225</v>
      </c>
      <c r="I16" s="261">
        <v>127</v>
      </c>
      <c r="J16" s="261">
        <v>109</v>
      </c>
      <c r="K16" s="261">
        <v>102</v>
      </c>
      <c r="L16" s="262">
        <v>786</v>
      </c>
      <c r="M16" s="263">
        <v>786</v>
      </c>
      <c r="N16" s="257">
        <v>0</v>
      </c>
      <c r="O16" s="261">
        <v>0</v>
      </c>
      <c r="P16" s="258">
        <v>0</v>
      </c>
      <c r="Q16" s="260">
        <v>0</v>
      </c>
      <c r="R16" s="261">
        <v>0</v>
      </c>
      <c r="S16" s="261">
        <v>2</v>
      </c>
      <c r="T16" s="261">
        <v>4</v>
      </c>
      <c r="U16" s="261">
        <v>14</v>
      </c>
      <c r="V16" s="261">
        <v>38</v>
      </c>
      <c r="W16" s="258">
        <v>58</v>
      </c>
      <c r="X16" s="263">
        <v>58</v>
      </c>
      <c r="Y16" s="257">
        <v>11</v>
      </c>
      <c r="Z16" s="261">
        <v>27</v>
      </c>
      <c r="AA16" s="258">
        <v>38</v>
      </c>
      <c r="AB16" s="260">
        <v>0</v>
      </c>
      <c r="AC16" s="261">
        <v>110</v>
      </c>
      <c r="AD16" s="261">
        <v>160</v>
      </c>
      <c r="AE16" s="261">
        <v>93</v>
      </c>
      <c r="AF16" s="261">
        <v>88</v>
      </c>
      <c r="AG16" s="261">
        <v>74</v>
      </c>
      <c r="AH16" s="258">
        <v>525</v>
      </c>
      <c r="AI16" s="263">
        <v>563</v>
      </c>
      <c r="AJ16" s="257">
        <v>2</v>
      </c>
      <c r="AK16" s="261">
        <v>4</v>
      </c>
      <c r="AL16" s="258">
        <v>6</v>
      </c>
      <c r="AM16" s="260">
        <v>0</v>
      </c>
      <c r="AN16" s="261">
        <v>22</v>
      </c>
      <c r="AO16" s="261">
        <v>23</v>
      </c>
      <c r="AP16" s="261">
        <v>13</v>
      </c>
      <c r="AQ16" s="261">
        <v>15</v>
      </c>
      <c r="AR16" s="261">
        <v>9</v>
      </c>
      <c r="AS16" s="258">
        <v>82</v>
      </c>
      <c r="AT16" s="263">
        <v>88</v>
      </c>
      <c r="AU16" s="257">
        <v>28</v>
      </c>
      <c r="AV16" s="261">
        <v>23</v>
      </c>
      <c r="AW16" s="258">
        <v>51</v>
      </c>
      <c r="AX16" s="260">
        <v>0</v>
      </c>
      <c r="AY16" s="261">
        <v>188</v>
      </c>
      <c r="AZ16" s="261">
        <v>227</v>
      </c>
      <c r="BA16" s="261">
        <v>187</v>
      </c>
      <c r="BB16" s="261">
        <v>192</v>
      </c>
      <c r="BC16" s="261">
        <v>179</v>
      </c>
      <c r="BD16" s="262">
        <v>973</v>
      </c>
      <c r="BE16" s="263">
        <v>1024</v>
      </c>
      <c r="BF16" s="257">
        <v>0</v>
      </c>
      <c r="BG16" s="261">
        <v>0</v>
      </c>
      <c r="BH16" s="258">
        <v>0</v>
      </c>
      <c r="BI16" s="260">
        <v>0</v>
      </c>
      <c r="BJ16" s="261">
        <v>181</v>
      </c>
      <c r="BK16" s="261">
        <v>188</v>
      </c>
      <c r="BL16" s="261">
        <v>101</v>
      </c>
      <c r="BM16" s="261">
        <v>62</v>
      </c>
      <c r="BN16" s="261">
        <v>32</v>
      </c>
      <c r="BO16" s="258">
        <v>564</v>
      </c>
      <c r="BP16" s="263">
        <v>564</v>
      </c>
      <c r="BQ16" s="257">
        <v>10</v>
      </c>
      <c r="BR16" s="261">
        <v>21</v>
      </c>
      <c r="BS16" s="258">
        <v>31</v>
      </c>
      <c r="BT16" s="260">
        <v>0</v>
      </c>
      <c r="BU16" s="261">
        <v>35</v>
      </c>
      <c r="BV16" s="261">
        <v>33</v>
      </c>
      <c r="BW16" s="261">
        <v>33</v>
      </c>
      <c r="BX16" s="261">
        <v>23</v>
      </c>
      <c r="BY16" s="261">
        <v>15</v>
      </c>
      <c r="BZ16" s="258">
        <v>139</v>
      </c>
      <c r="CA16" s="263">
        <v>170</v>
      </c>
      <c r="CB16" s="257">
        <v>0</v>
      </c>
      <c r="CC16" s="261">
        <v>0</v>
      </c>
      <c r="CD16" s="258">
        <v>0</v>
      </c>
      <c r="CE16" s="260">
        <v>0</v>
      </c>
      <c r="CF16" s="261">
        <v>17</v>
      </c>
      <c r="CG16" s="261">
        <v>31</v>
      </c>
      <c r="CH16" s="261">
        <v>49</v>
      </c>
      <c r="CI16" s="261">
        <v>32</v>
      </c>
      <c r="CJ16" s="261">
        <v>21</v>
      </c>
      <c r="CK16" s="258">
        <v>150</v>
      </c>
      <c r="CL16" s="263">
        <v>150</v>
      </c>
      <c r="CM16" s="257">
        <v>0</v>
      </c>
      <c r="CN16" s="261">
        <v>0</v>
      </c>
      <c r="CO16" s="258">
        <v>0</v>
      </c>
      <c r="CP16" s="260">
        <v>0</v>
      </c>
      <c r="CQ16" s="261">
        <v>2</v>
      </c>
      <c r="CR16" s="261">
        <v>2</v>
      </c>
      <c r="CS16" s="261">
        <v>3</v>
      </c>
      <c r="CT16" s="261">
        <v>5</v>
      </c>
      <c r="CU16" s="261">
        <v>2</v>
      </c>
      <c r="CV16" s="258">
        <v>14</v>
      </c>
      <c r="CW16" s="263">
        <v>14</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79</v>
      </c>
      <c r="DU16" s="261">
        <v>168</v>
      </c>
      <c r="DV16" s="258">
        <v>247</v>
      </c>
      <c r="DW16" s="260">
        <v>0</v>
      </c>
      <c r="DX16" s="261">
        <v>251</v>
      </c>
      <c r="DY16" s="261">
        <v>395</v>
      </c>
      <c r="DZ16" s="261">
        <v>232</v>
      </c>
      <c r="EA16" s="261">
        <v>193</v>
      </c>
      <c r="EB16" s="261">
        <v>139</v>
      </c>
      <c r="EC16" s="258">
        <v>1210</v>
      </c>
      <c r="ED16" s="263">
        <v>1457</v>
      </c>
      <c r="EE16" s="257">
        <v>18</v>
      </c>
      <c r="EF16" s="261">
        <v>12</v>
      </c>
      <c r="EG16" s="258">
        <v>30</v>
      </c>
      <c r="EH16" s="260">
        <v>0</v>
      </c>
      <c r="EI16" s="261">
        <v>75</v>
      </c>
      <c r="EJ16" s="261">
        <v>83</v>
      </c>
      <c r="EK16" s="261">
        <v>62</v>
      </c>
      <c r="EL16" s="261">
        <v>65</v>
      </c>
      <c r="EM16" s="261">
        <v>45</v>
      </c>
      <c r="EN16" s="258">
        <v>330</v>
      </c>
      <c r="EO16" s="263">
        <v>360</v>
      </c>
      <c r="EP16" s="257">
        <v>93</v>
      </c>
      <c r="EQ16" s="261">
        <v>198</v>
      </c>
      <c r="ER16" s="258">
        <v>291</v>
      </c>
      <c r="ES16" s="260">
        <v>0</v>
      </c>
      <c r="ET16" s="261">
        <v>554</v>
      </c>
      <c r="EU16" s="261">
        <v>566</v>
      </c>
      <c r="EV16" s="261">
        <v>288</v>
      </c>
      <c r="EW16" s="261">
        <v>215</v>
      </c>
      <c r="EX16" s="261">
        <v>156</v>
      </c>
      <c r="EY16" s="258">
        <v>1779</v>
      </c>
      <c r="EZ16" s="263">
        <v>2070</v>
      </c>
    </row>
    <row r="17" spans="2:156" ht="21" customHeight="1" x14ac:dyDescent="0.2">
      <c r="B17" s="468" t="s">
        <v>15</v>
      </c>
      <c r="C17" s="257">
        <v>0</v>
      </c>
      <c r="D17" s="261">
        <v>0</v>
      </c>
      <c r="E17" s="356">
        <v>0</v>
      </c>
      <c r="F17" s="260">
        <v>0</v>
      </c>
      <c r="G17" s="261">
        <v>133</v>
      </c>
      <c r="H17" s="261">
        <v>178</v>
      </c>
      <c r="I17" s="261">
        <v>93</v>
      </c>
      <c r="J17" s="261">
        <v>47</v>
      </c>
      <c r="K17" s="261">
        <v>44</v>
      </c>
      <c r="L17" s="262">
        <v>495</v>
      </c>
      <c r="M17" s="263">
        <v>495</v>
      </c>
      <c r="N17" s="257">
        <v>0</v>
      </c>
      <c r="O17" s="261">
        <v>0</v>
      </c>
      <c r="P17" s="258">
        <v>0</v>
      </c>
      <c r="Q17" s="260">
        <v>0</v>
      </c>
      <c r="R17" s="261">
        <v>0</v>
      </c>
      <c r="S17" s="261">
        <v>3</v>
      </c>
      <c r="T17" s="261">
        <v>7</v>
      </c>
      <c r="U17" s="261">
        <v>17</v>
      </c>
      <c r="V17" s="261">
        <v>25</v>
      </c>
      <c r="W17" s="258">
        <v>52</v>
      </c>
      <c r="X17" s="263">
        <v>52</v>
      </c>
      <c r="Y17" s="257">
        <v>5</v>
      </c>
      <c r="Z17" s="261">
        <v>18</v>
      </c>
      <c r="AA17" s="258">
        <v>23</v>
      </c>
      <c r="AB17" s="260">
        <v>0</v>
      </c>
      <c r="AC17" s="261">
        <v>66</v>
      </c>
      <c r="AD17" s="261">
        <v>85</v>
      </c>
      <c r="AE17" s="261">
        <v>51</v>
      </c>
      <c r="AF17" s="261">
        <v>40</v>
      </c>
      <c r="AG17" s="261">
        <v>40</v>
      </c>
      <c r="AH17" s="258">
        <v>282</v>
      </c>
      <c r="AI17" s="263">
        <v>305</v>
      </c>
      <c r="AJ17" s="257">
        <v>0</v>
      </c>
      <c r="AK17" s="261">
        <v>2</v>
      </c>
      <c r="AL17" s="258">
        <v>2</v>
      </c>
      <c r="AM17" s="260">
        <v>0</v>
      </c>
      <c r="AN17" s="261">
        <v>10</v>
      </c>
      <c r="AO17" s="261">
        <v>16</v>
      </c>
      <c r="AP17" s="261">
        <v>3</v>
      </c>
      <c r="AQ17" s="261">
        <v>4</v>
      </c>
      <c r="AR17" s="261">
        <v>6</v>
      </c>
      <c r="AS17" s="258">
        <v>39</v>
      </c>
      <c r="AT17" s="263">
        <v>41</v>
      </c>
      <c r="AU17" s="257">
        <v>11</v>
      </c>
      <c r="AV17" s="261">
        <v>12</v>
      </c>
      <c r="AW17" s="258">
        <v>23</v>
      </c>
      <c r="AX17" s="260">
        <v>0</v>
      </c>
      <c r="AY17" s="261">
        <v>118</v>
      </c>
      <c r="AZ17" s="261">
        <v>126</v>
      </c>
      <c r="BA17" s="261">
        <v>105</v>
      </c>
      <c r="BB17" s="261">
        <v>98</v>
      </c>
      <c r="BC17" s="261">
        <v>79</v>
      </c>
      <c r="BD17" s="262">
        <v>526</v>
      </c>
      <c r="BE17" s="263">
        <v>549</v>
      </c>
      <c r="BF17" s="257">
        <v>0</v>
      </c>
      <c r="BG17" s="261">
        <v>0</v>
      </c>
      <c r="BH17" s="258">
        <v>0</v>
      </c>
      <c r="BI17" s="260">
        <v>0</v>
      </c>
      <c r="BJ17" s="261">
        <v>138</v>
      </c>
      <c r="BK17" s="261">
        <v>136</v>
      </c>
      <c r="BL17" s="261">
        <v>68</v>
      </c>
      <c r="BM17" s="261">
        <v>32</v>
      </c>
      <c r="BN17" s="261">
        <v>15</v>
      </c>
      <c r="BO17" s="258">
        <v>389</v>
      </c>
      <c r="BP17" s="263">
        <v>389</v>
      </c>
      <c r="BQ17" s="257">
        <v>1</v>
      </c>
      <c r="BR17" s="261">
        <v>5</v>
      </c>
      <c r="BS17" s="258">
        <v>6</v>
      </c>
      <c r="BT17" s="260">
        <v>0</v>
      </c>
      <c r="BU17" s="261">
        <v>35</v>
      </c>
      <c r="BV17" s="261">
        <v>38</v>
      </c>
      <c r="BW17" s="261">
        <v>23</v>
      </c>
      <c r="BX17" s="261">
        <v>17</v>
      </c>
      <c r="BY17" s="261">
        <v>8</v>
      </c>
      <c r="BZ17" s="258">
        <v>121</v>
      </c>
      <c r="CA17" s="263">
        <v>127</v>
      </c>
      <c r="CB17" s="257">
        <v>0</v>
      </c>
      <c r="CC17" s="261">
        <v>1</v>
      </c>
      <c r="CD17" s="258">
        <v>1</v>
      </c>
      <c r="CE17" s="260">
        <v>0</v>
      </c>
      <c r="CF17" s="261">
        <v>18</v>
      </c>
      <c r="CG17" s="261">
        <v>32</v>
      </c>
      <c r="CH17" s="261">
        <v>62</v>
      </c>
      <c r="CI17" s="261">
        <v>31</v>
      </c>
      <c r="CJ17" s="261">
        <v>20</v>
      </c>
      <c r="CK17" s="258">
        <v>163</v>
      </c>
      <c r="CL17" s="263">
        <v>164</v>
      </c>
      <c r="CM17" s="257">
        <v>0</v>
      </c>
      <c r="CN17" s="261">
        <v>0</v>
      </c>
      <c r="CO17" s="258">
        <v>0</v>
      </c>
      <c r="CP17" s="260">
        <v>0</v>
      </c>
      <c r="CQ17" s="261">
        <v>2</v>
      </c>
      <c r="CR17" s="261">
        <v>2</v>
      </c>
      <c r="CS17" s="261">
        <v>4</v>
      </c>
      <c r="CT17" s="261">
        <v>4</v>
      </c>
      <c r="CU17" s="261">
        <v>0</v>
      </c>
      <c r="CV17" s="258">
        <v>12</v>
      </c>
      <c r="CW17" s="263">
        <v>12</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77</v>
      </c>
      <c r="DU17" s="261">
        <v>162</v>
      </c>
      <c r="DV17" s="258">
        <v>239</v>
      </c>
      <c r="DW17" s="260">
        <v>0</v>
      </c>
      <c r="DX17" s="261">
        <v>246</v>
      </c>
      <c r="DY17" s="261">
        <v>378</v>
      </c>
      <c r="DZ17" s="261">
        <v>186</v>
      </c>
      <c r="EA17" s="261">
        <v>109</v>
      </c>
      <c r="EB17" s="261">
        <v>82</v>
      </c>
      <c r="EC17" s="258">
        <v>1001</v>
      </c>
      <c r="ED17" s="263">
        <v>1240</v>
      </c>
      <c r="EE17" s="257">
        <v>19</v>
      </c>
      <c r="EF17" s="261">
        <v>10</v>
      </c>
      <c r="EG17" s="258">
        <v>29</v>
      </c>
      <c r="EH17" s="260">
        <v>0</v>
      </c>
      <c r="EI17" s="261">
        <v>56</v>
      </c>
      <c r="EJ17" s="261">
        <v>33</v>
      </c>
      <c r="EK17" s="261">
        <v>32</v>
      </c>
      <c r="EL17" s="261">
        <v>34</v>
      </c>
      <c r="EM17" s="261">
        <v>15</v>
      </c>
      <c r="EN17" s="258">
        <v>170</v>
      </c>
      <c r="EO17" s="263">
        <v>199</v>
      </c>
      <c r="EP17" s="257">
        <v>81</v>
      </c>
      <c r="EQ17" s="261">
        <v>169</v>
      </c>
      <c r="ER17" s="258">
        <v>250</v>
      </c>
      <c r="ES17" s="260">
        <v>0</v>
      </c>
      <c r="ET17" s="261">
        <v>469</v>
      </c>
      <c r="EU17" s="261">
        <v>504</v>
      </c>
      <c r="EV17" s="261">
        <v>244</v>
      </c>
      <c r="EW17" s="261">
        <v>132</v>
      </c>
      <c r="EX17" s="261">
        <v>92</v>
      </c>
      <c r="EY17" s="258">
        <v>1441</v>
      </c>
      <c r="EZ17" s="263">
        <v>1691</v>
      </c>
    </row>
    <row r="18" spans="2:156" ht="21" customHeight="1" x14ac:dyDescent="0.2">
      <c r="B18" s="468" t="s">
        <v>16</v>
      </c>
      <c r="C18" s="257">
        <v>0</v>
      </c>
      <c r="D18" s="261">
        <v>0</v>
      </c>
      <c r="E18" s="356">
        <v>0</v>
      </c>
      <c r="F18" s="260">
        <v>0</v>
      </c>
      <c r="G18" s="261">
        <v>216</v>
      </c>
      <c r="H18" s="261">
        <v>323</v>
      </c>
      <c r="I18" s="261">
        <v>167</v>
      </c>
      <c r="J18" s="261">
        <v>150</v>
      </c>
      <c r="K18" s="261">
        <v>90</v>
      </c>
      <c r="L18" s="262">
        <v>946</v>
      </c>
      <c r="M18" s="263">
        <v>946</v>
      </c>
      <c r="N18" s="257">
        <v>0</v>
      </c>
      <c r="O18" s="261">
        <v>0</v>
      </c>
      <c r="P18" s="258">
        <v>0</v>
      </c>
      <c r="Q18" s="260">
        <v>0</v>
      </c>
      <c r="R18" s="261">
        <v>2</v>
      </c>
      <c r="S18" s="261">
        <v>7</v>
      </c>
      <c r="T18" s="261">
        <v>18</v>
      </c>
      <c r="U18" s="261">
        <v>28</v>
      </c>
      <c r="V18" s="261">
        <v>48</v>
      </c>
      <c r="W18" s="258">
        <v>103</v>
      </c>
      <c r="X18" s="263">
        <v>103</v>
      </c>
      <c r="Y18" s="257">
        <v>26</v>
      </c>
      <c r="Z18" s="261">
        <v>62</v>
      </c>
      <c r="AA18" s="258">
        <v>88</v>
      </c>
      <c r="AB18" s="260">
        <v>0</v>
      </c>
      <c r="AC18" s="261">
        <v>171</v>
      </c>
      <c r="AD18" s="261">
        <v>309</v>
      </c>
      <c r="AE18" s="261">
        <v>172</v>
      </c>
      <c r="AF18" s="261">
        <v>158</v>
      </c>
      <c r="AG18" s="261">
        <v>117</v>
      </c>
      <c r="AH18" s="258">
        <v>927</v>
      </c>
      <c r="AI18" s="263">
        <v>1015</v>
      </c>
      <c r="AJ18" s="257">
        <v>4</v>
      </c>
      <c r="AK18" s="261">
        <v>8</v>
      </c>
      <c r="AL18" s="258">
        <v>12</v>
      </c>
      <c r="AM18" s="260">
        <v>0</v>
      </c>
      <c r="AN18" s="261">
        <v>5</v>
      </c>
      <c r="AO18" s="261">
        <v>33</v>
      </c>
      <c r="AP18" s="261">
        <v>18</v>
      </c>
      <c r="AQ18" s="261">
        <v>7</v>
      </c>
      <c r="AR18" s="261">
        <v>11</v>
      </c>
      <c r="AS18" s="258">
        <v>74</v>
      </c>
      <c r="AT18" s="263">
        <v>86</v>
      </c>
      <c r="AU18" s="257">
        <v>42</v>
      </c>
      <c r="AV18" s="261">
        <v>44</v>
      </c>
      <c r="AW18" s="258">
        <v>86</v>
      </c>
      <c r="AX18" s="260">
        <v>0</v>
      </c>
      <c r="AY18" s="261">
        <v>206</v>
      </c>
      <c r="AZ18" s="261">
        <v>329</v>
      </c>
      <c r="BA18" s="261">
        <v>281</v>
      </c>
      <c r="BB18" s="261">
        <v>298</v>
      </c>
      <c r="BC18" s="261">
        <v>220</v>
      </c>
      <c r="BD18" s="262">
        <v>1334</v>
      </c>
      <c r="BE18" s="263">
        <v>1420</v>
      </c>
      <c r="BF18" s="257">
        <v>0</v>
      </c>
      <c r="BG18" s="261">
        <v>0</v>
      </c>
      <c r="BH18" s="258">
        <v>0</v>
      </c>
      <c r="BI18" s="260">
        <v>0</v>
      </c>
      <c r="BJ18" s="261">
        <v>333</v>
      </c>
      <c r="BK18" s="261">
        <v>447</v>
      </c>
      <c r="BL18" s="261">
        <v>245</v>
      </c>
      <c r="BM18" s="261">
        <v>149</v>
      </c>
      <c r="BN18" s="261">
        <v>89</v>
      </c>
      <c r="BO18" s="258">
        <v>1263</v>
      </c>
      <c r="BP18" s="263">
        <v>1263</v>
      </c>
      <c r="BQ18" s="257">
        <v>42</v>
      </c>
      <c r="BR18" s="261">
        <v>98</v>
      </c>
      <c r="BS18" s="258">
        <v>140</v>
      </c>
      <c r="BT18" s="260">
        <v>0</v>
      </c>
      <c r="BU18" s="261">
        <v>178</v>
      </c>
      <c r="BV18" s="261">
        <v>264</v>
      </c>
      <c r="BW18" s="261">
        <v>101</v>
      </c>
      <c r="BX18" s="261">
        <v>60</v>
      </c>
      <c r="BY18" s="261">
        <v>14</v>
      </c>
      <c r="BZ18" s="258">
        <v>617</v>
      </c>
      <c r="CA18" s="263">
        <v>757</v>
      </c>
      <c r="CB18" s="257">
        <v>2</v>
      </c>
      <c r="CC18" s="261">
        <v>2</v>
      </c>
      <c r="CD18" s="258">
        <v>4</v>
      </c>
      <c r="CE18" s="260">
        <v>0</v>
      </c>
      <c r="CF18" s="261">
        <v>54</v>
      </c>
      <c r="CG18" s="261">
        <v>104</v>
      </c>
      <c r="CH18" s="261">
        <v>99</v>
      </c>
      <c r="CI18" s="261">
        <v>63</v>
      </c>
      <c r="CJ18" s="261">
        <v>22</v>
      </c>
      <c r="CK18" s="258">
        <v>342</v>
      </c>
      <c r="CL18" s="263">
        <v>346</v>
      </c>
      <c r="CM18" s="257">
        <v>0</v>
      </c>
      <c r="CN18" s="261">
        <v>0</v>
      </c>
      <c r="CO18" s="258">
        <v>0</v>
      </c>
      <c r="CP18" s="260">
        <v>0</v>
      </c>
      <c r="CQ18" s="261">
        <v>5</v>
      </c>
      <c r="CR18" s="261">
        <v>12</v>
      </c>
      <c r="CS18" s="261">
        <v>11</v>
      </c>
      <c r="CT18" s="261">
        <v>11</v>
      </c>
      <c r="CU18" s="261">
        <v>4</v>
      </c>
      <c r="CV18" s="258">
        <v>43</v>
      </c>
      <c r="CW18" s="263">
        <v>43</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6</v>
      </c>
      <c r="DU18" s="261">
        <v>389</v>
      </c>
      <c r="DV18" s="258">
        <v>555</v>
      </c>
      <c r="DW18" s="260">
        <v>0</v>
      </c>
      <c r="DX18" s="261">
        <v>412</v>
      </c>
      <c r="DY18" s="261">
        <v>908</v>
      </c>
      <c r="DZ18" s="261">
        <v>482</v>
      </c>
      <c r="EA18" s="261">
        <v>360</v>
      </c>
      <c r="EB18" s="261">
        <v>223</v>
      </c>
      <c r="EC18" s="258">
        <v>2385</v>
      </c>
      <c r="ED18" s="263">
        <v>2940</v>
      </c>
      <c r="EE18" s="257">
        <v>24</v>
      </c>
      <c r="EF18" s="261">
        <v>17</v>
      </c>
      <c r="EG18" s="258">
        <v>41</v>
      </c>
      <c r="EH18" s="260">
        <v>0</v>
      </c>
      <c r="EI18" s="261">
        <v>95</v>
      </c>
      <c r="EJ18" s="261">
        <v>111</v>
      </c>
      <c r="EK18" s="261">
        <v>89</v>
      </c>
      <c r="EL18" s="261">
        <v>117</v>
      </c>
      <c r="EM18" s="261">
        <v>81</v>
      </c>
      <c r="EN18" s="258">
        <v>493</v>
      </c>
      <c r="EO18" s="263">
        <v>534</v>
      </c>
      <c r="EP18" s="257">
        <v>214</v>
      </c>
      <c r="EQ18" s="261">
        <v>468</v>
      </c>
      <c r="ER18" s="258">
        <v>682</v>
      </c>
      <c r="ES18" s="260">
        <v>0</v>
      </c>
      <c r="ET18" s="261">
        <v>865</v>
      </c>
      <c r="EU18" s="261">
        <v>1201</v>
      </c>
      <c r="EV18" s="261">
        <v>578</v>
      </c>
      <c r="EW18" s="261">
        <v>385</v>
      </c>
      <c r="EX18" s="261">
        <v>217</v>
      </c>
      <c r="EY18" s="258">
        <v>3246</v>
      </c>
      <c r="EZ18" s="263">
        <v>3928</v>
      </c>
    </row>
    <row r="19" spans="2:156" ht="21" customHeight="1" x14ac:dyDescent="0.2">
      <c r="B19" s="468" t="s">
        <v>17</v>
      </c>
      <c r="C19" s="257">
        <v>0</v>
      </c>
      <c r="D19" s="261">
        <v>0</v>
      </c>
      <c r="E19" s="356">
        <v>0</v>
      </c>
      <c r="F19" s="260">
        <v>0</v>
      </c>
      <c r="G19" s="261">
        <v>231</v>
      </c>
      <c r="H19" s="261">
        <v>473</v>
      </c>
      <c r="I19" s="261">
        <v>303</v>
      </c>
      <c r="J19" s="261">
        <v>221</v>
      </c>
      <c r="K19" s="261">
        <v>134</v>
      </c>
      <c r="L19" s="262">
        <v>1362</v>
      </c>
      <c r="M19" s="263">
        <v>1362</v>
      </c>
      <c r="N19" s="257">
        <v>0</v>
      </c>
      <c r="O19" s="261">
        <v>0</v>
      </c>
      <c r="P19" s="258">
        <v>0</v>
      </c>
      <c r="Q19" s="260">
        <v>0</v>
      </c>
      <c r="R19" s="261">
        <v>1</v>
      </c>
      <c r="S19" s="261">
        <v>8</v>
      </c>
      <c r="T19" s="261">
        <v>19</v>
      </c>
      <c r="U19" s="261">
        <v>51</v>
      </c>
      <c r="V19" s="261">
        <v>81</v>
      </c>
      <c r="W19" s="258">
        <v>160</v>
      </c>
      <c r="X19" s="263">
        <v>160</v>
      </c>
      <c r="Y19" s="257">
        <v>38</v>
      </c>
      <c r="Z19" s="261">
        <v>94</v>
      </c>
      <c r="AA19" s="258">
        <v>132</v>
      </c>
      <c r="AB19" s="260">
        <v>0</v>
      </c>
      <c r="AC19" s="261">
        <v>211</v>
      </c>
      <c r="AD19" s="261">
        <v>367</v>
      </c>
      <c r="AE19" s="261">
        <v>237</v>
      </c>
      <c r="AF19" s="261">
        <v>200</v>
      </c>
      <c r="AG19" s="261">
        <v>141</v>
      </c>
      <c r="AH19" s="258">
        <v>1156</v>
      </c>
      <c r="AI19" s="263">
        <v>1288</v>
      </c>
      <c r="AJ19" s="257">
        <v>4</v>
      </c>
      <c r="AK19" s="261">
        <v>10</v>
      </c>
      <c r="AL19" s="258">
        <v>14</v>
      </c>
      <c r="AM19" s="260">
        <v>0</v>
      </c>
      <c r="AN19" s="261">
        <v>10</v>
      </c>
      <c r="AO19" s="261">
        <v>36</v>
      </c>
      <c r="AP19" s="261">
        <v>33</v>
      </c>
      <c r="AQ19" s="261">
        <v>20</v>
      </c>
      <c r="AR19" s="261">
        <v>21</v>
      </c>
      <c r="AS19" s="258">
        <v>120</v>
      </c>
      <c r="AT19" s="263">
        <v>134</v>
      </c>
      <c r="AU19" s="257">
        <v>50</v>
      </c>
      <c r="AV19" s="261">
        <v>62</v>
      </c>
      <c r="AW19" s="258">
        <v>112</v>
      </c>
      <c r="AX19" s="260">
        <v>0</v>
      </c>
      <c r="AY19" s="261">
        <v>275</v>
      </c>
      <c r="AZ19" s="261">
        <v>475</v>
      </c>
      <c r="BA19" s="261">
        <v>448</v>
      </c>
      <c r="BB19" s="261">
        <v>423</v>
      </c>
      <c r="BC19" s="261">
        <v>313</v>
      </c>
      <c r="BD19" s="262">
        <v>1934</v>
      </c>
      <c r="BE19" s="263">
        <v>2046</v>
      </c>
      <c r="BF19" s="257">
        <v>0</v>
      </c>
      <c r="BG19" s="261">
        <v>0</v>
      </c>
      <c r="BH19" s="258">
        <v>0</v>
      </c>
      <c r="BI19" s="260">
        <v>0</v>
      </c>
      <c r="BJ19" s="261">
        <v>316</v>
      </c>
      <c r="BK19" s="261">
        <v>536</v>
      </c>
      <c r="BL19" s="261">
        <v>309</v>
      </c>
      <c r="BM19" s="261">
        <v>182</v>
      </c>
      <c r="BN19" s="261">
        <v>94</v>
      </c>
      <c r="BO19" s="258">
        <v>1437</v>
      </c>
      <c r="BP19" s="263">
        <v>1437</v>
      </c>
      <c r="BQ19" s="257">
        <v>36</v>
      </c>
      <c r="BR19" s="261">
        <v>76</v>
      </c>
      <c r="BS19" s="258">
        <v>112</v>
      </c>
      <c r="BT19" s="260">
        <v>0</v>
      </c>
      <c r="BU19" s="261">
        <v>62</v>
      </c>
      <c r="BV19" s="261">
        <v>194</v>
      </c>
      <c r="BW19" s="261">
        <v>107</v>
      </c>
      <c r="BX19" s="261">
        <v>47</v>
      </c>
      <c r="BY19" s="261">
        <v>22</v>
      </c>
      <c r="BZ19" s="258">
        <v>432</v>
      </c>
      <c r="CA19" s="263">
        <v>544</v>
      </c>
      <c r="CB19" s="257">
        <v>1</v>
      </c>
      <c r="CC19" s="261">
        <v>5</v>
      </c>
      <c r="CD19" s="258">
        <v>6</v>
      </c>
      <c r="CE19" s="260">
        <v>0</v>
      </c>
      <c r="CF19" s="261">
        <v>46</v>
      </c>
      <c r="CG19" s="261">
        <v>90</v>
      </c>
      <c r="CH19" s="261">
        <v>93</v>
      </c>
      <c r="CI19" s="261">
        <v>84</v>
      </c>
      <c r="CJ19" s="261">
        <v>38</v>
      </c>
      <c r="CK19" s="258">
        <v>351</v>
      </c>
      <c r="CL19" s="263">
        <v>357</v>
      </c>
      <c r="CM19" s="257">
        <v>0</v>
      </c>
      <c r="CN19" s="261">
        <v>0</v>
      </c>
      <c r="CO19" s="258">
        <v>0</v>
      </c>
      <c r="CP19" s="260">
        <v>0</v>
      </c>
      <c r="CQ19" s="261">
        <v>5</v>
      </c>
      <c r="CR19" s="261">
        <v>15</v>
      </c>
      <c r="CS19" s="261">
        <v>16</v>
      </c>
      <c r="CT19" s="261">
        <v>14</v>
      </c>
      <c r="CU19" s="261">
        <v>7</v>
      </c>
      <c r="CV19" s="258">
        <v>57</v>
      </c>
      <c r="CW19" s="263">
        <v>57</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99</v>
      </c>
      <c r="DU19" s="261">
        <v>532</v>
      </c>
      <c r="DV19" s="258">
        <v>731</v>
      </c>
      <c r="DW19" s="260">
        <v>0</v>
      </c>
      <c r="DX19" s="261">
        <v>422</v>
      </c>
      <c r="DY19" s="261">
        <v>1200</v>
      </c>
      <c r="DZ19" s="261">
        <v>746</v>
      </c>
      <c r="EA19" s="261">
        <v>553</v>
      </c>
      <c r="EB19" s="261">
        <v>317</v>
      </c>
      <c r="EC19" s="258">
        <v>3238</v>
      </c>
      <c r="ED19" s="263">
        <v>3969</v>
      </c>
      <c r="EE19" s="257">
        <v>30</v>
      </c>
      <c r="EF19" s="261">
        <v>32</v>
      </c>
      <c r="EG19" s="258">
        <v>62</v>
      </c>
      <c r="EH19" s="260">
        <v>0</v>
      </c>
      <c r="EI19" s="261">
        <v>103</v>
      </c>
      <c r="EJ19" s="261">
        <v>123</v>
      </c>
      <c r="EK19" s="261">
        <v>100</v>
      </c>
      <c r="EL19" s="261">
        <v>95</v>
      </c>
      <c r="EM19" s="261">
        <v>67</v>
      </c>
      <c r="EN19" s="258">
        <v>488</v>
      </c>
      <c r="EO19" s="263">
        <v>550</v>
      </c>
      <c r="EP19" s="257">
        <v>257</v>
      </c>
      <c r="EQ19" s="261">
        <v>610</v>
      </c>
      <c r="ER19" s="258">
        <v>867</v>
      </c>
      <c r="ES19" s="260">
        <v>0</v>
      </c>
      <c r="ET19" s="261">
        <v>985</v>
      </c>
      <c r="EU19" s="261">
        <v>1575</v>
      </c>
      <c r="EV19" s="261">
        <v>869</v>
      </c>
      <c r="EW19" s="261">
        <v>594</v>
      </c>
      <c r="EX19" s="261">
        <v>329</v>
      </c>
      <c r="EY19" s="258">
        <v>4352</v>
      </c>
      <c r="EZ19" s="263">
        <v>5219</v>
      </c>
    </row>
    <row r="20" spans="2:156" ht="21" customHeight="1" x14ac:dyDescent="0.2">
      <c r="B20" s="468" t="s">
        <v>18</v>
      </c>
      <c r="C20" s="257">
        <v>0</v>
      </c>
      <c r="D20" s="261">
        <v>0</v>
      </c>
      <c r="E20" s="356">
        <v>0</v>
      </c>
      <c r="F20" s="260">
        <v>0</v>
      </c>
      <c r="G20" s="261">
        <v>483</v>
      </c>
      <c r="H20" s="261">
        <v>500</v>
      </c>
      <c r="I20" s="261">
        <v>311</v>
      </c>
      <c r="J20" s="261">
        <v>266</v>
      </c>
      <c r="K20" s="261">
        <v>184</v>
      </c>
      <c r="L20" s="262">
        <v>1744</v>
      </c>
      <c r="M20" s="263">
        <v>1744</v>
      </c>
      <c r="N20" s="257">
        <v>0</v>
      </c>
      <c r="O20" s="261">
        <v>0</v>
      </c>
      <c r="P20" s="258">
        <v>0</v>
      </c>
      <c r="Q20" s="260">
        <v>0</v>
      </c>
      <c r="R20" s="261">
        <v>4</v>
      </c>
      <c r="S20" s="261">
        <v>7</v>
      </c>
      <c r="T20" s="261">
        <v>12</v>
      </c>
      <c r="U20" s="261">
        <v>53</v>
      </c>
      <c r="V20" s="261">
        <v>74</v>
      </c>
      <c r="W20" s="258">
        <v>150</v>
      </c>
      <c r="X20" s="263">
        <v>150</v>
      </c>
      <c r="Y20" s="257">
        <v>57</v>
      </c>
      <c r="Z20" s="261">
        <v>115</v>
      </c>
      <c r="AA20" s="258">
        <v>172</v>
      </c>
      <c r="AB20" s="260">
        <v>0</v>
      </c>
      <c r="AC20" s="261">
        <v>364</v>
      </c>
      <c r="AD20" s="261">
        <v>399</v>
      </c>
      <c r="AE20" s="261">
        <v>259</v>
      </c>
      <c r="AF20" s="261">
        <v>219</v>
      </c>
      <c r="AG20" s="261">
        <v>147</v>
      </c>
      <c r="AH20" s="258">
        <v>1388</v>
      </c>
      <c r="AI20" s="263">
        <v>1560</v>
      </c>
      <c r="AJ20" s="257">
        <v>7</v>
      </c>
      <c r="AK20" s="261">
        <v>11</v>
      </c>
      <c r="AL20" s="258">
        <v>18</v>
      </c>
      <c r="AM20" s="260">
        <v>0</v>
      </c>
      <c r="AN20" s="261">
        <v>34</v>
      </c>
      <c r="AO20" s="261">
        <v>45</v>
      </c>
      <c r="AP20" s="261">
        <v>29</v>
      </c>
      <c r="AQ20" s="261">
        <v>24</v>
      </c>
      <c r="AR20" s="261">
        <v>14</v>
      </c>
      <c r="AS20" s="258">
        <v>146</v>
      </c>
      <c r="AT20" s="263">
        <v>164</v>
      </c>
      <c r="AU20" s="257">
        <v>54</v>
      </c>
      <c r="AV20" s="261">
        <v>70</v>
      </c>
      <c r="AW20" s="258">
        <v>124</v>
      </c>
      <c r="AX20" s="260">
        <v>0</v>
      </c>
      <c r="AY20" s="261">
        <v>493</v>
      </c>
      <c r="AZ20" s="261">
        <v>601</v>
      </c>
      <c r="BA20" s="261">
        <v>547</v>
      </c>
      <c r="BB20" s="261">
        <v>525</v>
      </c>
      <c r="BC20" s="261">
        <v>377</v>
      </c>
      <c r="BD20" s="262">
        <v>2543</v>
      </c>
      <c r="BE20" s="263">
        <v>2667</v>
      </c>
      <c r="BF20" s="257">
        <v>0</v>
      </c>
      <c r="BG20" s="261">
        <v>0</v>
      </c>
      <c r="BH20" s="258">
        <v>0</v>
      </c>
      <c r="BI20" s="260">
        <v>0</v>
      </c>
      <c r="BJ20" s="261">
        <v>718</v>
      </c>
      <c r="BK20" s="261">
        <v>638</v>
      </c>
      <c r="BL20" s="261">
        <v>366</v>
      </c>
      <c r="BM20" s="261">
        <v>202</v>
      </c>
      <c r="BN20" s="261">
        <v>86</v>
      </c>
      <c r="BO20" s="258">
        <v>2010</v>
      </c>
      <c r="BP20" s="263">
        <v>2010</v>
      </c>
      <c r="BQ20" s="257">
        <v>73</v>
      </c>
      <c r="BR20" s="261">
        <v>111</v>
      </c>
      <c r="BS20" s="258">
        <v>184</v>
      </c>
      <c r="BT20" s="260">
        <v>0</v>
      </c>
      <c r="BU20" s="261">
        <v>199</v>
      </c>
      <c r="BV20" s="261">
        <v>216</v>
      </c>
      <c r="BW20" s="261">
        <v>121</v>
      </c>
      <c r="BX20" s="261">
        <v>73</v>
      </c>
      <c r="BY20" s="261">
        <v>21</v>
      </c>
      <c r="BZ20" s="258">
        <v>630</v>
      </c>
      <c r="CA20" s="263">
        <v>814</v>
      </c>
      <c r="CB20" s="257">
        <v>1</v>
      </c>
      <c r="CC20" s="261">
        <v>6</v>
      </c>
      <c r="CD20" s="258">
        <v>7</v>
      </c>
      <c r="CE20" s="260">
        <v>0</v>
      </c>
      <c r="CF20" s="261">
        <v>61</v>
      </c>
      <c r="CG20" s="261">
        <v>107</v>
      </c>
      <c r="CH20" s="261">
        <v>138</v>
      </c>
      <c r="CI20" s="261">
        <v>109</v>
      </c>
      <c r="CJ20" s="261">
        <v>62</v>
      </c>
      <c r="CK20" s="258">
        <v>477</v>
      </c>
      <c r="CL20" s="263">
        <v>484</v>
      </c>
      <c r="CM20" s="257">
        <v>0</v>
      </c>
      <c r="CN20" s="261">
        <v>0</v>
      </c>
      <c r="CO20" s="258">
        <v>0</v>
      </c>
      <c r="CP20" s="260">
        <v>0</v>
      </c>
      <c r="CQ20" s="261">
        <v>2</v>
      </c>
      <c r="CR20" s="261">
        <v>5</v>
      </c>
      <c r="CS20" s="261">
        <v>5</v>
      </c>
      <c r="CT20" s="261">
        <v>3</v>
      </c>
      <c r="CU20" s="261">
        <v>1</v>
      </c>
      <c r="CV20" s="258">
        <v>16</v>
      </c>
      <c r="CW20" s="263">
        <v>16</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40</v>
      </c>
      <c r="DU20" s="261">
        <v>519</v>
      </c>
      <c r="DV20" s="258">
        <v>759</v>
      </c>
      <c r="DW20" s="260">
        <v>0</v>
      </c>
      <c r="DX20" s="261">
        <v>809</v>
      </c>
      <c r="DY20" s="261">
        <v>1131</v>
      </c>
      <c r="DZ20" s="261">
        <v>723</v>
      </c>
      <c r="EA20" s="261">
        <v>558</v>
      </c>
      <c r="EB20" s="261">
        <v>320</v>
      </c>
      <c r="EC20" s="258">
        <v>3541</v>
      </c>
      <c r="ED20" s="263">
        <v>4300</v>
      </c>
      <c r="EE20" s="257">
        <v>31</v>
      </c>
      <c r="EF20" s="261">
        <v>11</v>
      </c>
      <c r="EG20" s="258">
        <v>42</v>
      </c>
      <c r="EH20" s="260">
        <v>0</v>
      </c>
      <c r="EI20" s="261">
        <v>130</v>
      </c>
      <c r="EJ20" s="261">
        <v>125</v>
      </c>
      <c r="EK20" s="261">
        <v>106</v>
      </c>
      <c r="EL20" s="261">
        <v>114</v>
      </c>
      <c r="EM20" s="261">
        <v>66</v>
      </c>
      <c r="EN20" s="258">
        <v>541</v>
      </c>
      <c r="EO20" s="263">
        <v>583</v>
      </c>
      <c r="EP20" s="257">
        <v>341</v>
      </c>
      <c r="EQ20" s="261">
        <v>649</v>
      </c>
      <c r="ER20" s="258">
        <v>990</v>
      </c>
      <c r="ES20" s="260">
        <v>0</v>
      </c>
      <c r="ET20" s="261">
        <v>1683</v>
      </c>
      <c r="EU20" s="261">
        <v>1506</v>
      </c>
      <c r="EV20" s="261">
        <v>841</v>
      </c>
      <c r="EW20" s="261">
        <v>608</v>
      </c>
      <c r="EX20" s="261">
        <v>316</v>
      </c>
      <c r="EY20" s="258">
        <v>4954</v>
      </c>
      <c r="EZ20" s="263">
        <v>5944</v>
      </c>
    </row>
    <row r="21" spans="2:156" ht="21" customHeight="1" x14ac:dyDescent="0.2">
      <c r="B21" s="468" t="s">
        <v>19</v>
      </c>
      <c r="C21" s="257">
        <v>0</v>
      </c>
      <c r="D21" s="261">
        <v>0</v>
      </c>
      <c r="E21" s="356">
        <v>0</v>
      </c>
      <c r="F21" s="260">
        <v>0</v>
      </c>
      <c r="G21" s="261">
        <v>191</v>
      </c>
      <c r="H21" s="261">
        <v>169</v>
      </c>
      <c r="I21" s="261">
        <v>107</v>
      </c>
      <c r="J21" s="261">
        <v>85</v>
      </c>
      <c r="K21" s="261">
        <v>63</v>
      </c>
      <c r="L21" s="262">
        <v>615</v>
      </c>
      <c r="M21" s="263">
        <v>615</v>
      </c>
      <c r="N21" s="257">
        <v>0</v>
      </c>
      <c r="O21" s="261">
        <v>0</v>
      </c>
      <c r="P21" s="258">
        <v>0</v>
      </c>
      <c r="Q21" s="260">
        <v>0</v>
      </c>
      <c r="R21" s="261">
        <v>5</v>
      </c>
      <c r="S21" s="261">
        <v>8</v>
      </c>
      <c r="T21" s="261">
        <v>11</v>
      </c>
      <c r="U21" s="261">
        <v>17</v>
      </c>
      <c r="V21" s="261">
        <v>25</v>
      </c>
      <c r="W21" s="258">
        <v>66</v>
      </c>
      <c r="X21" s="263">
        <v>66</v>
      </c>
      <c r="Y21" s="257">
        <v>44</v>
      </c>
      <c r="Z21" s="261">
        <v>51</v>
      </c>
      <c r="AA21" s="258">
        <v>95</v>
      </c>
      <c r="AB21" s="260">
        <v>0</v>
      </c>
      <c r="AC21" s="261">
        <v>175</v>
      </c>
      <c r="AD21" s="261">
        <v>152</v>
      </c>
      <c r="AE21" s="261">
        <v>111</v>
      </c>
      <c r="AF21" s="261">
        <v>85</v>
      </c>
      <c r="AG21" s="261">
        <v>76</v>
      </c>
      <c r="AH21" s="258">
        <v>599</v>
      </c>
      <c r="AI21" s="263">
        <v>694</v>
      </c>
      <c r="AJ21" s="257">
        <v>2</v>
      </c>
      <c r="AK21" s="261">
        <v>6</v>
      </c>
      <c r="AL21" s="258">
        <v>8</v>
      </c>
      <c r="AM21" s="260">
        <v>0</v>
      </c>
      <c r="AN21" s="261">
        <v>19</v>
      </c>
      <c r="AO21" s="261">
        <v>15</v>
      </c>
      <c r="AP21" s="261">
        <v>6</v>
      </c>
      <c r="AQ21" s="261">
        <v>10</v>
      </c>
      <c r="AR21" s="261">
        <v>3</v>
      </c>
      <c r="AS21" s="258">
        <v>53</v>
      </c>
      <c r="AT21" s="263">
        <v>61</v>
      </c>
      <c r="AU21" s="257">
        <v>41</v>
      </c>
      <c r="AV21" s="261">
        <v>35</v>
      </c>
      <c r="AW21" s="258">
        <v>76</v>
      </c>
      <c r="AX21" s="260">
        <v>0</v>
      </c>
      <c r="AY21" s="261">
        <v>191</v>
      </c>
      <c r="AZ21" s="261">
        <v>231</v>
      </c>
      <c r="BA21" s="261">
        <v>192</v>
      </c>
      <c r="BB21" s="261">
        <v>178</v>
      </c>
      <c r="BC21" s="261">
        <v>161</v>
      </c>
      <c r="BD21" s="262">
        <v>953</v>
      </c>
      <c r="BE21" s="263">
        <v>1029</v>
      </c>
      <c r="BF21" s="257">
        <v>0</v>
      </c>
      <c r="BG21" s="261">
        <v>0</v>
      </c>
      <c r="BH21" s="258">
        <v>0</v>
      </c>
      <c r="BI21" s="260">
        <v>0</v>
      </c>
      <c r="BJ21" s="261">
        <v>274</v>
      </c>
      <c r="BK21" s="261">
        <v>244</v>
      </c>
      <c r="BL21" s="261">
        <v>127</v>
      </c>
      <c r="BM21" s="261">
        <v>61</v>
      </c>
      <c r="BN21" s="261">
        <v>39</v>
      </c>
      <c r="BO21" s="258">
        <v>745</v>
      </c>
      <c r="BP21" s="263">
        <v>745</v>
      </c>
      <c r="BQ21" s="257">
        <v>33</v>
      </c>
      <c r="BR21" s="261">
        <v>66</v>
      </c>
      <c r="BS21" s="258">
        <v>99</v>
      </c>
      <c r="BT21" s="260">
        <v>0</v>
      </c>
      <c r="BU21" s="261">
        <v>128</v>
      </c>
      <c r="BV21" s="261">
        <v>108</v>
      </c>
      <c r="BW21" s="261">
        <v>70</v>
      </c>
      <c r="BX21" s="261">
        <v>26</v>
      </c>
      <c r="BY21" s="261">
        <v>11</v>
      </c>
      <c r="BZ21" s="258">
        <v>343</v>
      </c>
      <c r="CA21" s="263">
        <v>442</v>
      </c>
      <c r="CB21" s="257">
        <v>0</v>
      </c>
      <c r="CC21" s="261">
        <v>3</v>
      </c>
      <c r="CD21" s="258">
        <v>3</v>
      </c>
      <c r="CE21" s="260">
        <v>0</v>
      </c>
      <c r="CF21" s="261">
        <v>23</v>
      </c>
      <c r="CG21" s="261">
        <v>53</v>
      </c>
      <c r="CH21" s="261">
        <v>50</v>
      </c>
      <c r="CI21" s="261">
        <v>19</v>
      </c>
      <c r="CJ21" s="261">
        <v>10</v>
      </c>
      <c r="CK21" s="258">
        <v>155</v>
      </c>
      <c r="CL21" s="263">
        <v>158</v>
      </c>
      <c r="CM21" s="257">
        <v>0</v>
      </c>
      <c r="CN21" s="261">
        <v>0</v>
      </c>
      <c r="CO21" s="258">
        <v>0</v>
      </c>
      <c r="CP21" s="260">
        <v>0</v>
      </c>
      <c r="CQ21" s="261">
        <v>5</v>
      </c>
      <c r="CR21" s="261">
        <v>12</v>
      </c>
      <c r="CS21" s="261">
        <v>12</v>
      </c>
      <c r="CT21" s="261">
        <v>14</v>
      </c>
      <c r="CU21" s="261">
        <v>7</v>
      </c>
      <c r="CV21" s="258">
        <v>50</v>
      </c>
      <c r="CW21" s="263">
        <v>50</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51</v>
      </c>
      <c r="DU21" s="261">
        <v>238</v>
      </c>
      <c r="DV21" s="258">
        <v>389</v>
      </c>
      <c r="DW21" s="260">
        <v>0</v>
      </c>
      <c r="DX21" s="261">
        <v>424</v>
      </c>
      <c r="DY21" s="261">
        <v>446</v>
      </c>
      <c r="DZ21" s="261">
        <v>274</v>
      </c>
      <c r="EA21" s="261">
        <v>188</v>
      </c>
      <c r="EB21" s="261">
        <v>135</v>
      </c>
      <c r="EC21" s="258">
        <v>1467</v>
      </c>
      <c r="ED21" s="263">
        <v>1856</v>
      </c>
      <c r="EE21" s="257">
        <v>16</v>
      </c>
      <c r="EF21" s="261">
        <v>16</v>
      </c>
      <c r="EG21" s="258">
        <v>32</v>
      </c>
      <c r="EH21" s="260">
        <v>0</v>
      </c>
      <c r="EI21" s="261">
        <v>61</v>
      </c>
      <c r="EJ21" s="261">
        <v>56</v>
      </c>
      <c r="EK21" s="261">
        <v>60</v>
      </c>
      <c r="EL21" s="261">
        <v>48</v>
      </c>
      <c r="EM21" s="261">
        <v>36</v>
      </c>
      <c r="EN21" s="258">
        <v>261</v>
      </c>
      <c r="EO21" s="263">
        <v>293</v>
      </c>
      <c r="EP21" s="257">
        <v>206</v>
      </c>
      <c r="EQ21" s="261">
        <v>299</v>
      </c>
      <c r="ER21" s="258">
        <v>505</v>
      </c>
      <c r="ES21" s="260">
        <v>0</v>
      </c>
      <c r="ET21" s="261">
        <v>753</v>
      </c>
      <c r="EU21" s="261">
        <v>609</v>
      </c>
      <c r="EV21" s="261">
        <v>321</v>
      </c>
      <c r="EW21" s="261">
        <v>183</v>
      </c>
      <c r="EX21" s="261">
        <v>126</v>
      </c>
      <c r="EY21" s="258">
        <v>1992</v>
      </c>
      <c r="EZ21" s="263">
        <v>2497</v>
      </c>
    </row>
    <row r="22" spans="2:156" ht="21" customHeight="1" x14ac:dyDescent="0.2">
      <c r="B22" s="468" t="s">
        <v>20</v>
      </c>
      <c r="C22" s="257">
        <v>0</v>
      </c>
      <c r="D22" s="261">
        <v>0</v>
      </c>
      <c r="E22" s="356">
        <v>0</v>
      </c>
      <c r="F22" s="260">
        <v>0</v>
      </c>
      <c r="G22" s="261">
        <v>279</v>
      </c>
      <c r="H22" s="261">
        <v>188</v>
      </c>
      <c r="I22" s="261">
        <v>140</v>
      </c>
      <c r="J22" s="261">
        <v>98</v>
      </c>
      <c r="K22" s="261">
        <v>70</v>
      </c>
      <c r="L22" s="262">
        <v>775</v>
      </c>
      <c r="M22" s="263">
        <v>775</v>
      </c>
      <c r="N22" s="257">
        <v>0</v>
      </c>
      <c r="O22" s="261">
        <v>0</v>
      </c>
      <c r="P22" s="258">
        <v>0</v>
      </c>
      <c r="Q22" s="260">
        <v>0</v>
      </c>
      <c r="R22" s="261">
        <v>3</v>
      </c>
      <c r="S22" s="261">
        <v>6</v>
      </c>
      <c r="T22" s="261">
        <v>12</v>
      </c>
      <c r="U22" s="261">
        <v>24</v>
      </c>
      <c r="V22" s="261">
        <v>37</v>
      </c>
      <c r="W22" s="258">
        <v>82</v>
      </c>
      <c r="X22" s="263">
        <v>82</v>
      </c>
      <c r="Y22" s="257">
        <v>45</v>
      </c>
      <c r="Z22" s="261">
        <v>96</v>
      </c>
      <c r="AA22" s="258">
        <v>141</v>
      </c>
      <c r="AB22" s="260">
        <v>0</v>
      </c>
      <c r="AC22" s="261">
        <v>259</v>
      </c>
      <c r="AD22" s="261">
        <v>197</v>
      </c>
      <c r="AE22" s="261">
        <v>119</v>
      </c>
      <c r="AF22" s="261">
        <v>97</v>
      </c>
      <c r="AG22" s="261">
        <v>53</v>
      </c>
      <c r="AH22" s="258">
        <v>725</v>
      </c>
      <c r="AI22" s="263">
        <v>866</v>
      </c>
      <c r="AJ22" s="257">
        <v>16</v>
      </c>
      <c r="AK22" s="261">
        <v>41</v>
      </c>
      <c r="AL22" s="258">
        <v>57</v>
      </c>
      <c r="AM22" s="260">
        <v>0</v>
      </c>
      <c r="AN22" s="261">
        <v>54</v>
      </c>
      <c r="AO22" s="261">
        <v>53</v>
      </c>
      <c r="AP22" s="261">
        <v>41</v>
      </c>
      <c r="AQ22" s="261">
        <v>27</v>
      </c>
      <c r="AR22" s="261">
        <v>15</v>
      </c>
      <c r="AS22" s="258">
        <v>190</v>
      </c>
      <c r="AT22" s="263">
        <v>247</v>
      </c>
      <c r="AU22" s="257">
        <v>25</v>
      </c>
      <c r="AV22" s="261">
        <v>38</v>
      </c>
      <c r="AW22" s="258">
        <v>63</v>
      </c>
      <c r="AX22" s="260">
        <v>0</v>
      </c>
      <c r="AY22" s="261">
        <v>234</v>
      </c>
      <c r="AZ22" s="261">
        <v>224</v>
      </c>
      <c r="BA22" s="261">
        <v>269</v>
      </c>
      <c r="BB22" s="261">
        <v>210</v>
      </c>
      <c r="BC22" s="261">
        <v>156</v>
      </c>
      <c r="BD22" s="262">
        <v>1093</v>
      </c>
      <c r="BE22" s="263">
        <v>1156</v>
      </c>
      <c r="BF22" s="257">
        <v>0</v>
      </c>
      <c r="BG22" s="261">
        <v>0</v>
      </c>
      <c r="BH22" s="258">
        <v>0</v>
      </c>
      <c r="BI22" s="260">
        <v>0</v>
      </c>
      <c r="BJ22" s="261">
        <v>361</v>
      </c>
      <c r="BK22" s="261">
        <v>275</v>
      </c>
      <c r="BL22" s="261">
        <v>156</v>
      </c>
      <c r="BM22" s="261">
        <v>72</v>
      </c>
      <c r="BN22" s="261">
        <v>33</v>
      </c>
      <c r="BO22" s="258">
        <v>897</v>
      </c>
      <c r="BP22" s="263">
        <v>897</v>
      </c>
      <c r="BQ22" s="257">
        <v>16</v>
      </c>
      <c r="BR22" s="261">
        <v>35</v>
      </c>
      <c r="BS22" s="258">
        <v>51</v>
      </c>
      <c r="BT22" s="260">
        <v>0</v>
      </c>
      <c r="BU22" s="261">
        <v>127</v>
      </c>
      <c r="BV22" s="261">
        <v>96</v>
      </c>
      <c r="BW22" s="261">
        <v>46</v>
      </c>
      <c r="BX22" s="261">
        <v>40</v>
      </c>
      <c r="BY22" s="261">
        <v>13</v>
      </c>
      <c r="BZ22" s="258">
        <v>322</v>
      </c>
      <c r="CA22" s="263">
        <v>373</v>
      </c>
      <c r="CB22" s="257">
        <v>0</v>
      </c>
      <c r="CC22" s="261">
        <v>3</v>
      </c>
      <c r="CD22" s="258">
        <v>3</v>
      </c>
      <c r="CE22" s="260">
        <v>0</v>
      </c>
      <c r="CF22" s="261">
        <v>47</v>
      </c>
      <c r="CG22" s="261">
        <v>55</v>
      </c>
      <c r="CH22" s="261">
        <v>72</v>
      </c>
      <c r="CI22" s="261">
        <v>50</v>
      </c>
      <c r="CJ22" s="261">
        <v>24</v>
      </c>
      <c r="CK22" s="258">
        <v>248</v>
      </c>
      <c r="CL22" s="263">
        <v>251</v>
      </c>
      <c r="CM22" s="257">
        <v>0</v>
      </c>
      <c r="CN22" s="261">
        <v>0</v>
      </c>
      <c r="CO22" s="258">
        <v>0</v>
      </c>
      <c r="CP22" s="260">
        <v>0</v>
      </c>
      <c r="CQ22" s="261">
        <v>5</v>
      </c>
      <c r="CR22" s="261">
        <v>3</v>
      </c>
      <c r="CS22" s="261">
        <v>5</v>
      </c>
      <c r="CT22" s="261">
        <v>11</v>
      </c>
      <c r="CU22" s="261">
        <v>3</v>
      </c>
      <c r="CV22" s="258">
        <v>27</v>
      </c>
      <c r="CW22" s="263">
        <v>27</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56</v>
      </c>
      <c r="DU22" s="261">
        <v>343</v>
      </c>
      <c r="DV22" s="258">
        <v>499</v>
      </c>
      <c r="DW22" s="260">
        <v>0</v>
      </c>
      <c r="DX22" s="261">
        <v>543</v>
      </c>
      <c r="DY22" s="261">
        <v>483</v>
      </c>
      <c r="DZ22" s="261">
        <v>322</v>
      </c>
      <c r="EA22" s="261">
        <v>251</v>
      </c>
      <c r="EB22" s="261">
        <v>132</v>
      </c>
      <c r="EC22" s="258">
        <v>1731</v>
      </c>
      <c r="ED22" s="263">
        <v>2230</v>
      </c>
      <c r="EE22" s="257">
        <v>14</v>
      </c>
      <c r="EF22" s="261">
        <v>14</v>
      </c>
      <c r="EG22" s="258">
        <v>28</v>
      </c>
      <c r="EH22" s="260">
        <v>0</v>
      </c>
      <c r="EI22" s="261">
        <v>72</v>
      </c>
      <c r="EJ22" s="261">
        <v>55</v>
      </c>
      <c r="EK22" s="261">
        <v>64</v>
      </c>
      <c r="EL22" s="261">
        <v>56</v>
      </c>
      <c r="EM22" s="261">
        <v>34</v>
      </c>
      <c r="EN22" s="258">
        <v>281</v>
      </c>
      <c r="EO22" s="263">
        <v>309</v>
      </c>
      <c r="EP22" s="257">
        <v>212</v>
      </c>
      <c r="EQ22" s="261">
        <v>433</v>
      </c>
      <c r="ER22" s="258">
        <v>645</v>
      </c>
      <c r="ES22" s="260">
        <v>0</v>
      </c>
      <c r="ET22" s="261">
        <v>1034</v>
      </c>
      <c r="EU22" s="261">
        <v>676</v>
      </c>
      <c r="EV22" s="261">
        <v>391</v>
      </c>
      <c r="EW22" s="261">
        <v>273</v>
      </c>
      <c r="EX22" s="261">
        <v>140</v>
      </c>
      <c r="EY22" s="258">
        <v>2514</v>
      </c>
      <c r="EZ22" s="263">
        <v>3159</v>
      </c>
    </row>
    <row r="23" spans="2:156" ht="21" customHeight="1" x14ac:dyDescent="0.2">
      <c r="B23" s="468" t="s">
        <v>21</v>
      </c>
      <c r="C23" s="257">
        <v>0</v>
      </c>
      <c r="D23" s="261">
        <v>0</v>
      </c>
      <c r="E23" s="356">
        <v>0</v>
      </c>
      <c r="F23" s="260">
        <v>0</v>
      </c>
      <c r="G23" s="261">
        <v>256</v>
      </c>
      <c r="H23" s="261">
        <v>360</v>
      </c>
      <c r="I23" s="261">
        <v>201</v>
      </c>
      <c r="J23" s="261">
        <v>137</v>
      </c>
      <c r="K23" s="261">
        <v>101</v>
      </c>
      <c r="L23" s="262">
        <v>1055</v>
      </c>
      <c r="M23" s="263">
        <v>1055</v>
      </c>
      <c r="N23" s="257">
        <v>0</v>
      </c>
      <c r="O23" s="261">
        <v>0</v>
      </c>
      <c r="P23" s="258">
        <v>0</v>
      </c>
      <c r="Q23" s="260">
        <v>0</v>
      </c>
      <c r="R23" s="261">
        <v>0</v>
      </c>
      <c r="S23" s="261">
        <v>3</v>
      </c>
      <c r="T23" s="261">
        <v>11</v>
      </c>
      <c r="U23" s="261">
        <v>23</v>
      </c>
      <c r="V23" s="261">
        <v>38</v>
      </c>
      <c r="W23" s="258">
        <v>75</v>
      </c>
      <c r="X23" s="263">
        <v>75</v>
      </c>
      <c r="Y23" s="257">
        <v>54</v>
      </c>
      <c r="Z23" s="261">
        <v>113</v>
      </c>
      <c r="AA23" s="258">
        <v>167</v>
      </c>
      <c r="AB23" s="260">
        <v>0</v>
      </c>
      <c r="AC23" s="261">
        <v>218</v>
      </c>
      <c r="AD23" s="261">
        <v>287</v>
      </c>
      <c r="AE23" s="261">
        <v>164</v>
      </c>
      <c r="AF23" s="261">
        <v>141</v>
      </c>
      <c r="AG23" s="261">
        <v>83</v>
      </c>
      <c r="AH23" s="258">
        <v>893</v>
      </c>
      <c r="AI23" s="263">
        <v>1060</v>
      </c>
      <c r="AJ23" s="257">
        <v>19</v>
      </c>
      <c r="AK23" s="261">
        <v>26</v>
      </c>
      <c r="AL23" s="258">
        <v>45</v>
      </c>
      <c r="AM23" s="260">
        <v>0</v>
      </c>
      <c r="AN23" s="261">
        <v>25</v>
      </c>
      <c r="AO23" s="261">
        <v>38</v>
      </c>
      <c r="AP23" s="261">
        <v>23</v>
      </c>
      <c r="AQ23" s="261">
        <v>13</v>
      </c>
      <c r="AR23" s="261">
        <v>6</v>
      </c>
      <c r="AS23" s="258">
        <v>105</v>
      </c>
      <c r="AT23" s="263">
        <v>150</v>
      </c>
      <c r="AU23" s="257">
        <v>44</v>
      </c>
      <c r="AV23" s="261">
        <v>42</v>
      </c>
      <c r="AW23" s="258">
        <v>86</v>
      </c>
      <c r="AX23" s="260">
        <v>0</v>
      </c>
      <c r="AY23" s="261">
        <v>245</v>
      </c>
      <c r="AZ23" s="261">
        <v>345</v>
      </c>
      <c r="BA23" s="261">
        <v>310</v>
      </c>
      <c r="BB23" s="261">
        <v>241</v>
      </c>
      <c r="BC23" s="261">
        <v>202</v>
      </c>
      <c r="BD23" s="262">
        <v>1343</v>
      </c>
      <c r="BE23" s="263">
        <v>1429</v>
      </c>
      <c r="BF23" s="257">
        <v>0</v>
      </c>
      <c r="BG23" s="261">
        <v>0</v>
      </c>
      <c r="BH23" s="258">
        <v>0</v>
      </c>
      <c r="BI23" s="260">
        <v>0</v>
      </c>
      <c r="BJ23" s="261">
        <v>342</v>
      </c>
      <c r="BK23" s="261">
        <v>369</v>
      </c>
      <c r="BL23" s="261">
        <v>215</v>
      </c>
      <c r="BM23" s="261">
        <v>108</v>
      </c>
      <c r="BN23" s="261">
        <v>41</v>
      </c>
      <c r="BO23" s="258">
        <v>1075</v>
      </c>
      <c r="BP23" s="263">
        <v>1075</v>
      </c>
      <c r="BQ23" s="257">
        <v>23</v>
      </c>
      <c r="BR23" s="261">
        <v>35</v>
      </c>
      <c r="BS23" s="258">
        <v>58</v>
      </c>
      <c r="BT23" s="260">
        <v>0</v>
      </c>
      <c r="BU23" s="261">
        <v>62</v>
      </c>
      <c r="BV23" s="261">
        <v>73</v>
      </c>
      <c r="BW23" s="261">
        <v>42</v>
      </c>
      <c r="BX23" s="261">
        <v>21</v>
      </c>
      <c r="BY23" s="261">
        <v>8</v>
      </c>
      <c r="BZ23" s="258">
        <v>206</v>
      </c>
      <c r="CA23" s="263">
        <v>264</v>
      </c>
      <c r="CB23" s="257">
        <v>3</v>
      </c>
      <c r="CC23" s="261">
        <v>2</v>
      </c>
      <c r="CD23" s="258">
        <v>5</v>
      </c>
      <c r="CE23" s="260">
        <v>0</v>
      </c>
      <c r="CF23" s="261">
        <v>34</v>
      </c>
      <c r="CG23" s="261">
        <v>59</v>
      </c>
      <c r="CH23" s="261">
        <v>62</v>
      </c>
      <c r="CI23" s="261">
        <v>59</v>
      </c>
      <c r="CJ23" s="261">
        <v>30</v>
      </c>
      <c r="CK23" s="258">
        <v>244</v>
      </c>
      <c r="CL23" s="263">
        <v>249</v>
      </c>
      <c r="CM23" s="257">
        <v>0</v>
      </c>
      <c r="CN23" s="261">
        <v>0</v>
      </c>
      <c r="CO23" s="258">
        <v>0</v>
      </c>
      <c r="CP23" s="260">
        <v>0</v>
      </c>
      <c r="CQ23" s="261">
        <v>4</v>
      </c>
      <c r="CR23" s="261">
        <v>2</v>
      </c>
      <c r="CS23" s="261">
        <v>6</v>
      </c>
      <c r="CT23" s="261">
        <v>4</v>
      </c>
      <c r="CU23" s="261">
        <v>2</v>
      </c>
      <c r="CV23" s="258">
        <v>18</v>
      </c>
      <c r="CW23" s="263">
        <v>18</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200</v>
      </c>
      <c r="DU23" s="261">
        <v>324</v>
      </c>
      <c r="DV23" s="258">
        <v>524</v>
      </c>
      <c r="DW23" s="260">
        <v>0</v>
      </c>
      <c r="DX23" s="261">
        <v>376</v>
      </c>
      <c r="DY23" s="261">
        <v>672</v>
      </c>
      <c r="DZ23" s="261">
        <v>403</v>
      </c>
      <c r="EA23" s="261">
        <v>285</v>
      </c>
      <c r="EB23" s="261">
        <v>160</v>
      </c>
      <c r="EC23" s="258">
        <v>1896</v>
      </c>
      <c r="ED23" s="263">
        <v>2420</v>
      </c>
      <c r="EE23" s="257">
        <v>16</v>
      </c>
      <c r="EF23" s="261">
        <v>17</v>
      </c>
      <c r="EG23" s="258">
        <v>33</v>
      </c>
      <c r="EH23" s="260">
        <v>0</v>
      </c>
      <c r="EI23" s="261">
        <v>58</v>
      </c>
      <c r="EJ23" s="261">
        <v>67</v>
      </c>
      <c r="EK23" s="261">
        <v>58</v>
      </c>
      <c r="EL23" s="261">
        <v>54</v>
      </c>
      <c r="EM23" s="261">
        <v>44</v>
      </c>
      <c r="EN23" s="258">
        <v>281</v>
      </c>
      <c r="EO23" s="263">
        <v>314</v>
      </c>
      <c r="EP23" s="257">
        <v>268</v>
      </c>
      <c r="EQ23" s="261">
        <v>413</v>
      </c>
      <c r="ER23" s="258">
        <v>681</v>
      </c>
      <c r="ES23" s="260">
        <v>0</v>
      </c>
      <c r="ET23" s="261">
        <v>849</v>
      </c>
      <c r="EU23" s="261">
        <v>935</v>
      </c>
      <c r="EV23" s="261">
        <v>486</v>
      </c>
      <c r="EW23" s="261">
        <v>318</v>
      </c>
      <c r="EX23" s="261">
        <v>173</v>
      </c>
      <c r="EY23" s="258">
        <v>2761</v>
      </c>
      <c r="EZ23" s="263">
        <v>3442</v>
      </c>
    </row>
    <row r="24" spans="2:156" ht="21" customHeight="1" x14ac:dyDescent="0.2">
      <c r="B24" s="468" t="s">
        <v>22</v>
      </c>
      <c r="C24" s="257">
        <v>0</v>
      </c>
      <c r="D24" s="261">
        <v>0</v>
      </c>
      <c r="E24" s="356">
        <v>0</v>
      </c>
      <c r="F24" s="260">
        <v>0</v>
      </c>
      <c r="G24" s="261">
        <v>57</v>
      </c>
      <c r="H24" s="261">
        <v>50</v>
      </c>
      <c r="I24" s="261">
        <v>27</v>
      </c>
      <c r="J24" s="261">
        <v>23</v>
      </c>
      <c r="K24" s="261">
        <v>22</v>
      </c>
      <c r="L24" s="262">
        <v>179</v>
      </c>
      <c r="M24" s="263">
        <v>179</v>
      </c>
      <c r="N24" s="257">
        <v>0</v>
      </c>
      <c r="O24" s="261">
        <v>0</v>
      </c>
      <c r="P24" s="258">
        <v>0</v>
      </c>
      <c r="Q24" s="260">
        <v>0</v>
      </c>
      <c r="R24" s="261">
        <v>2</v>
      </c>
      <c r="S24" s="261">
        <v>0</v>
      </c>
      <c r="T24" s="261">
        <v>2</v>
      </c>
      <c r="U24" s="261">
        <v>6</v>
      </c>
      <c r="V24" s="261">
        <v>9</v>
      </c>
      <c r="W24" s="258">
        <v>19</v>
      </c>
      <c r="X24" s="263">
        <v>19</v>
      </c>
      <c r="Y24" s="257">
        <v>6</v>
      </c>
      <c r="Z24" s="261">
        <v>12</v>
      </c>
      <c r="AA24" s="258">
        <v>18</v>
      </c>
      <c r="AB24" s="260">
        <v>0</v>
      </c>
      <c r="AC24" s="261">
        <v>42</v>
      </c>
      <c r="AD24" s="261">
        <v>49</v>
      </c>
      <c r="AE24" s="261">
        <v>33</v>
      </c>
      <c r="AF24" s="261">
        <v>26</v>
      </c>
      <c r="AG24" s="261">
        <v>29</v>
      </c>
      <c r="AH24" s="258">
        <v>179</v>
      </c>
      <c r="AI24" s="263">
        <v>197</v>
      </c>
      <c r="AJ24" s="257">
        <v>0</v>
      </c>
      <c r="AK24" s="261">
        <v>1</v>
      </c>
      <c r="AL24" s="258">
        <v>1</v>
      </c>
      <c r="AM24" s="260">
        <v>0</v>
      </c>
      <c r="AN24" s="261">
        <v>7</v>
      </c>
      <c r="AO24" s="261">
        <v>8</v>
      </c>
      <c r="AP24" s="261">
        <v>5</v>
      </c>
      <c r="AQ24" s="261">
        <v>4</v>
      </c>
      <c r="AR24" s="261">
        <v>3</v>
      </c>
      <c r="AS24" s="258">
        <v>27</v>
      </c>
      <c r="AT24" s="263">
        <v>28</v>
      </c>
      <c r="AU24" s="257">
        <v>9</v>
      </c>
      <c r="AV24" s="261">
        <v>8</v>
      </c>
      <c r="AW24" s="258">
        <v>17</v>
      </c>
      <c r="AX24" s="260">
        <v>0</v>
      </c>
      <c r="AY24" s="261">
        <v>53</v>
      </c>
      <c r="AZ24" s="261">
        <v>80</v>
      </c>
      <c r="BA24" s="261">
        <v>62</v>
      </c>
      <c r="BB24" s="261">
        <v>68</v>
      </c>
      <c r="BC24" s="261">
        <v>43</v>
      </c>
      <c r="BD24" s="262">
        <v>306</v>
      </c>
      <c r="BE24" s="263">
        <v>323</v>
      </c>
      <c r="BF24" s="257">
        <v>0</v>
      </c>
      <c r="BG24" s="261">
        <v>0</v>
      </c>
      <c r="BH24" s="258">
        <v>0</v>
      </c>
      <c r="BI24" s="260">
        <v>0</v>
      </c>
      <c r="BJ24" s="261">
        <v>75</v>
      </c>
      <c r="BK24" s="261">
        <v>88</v>
      </c>
      <c r="BL24" s="261">
        <v>40</v>
      </c>
      <c r="BM24" s="261">
        <v>18</v>
      </c>
      <c r="BN24" s="261">
        <v>13</v>
      </c>
      <c r="BO24" s="258">
        <v>234</v>
      </c>
      <c r="BP24" s="263">
        <v>234</v>
      </c>
      <c r="BQ24" s="257">
        <v>7</v>
      </c>
      <c r="BR24" s="261">
        <v>10</v>
      </c>
      <c r="BS24" s="258">
        <v>17</v>
      </c>
      <c r="BT24" s="260">
        <v>0</v>
      </c>
      <c r="BU24" s="261">
        <v>25</v>
      </c>
      <c r="BV24" s="261">
        <v>25</v>
      </c>
      <c r="BW24" s="261">
        <v>8</v>
      </c>
      <c r="BX24" s="261">
        <v>11</v>
      </c>
      <c r="BY24" s="261">
        <v>4</v>
      </c>
      <c r="BZ24" s="258">
        <v>73</v>
      </c>
      <c r="CA24" s="263">
        <v>90</v>
      </c>
      <c r="CB24" s="257">
        <v>0</v>
      </c>
      <c r="CC24" s="261">
        <v>2</v>
      </c>
      <c r="CD24" s="258">
        <v>2</v>
      </c>
      <c r="CE24" s="260">
        <v>0</v>
      </c>
      <c r="CF24" s="261">
        <v>8</v>
      </c>
      <c r="CG24" s="261">
        <v>14</v>
      </c>
      <c r="CH24" s="261">
        <v>10</v>
      </c>
      <c r="CI24" s="261">
        <v>10</v>
      </c>
      <c r="CJ24" s="261">
        <v>7</v>
      </c>
      <c r="CK24" s="258">
        <v>49</v>
      </c>
      <c r="CL24" s="263">
        <v>51</v>
      </c>
      <c r="CM24" s="257">
        <v>0</v>
      </c>
      <c r="CN24" s="261">
        <v>0</v>
      </c>
      <c r="CO24" s="258">
        <v>0</v>
      </c>
      <c r="CP24" s="260">
        <v>0</v>
      </c>
      <c r="CQ24" s="261">
        <v>3</v>
      </c>
      <c r="CR24" s="261">
        <v>1</v>
      </c>
      <c r="CS24" s="261">
        <v>4</v>
      </c>
      <c r="CT24" s="261">
        <v>9</v>
      </c>
      <c r="CU24" s="261">
        <v>2</v>
      </c>
      <c r="CV24" s="258">
        <v>19</v>
      </c>
      <c r="CW24" s="263">
        <v>19</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50</v>
      </c>
      <c r="DU24" s="261">
        <v>149</v>
      </c>
      <c r="DV24" s="258">
        <v>199</v>
      </c>
      <c r="DW24" s="260">
        <v>0</v>
      </c>
      <c r="DX24" s="261">
        <v>156</v>
      </c>
      <c r="DY24" s="261">
        <v>200</v>
      </c>
      <c r="DZ24" s="261">
        <v>98</v>
      </c>
      <c r="EA24" s="261">
        <v>71</v>
      </c>
      <c r="EB24" s="261">
        <v>52</v>
      </c>
      <c r="EC24" s="258">
        <v>577</v>
      </c>
      <c r="ED24" s="263">
        <v>776</v>
      </c>
      <c r="EE24" s="257">
        <v>8</v>
      </c>
      <c r="EF24" s="261">
        <v>5</v>
      </c>
      <c r="EG24" s="258">
        <v>13</v>
      </c>
      <c r="EH24" s="260">
        <v>0</v>
      </c>
      <c r="EI24" s="261">
        <v>28</v>
      </c>
      <c r="EJ24" s="261">
        <v>25</v>
      </c>
      <c r="EK24" s="261">
        <v>24</v>
      </c>
      <c r="EL24" s="261">
        <v>22</v>
      </c>
      <c r="EM24" s="261">
        <v>12</v>
      </c>
      <c r="EN24" s="258">
        <v>111</v>
      </c>
      <c r="EO24" s="263">
        <v>124</v>
      </c>
      <c r="EP24" s="257">
        <v>59</v>
      </c>
      <c r="EQ24" s="261">
        <v>159</v>
      </c>
      <c r="ER24" s="258">
        <v>218</v>
      </c>
      <c r="ES24" s="260">
        <v>0</v>
      </c>
      <c r="ET24" s="261">
        <v>249</v>
      </c>
      <c r="EU24" s="261">
        <v>243</v>
      </c>
      <c r="EV24" s="261">
        <v>109</v>
      </c>
      <c r="EW24" s="261">
        <v>69</v>
      </c>
      <c r="EX24" s="261">
        <v>51</v>
      </c>
      <c r="EY24" s="258">
        <v>721</v>
      </c>
      <c r="EZ24" s="263">
        <v>939</v>
      </c>
    </row>
    <row r="25" spans="2:156" ht="21" customHeight="1" x14ac:dyDescent="0.2">
      <c r="B25" s="468" t="s">
        <v>23</v>
      </c>
      <c r="C25" s="257">
        <v>0</v>
      </c>
      <c r="D25" s="261">
        <v>0</v>
      </c>
      <c r="E25" s="356">
        <v>0</v>
      </c>
      <c r="F25" s="260">
        <v>0</v>
      </c>
      <c r="G25" s="261">
        <v>133</v>
      </c>
      <c r="H25" s="261">
        <v>139</v>
      </c>
      <c r="I25" s="261">
        <v>71</v>
      </c>
      <c r="J25" s="261">
        <v>58</v>
      </c>
      <c r="K25" s="261">
        <v>40</v>
      </c>
      <c r="L25" s="262">
        <v>441</v>
      </c>
      <c r="M25" s="263">
        <v>441</v>
      </c>
      <c r="N25" s="257">
        <v>0</v>
      </c>
      <c r="O25" s="261">
        <v>0</v>
      </c>
      <c r="P25" s="258">
        <v>0</v>
      </c>
      <c r="Q25" s="260">
        <v>0</v>
      </c>
      <c r="R25" s="261">
        <v>1</v>
      </c>
      <c r="S25" s="261">
        <v>4</v>
      </c>
      <c r="T25" s="261">
        <v>5</v>
      </c>
      <c r="U25" s="261">
        <v>19</v>
      </c>
      <c r="V25" s="261">
        <v>22</v>
      </c>
      <c r="W25" s="258">
        <v>51</v>
      </c>
      <c r="X25" s="263">
        <v>51</v>
      </c>
      <c r="Y25" s="257">
        <v>35</v>
      </c>
      <c r="Z25" s="261">
        <v>58</v>
      </c>
      <c r="AA25" s="258">
        <v>93</v>
      </c>
      <c r="AB25" s="260">
        <v>0</v>
      </c>
      <c r="AC25" s="261">
        <v>86</v>
      </c>
      <c r="AD25" s="261">
        <v>156</v>
      </c>
      <c r="AE25" s="261">
        <v>72</v>
      </c>
      <c r="AF25" s="261">
        <v>73</v>
      </c>
      <c r="AG25" s="261">
        <v>46</v>
      </c>
      <c r="AH25" s="258">
        <v>433</v>
      </c>
      <c r="AI25" s="263">
        <v>526</v>
      </c>
      <c r="AJ25" s="257">
        <v>4</v>
      </c>
      <c r="AK25" s="261">
        <v>11</v>
      </c>
      <c r="AL25" s="258">
        <v>15</v>
      </c>
      <c r="AM25" s="260">
        <v>0</v>
      </c>
      <c r="AN25" s="261">
        <v>8</v>
      </c>
      <c r="AO25" s="261">
        <v>20</v>
      </c>
      <c r="AP25" s="261">
        <v>9</v>
      </c>
      <c r="AQ25" s="261">
        <v>6</v>
      </c>
      <c r="AR25" s="261">
        <v>4</v>
      </c>
      <c r="AS25" s="258">
        <v>47</v>
      </c>
      <c r="AT25" s="263">
        <v>62</v>
      </c>
      <c r="AU25" s="257">
        <v>18</v>
      </c>
      <c r="AV25" s="261">
        <v>17</v>
      </c>
      <c r="AW25" s="258">
        <v>35</v>
      </c>
      <c r="AX25" s="260">
        <v>0</v>
      </c>
      <c r="AY25" s="261">
        <v>184</v>
      </c>
      <c r="AZ25" s="261">
        <v>161</v>
      </c>
      <c r="BA25" s="261">
        <v>136</v>
      </c>
      <c r="BB25" s="261">
        <v>173</v>
      </c>
      <c r="BC25" s="261">
        <v>115</v>
      </c>
      <c r="BD25" s="262">
        <v>769</v>
      </c>
      <c r="BE25" s="263">
        <v>804</v>
      </c>
      <c r="BF25" s="257">
        <v>0</v>
      </c>
      <c r="BG25" s="261">
        <v>0</v>
      </c>
      <c r="BH25" s="258">
        <v>0</v>
      </c>
      <c r="BI25" s="260">
        <v>0</v>
      </c>
      <c r="BJ25" s="261">
        <v>275</v>
      </c>
      <c r="BK25" s="261">
        <v>239</v>
      </c>
      <c r="BL25" s="261">
        <v>130</v>
      </c>
      <c r="BM25" s="261">
        <v>75</v>
      </c>
      <c r="BN25" s="261">
        <v>27</v>
      </c>
      <c r="BO25" s="258">
        <v>746</v>
      </c>
      <c r="BP25" s="263">
        <v>746</v>
      </c>
      <c r="BQ25" s="257">
        <v>2</v>
      </c>
      <c r="BR25" s="261">
        <v>10</v>
      </c>
      <c r="BS25" s="258">
        <v>12</v>
      </c>
      <c r="BT25" s="260">
        <v>0</v>
      </c>
      <c r="BU25" s="261">
        <v>38</v>
      </c>
      <c r="BV25" s="261">
        <v>43</v>
      </c>
      <c r="BW25" s="261">
        <v>34</v>
      </c>
      <c r="BX25" s="261">
        <v>24</v>
      </c>
      <c r="BY25" s="261">
        <v>8</v>
      </c>
      <c r="BZ25" s="258">
        <v>147</v>
      </c>
      <c r="CA25" s="263">
        <v>159</v>
      </c>
      <c r="CB25" s="257">
        <v>2</v>
      </c>
      <c r="CC25" s="261">
        <v>4</v>
      </c>
      <c r="CD25" s="258">
        <v>6</v>
      </c>
      <c r="CE25" s="260">
        <v>0</v>
      </c>
      <c r="CF25" s="261">
        <v>28</v>
      </c>
      <c r="CG25" s="261">
        <v>43</v>
      </c>
      <c r="CH25" s="261">
        <v>60</v>
      </c>
      <c r="CI25" s="261">
        <v>31</v>
      </c>
      <c r="CJ25" s="261">
        <v>15</v>
      </c>
      <c r="CK25" s="258">
        <v>177</v>
      </c>
      <c r="CL25" s="263">
        <v>183</v>
      </c>
      <c r="CM25" s="257">
        <v>1</v>
      </c>
      <c r="CN25" s="261">
        <v>0</v>
      </c>
      <c r="CO25" s="258">
        <v>1</v>
      </c>
      <c r="CP25" s="260">
        <v>0</v>
      </c>
      <c r="CQ25" s="261">
        <v>1</v>
      </c>
      <c r="CR25" s="261">
        <v>1</v>
      </c>
      <c r="CS25" s="261">
        <v>2</v>
      </c>
      <c r="CT25" s="261">
        <v>3</v>
      </c>
      <c r="CU25" s="261">
        <v>3</v>
      </c>
      <c r="CV25" s="258">
        <v>10</v>
      </c>
      <c r="CW25" s="263">
        <v>1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93</v>
      </c>
      <c r="DU25" s="261">
        <v>244</v>
      </c>
      <c r="DV25" s="258">
        <v>337</v>
      </c>
      <c r="DW25" s="260">
        <v>0</v>
      </c>
      <c r="DX25" s="261">
        <v>239</v>
      </c>
      <c r="DY25" s="261">
        <v>395</v>
      </c>
      <c r="DZ25" s="261">
        <v>221</v>
      </c>
      <c r="EA25" s="261">
        <v>178</v>
      </c>
      <c r="EB25" s="261">
        <v>91</v>
      </c>
      <c r="EC25" s="258">
        <v>1124</v>
      </c>
      <c r="ED25" s="263">
        <v>1461</v>
      </c>
      <c r="EE25" s="257">
        <v>8</v>
      </c>
      <c r="EF25" s="261">
        <v>4</v>
      </c>
      <c r="EG25" s="258">
        <v>12</v>
      </c>
      <c r="EH25" s="260">
        <v>0</v>
      </c>
      <c r="EI25" s="261">
        <v>58</v>
      </c>
      <c r="EJ25" s="261">
        <v>45</v>
      </c>
      <c r="EK25" s="261">
        <v>34</v>
      </c>
      <c r="EL25" s="261">
        <v>56</v>
      </c>
      <c r="EM25" s="261">
        <v>40</v>
      </c>
      <c r="EN25" s="258">
        <v>233</v>
      </c>
      <c r="EO25" s="263">
        <v>245</v>
      </c>
      <c r="EP25" s="257">
        <v>129</v>
      </c>
      <c r="EQ25" s="261">
        <v>280</v>
      </c>
      <c r="ER25" s="258">
        <v>409</v>
      </c>
      <c r="ES25" s="260">
        <v>0</v>
      </c>
      <c r="ET25" s="261">
        <v>500</v>
      </c>
      <c r="EU25" s="261">
        <v>521</v>
      </c>
      <c r="EV25" s="261">
        <v>272</v>
      </c>
      <c r="EW25" s="261">
        <v>192</v>
      </c>
      <c r="EX25" s="261">
        <v>96</v>
      </c>
      <c r="EY25" s="258">
        <v>1581</v>
      </c>
      <c r="EZ25" s="263">
        <v>1990</v>
      </c>
    </row>
    <row r="26" spans="2:156" ht="21" customHeight="1" x14ac:dyDescent="0.2">
      <c r="B26" s="468" t="s">
        <v>24</v>
      </c>
      <c r="C26" s="257">
        <v>0</v>
      </c>
      <c r="D26" s="261">
        <v>0</v>
      </c>
      <c r="E26" s="356">
        <v>0</v>
      </c>
      <c r="F26" s="260">
        <v>0</v>
      </c>
      <c r="G26" s="261">
        <v>78</v>
      </c>
      <c r="H26" s="261">
        <v>56</v>
      </c>
      <c r="I26" s="261">
        <v>37</v>
      </c>
      <c r="J26" s="261">
        <v>27</v>
      </c>
      <c r="K26" s="261">
        <v>34</v>
      </c>
      <c r="L26" s="262">
        <v>232</v>
      </c>
      <c r="M26" s="263">
        <v>232</v>
      </c>
      <c r="N26" s="257">
        <v>0</v>
      </c>
      <c r="O26" s="261">
        <v>0</v>
      </c>
      <c r="P26" s="258">
        <v>0</v>
      </c>
      <c r="Q26" s="260">
        <v>0</v>
      </c>
      <c r="R26" s="261">
        <v>1</v>
      </c>
      <c r="S26" s="261">
        <v>2</v>
      </c>
      <c r="T26" s="261">
        <v>4</v>
      </c>
      <c r="U26" s="261">
        <v>11</v>
      </c>
      <c r="V26" s="261">
        <v>16</v>
      </c>
      <c r="W26" s="258">
        <v>34</v>
      </c>
      <c r="X26" s="263">
        <v>34</v>
      </c>
      <c r="Y26" s="257">
        <v>19</v>
      </c>
      <c r="Z26" s="261">
        <v>24</v>
      </c>
      <c r="AA26" s="258">
        <v>43</v>
      </c>
      <c r="AB26" s="260">
        <v>0</v>
      </c>
      <c r="AC26" s="261">
        <v>73</v>
      </c>
      <c r="AD26" s="261">
        <v>71</v>
      </c>
      <c r="AE26" s="261">
        <v>29</v>
      </c>
      <c r="AF26" s="261">
        <v>39</v>
      </c>
      <c r="AG26" s="261">
        <v>25</v>
      </c>
      <c r="AH26" s="258">
        <v>237</v>
      </c>
      <c r="AI26" s="263">
        <v>280</v>
      </c>
      <c r="AJ26" s="257">
        <v>0</v>
      </c>
      <c r="AK26" s="261">
        <v>1</v>
      </c>
      <c r="AL26" s="258">
        <v>1</v>
      </c>
      <c r="AM26" s="260">
        <v>0</v>
      </c>
      <c r="AN26" s="261">
        <v>3</v>
      </c>
      <c r="AO26" s="261">
        <v>7</v>
      </c>
      <c r="AP26" s="261">
        <v>2</v>
      </c>
      <c r="AQ26" s="261">
        <v>4</v>
      </c>
      <c r="AR26" s="261">
        <v>3</v>
      </c>
      <c r="AS26" s="258">
        <v>19</v>
      </c>
      <c r="AT26" s="263">
        <v>20</v>
      </c>
      <c r="AU26" s="257">
        <v>22</v>
      </c>
      <c r="AV26" s="261">
        <v>21</v>
      </c>
      <c r="AW26" s="258">
        <v>43</v>
      </c>
      <c r="AX26" s="260">
        <v>0</v>
      </c>
      <c r="AY26" s="261">
        <v>84</v>
      </c>
      <c r="AZ26" s="261">
        <v>84</v>
      </c>
      <c r="BA26" s="261">
        <v>76</v>
      </c>
      <c r="BB26" s="261">
        <v>92</v>
      </c>
      <c r="BC26" s="261">
        <v>66</v>
      </c>
      <c r="BD26" s="262">
        <v>402</v>
      </c>
      <c r="BE26" s="263">
        <v>445</v>
      </c>
      <c r="BF26" s="257">
        <v>0</v>
      </c>
      <c r="BG26" s="261">
        <v>0</v>
      </c>
      <c r="BH26" s="258">
        <v>0</v>
      </c>
      <c r="BI26" s="260">
        <v>0</v>
      </c>
      <c r="BJ26" s="261">
        <v>117</v>
      </c>
      <c r="BK26" s="261">
        <v>86</v>
      </c>
      <c r="BL26" s="261">
        <v>29</v>
      </c>
      <c r="BM26" s="261">
        <v>22</v>
      </c>
      <c r="BN26" s="261">
        <v>9</v>
      </c>
      <c r="BO26" s="258">
        <v>263</v>
      </c>
      <c r="BP26" s="263">
        <v>263</v>
      </c>
      <c r="BQ26" s="257">
        <v>14</v>
      </c>
      <c r="BR26" s="261">
        <v>12</v>
      </c>
      <c r="BS26" s="258">
        <v>26</v>
      </c>
      <c r="BT26" s="260">
        <v>0</v>
      </c>
      <c r="BU26" s="261">
        <v>48</v>
      </c>
      <c r="BV26" s="261">
        <v>31</v>
      </c>
      <c r="BW26" s="261">
        <v>23</v>
      </c>
      <c r="BX26" s="261">
        <v>14</v>
      </c>
      <c r="BY26" s="261">
        <v>11</v>
      </c>
      <c r="BZ26" s="258">
        <v>127</v>
      </c>
      <c r="CA26" s="263">
        <v>153</v>
      </c>
      <c r="CB26" s="257">
        <v>1</v>
      </c>
      <c r="CC26" s="261">
        <v>2</v>
      </c>
      <c r="CD26" s="258">
        <v>3</v>
      </c>
      <c r="CE26" s="260">
        <v>0</v>
      </c>
      <c r="CF26" s="261">
        <v>17</v>
      </c>
      <c r="CG26" s="261">
        <v>23</v>
      </c>
      <c r="CH26" s="261">
        <v>18</v>
      </c>
      <c r="CI26" s="261">
        <v>21</v>
      </c>
      <c r="CJ26" s="261">
        <v>10</v>
      </c>
      <c r="CK26" s="258">
        <v>89</v>
      </c>
      <c r="CL26" s="263">
        <v>92</v>
      </c>
      <c r="CM26" s="257">
        <v>0</v>
      </c>
      <c r="CN26" s="261">
        <v>0</v>
      </c>
      <c r="CO26" s="258">
        <v>0</v>
      </c>
      <c r="CP26" s="260">
        <v>0</v>
      </c>
      <c r="CQ26" s="261">
        <v>2</v>
      </c>
      <c r="CR26" s="261">
        <v>0</v>
      </c>
      <c r="CS26" s="261">
        <v>3</v>
      </c>
      <c r="CT26" s="261">
        <v>1</v>
      </c>
      <c r="CU26" s="261">
        <v>2</v>
      </c>
      <c r="CV26" s="258">
        <v>8</v>
      </c>
      <c r="CW26" s="263">
        <v>8</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3</v>
      </c>
      <c r="DU26" s="261">
        <v>100</v>
      </c>
      <c r="DV26" s="258">
        <v>183</v>
      </c>
      <c r="DW26" s="260">
        <v>0</v>
      </c>
      <c r="DX26" s="261">
        <v>143</v>
      </c>
      <c r="DY26" s="261">
        <v>174</v>
      </c>
      <c r="DZ26" s="261">
        <v>91</v>
      </c>
      <c r="EA26" s="261">
        <v>74</v>
      </c>
      <c r="EB26" s="261">
        <v>47</v>
      </c>
      <c r="EC26" s="258">
        <v>529</v>
      </c>
      <c r="ED26" s="263">
        <v>712</v>
      </c>
      <c r="EE26" s="257">
        <v>12</v>
      </c>
      <c r="EF26" s="261">
        <v>10</v>
      </c>
      <c r="EG26" s="258">
        <v>22</v>
      </c>
      <c r="EH26" s="260">
        <v>0</v>
      </c>
      <c r="EI26" s="261">
        <v>40</v>
      </c>
      <c r="EJ26" s="261">
        <v>29</v>
      </c>
      <c r="EK26" s="261">
        <v>25</v>
      </c>
      <c r="EL26" s="261">
        <v>38</v>
      </c>
      <c r="EM26" s="261">
        <v>19</v>
      </c>
      <c r="EN26" s="258">
        <v>151</v>
      </c>
      <c r="EO26" s="263">
        <v>173</v>
      </c>
      <c r="EP26" s="257">
        <v>107</v>
      </c>
      <c r="EQ26" s="261">
        <v>113</v>
      </c>
      <c r="ER26" s="258">
        <v>220</v>
      </c>
      <c r="ES26" s="260">
        <v>0</v>
      </c>
      <c r="ET26" s="261">
        <v>283</v>
      </c>
      <c r="EU26" s="261">
        <v>222</v>
      </c>
      <c r="EV26" s="261">
        <v>119</v>
      </c>
      <c r="EW26" s="261">
        <v>83</v>
      </c>
      <c r="EX26" s="261">
        <v>54</v>
      </c>
      <c r="EY26" s="258">
        <v>761</v>
      </c>
      <c r="EZ26" s="263">
        <v>981</v>
      </c>
    </row>
    <row r="27" spans="2:156" ht="21" customHeight="1" x14ac:dyDescent="0.2">
      <c r="B27" s="468" t="s">
        <v>25</v>
      </c>
      <c r="C27" s="257">
        <v>0</v>
      </c>
      <c r="D27" s="261">
        <v>0</v>
      </c>
      <c r="E27" s="356">
        <v>0</v>
      </c>
      <c r="F27" s="260">
        <v>0</v>
      </c>
      <c r="G27" s="261">
        <v>110</v>
      </c>
      <c r="H27" s="261">
        <v>94</v>
      </c>
      <c r="I27" s="261">
        <v>59</v>
      </c>
      <c r="J27" s="261">
        <v>41</v>
      </c>
      <c r="K27" s="261">
        <v>28</v>
      </c>
      <c r="L27" s="262">
        <v>332</v>
      </c>
      <c r="M27" s="263">
        <v>332</v>
      </c>
      <c r="N27" s="257">
        <v>0</v>
      </c>
      <c r="O27" s="261">
        <v>0</v>
      </c>
      <c r="P27" s="258">
        <v>0</v>
      </c>
      <c r="Q27" s="260">
        <v>0</v>
      </c>
      <c r="R27" s="261">
        <v>2</v>
      </c>
      <c r="S27" s="261">
        <v>10</v>
      </c>
      <c r="T27" s="261">
        <v>11</v>
      </c>
      <c r="U27" s="261">
        <v>14</v>
      </c>
      <c r="V27" s="261">
        <v>18</v>
      </c>
      <c r="W27" s="258">
        <v>55</v>
      </c>
      <c r="X27" s="263">
        <v>55</v>
      </c>
      <c r="Y27" s="257">
        <v>18</v>
      </c>
      <c r="Z27" s="261">
        <v>52</v>
      </c>
      <c r="AA27" s="258">
        <v>70</v>
      </c>
      <c r="AB27" s="260">
        <v>0</v>
      </c>
      <c r="AC27" s="261">
        <v>94</v>
      </c>
      <c r="AD27" s="261">
        <v>88</v>
      </c>
      <c r="AE27" s="261">
        <v>48</v>
      </c>
      <c r="AF27" s="261">
        <v>39</v>
      </c>
      <c r="AG27" s="261">
        <v>29</v>
      </c>
      <c r="AH27" s="258">
        <v>298</v>
      </c>
      <c r="AI27" s="263">
        <v>368</v>
      </c>
      <c r="AJ27" s="257">
        <v>1</v>
      </c>
      <c r="AK27" s="261">
        <v>5</v>
      </c>
      <c r="AL27" s="258">
        <v>6</v>
      </c>
      <c r="AM27" s="260">
        <v>0</v>
      </c>
      <c r="AN27" s="261">
        <v>2</v>
      </c>
      <c r="AO27" s="261">
        <v>11</v>
      </c>
      <c r="AP27" s="261">
        <v>4</v>
      </c>
      <c r="AQ27" s="261">
        <v>4</v>
      </c>
      <c r="AR27" s="261">
        <v>4</v>
      </c>
      <c r="AS27" s="258">
        <v>25</v>
      </c>
      <c r="AT27" s="263">
        <v>31</v>
      </c>
      <c r="AU27" s="257">
        <v>10</v>
      </c>
      <c r="AV27" s="261">
        <v>12</v>
      </c>
      <c r="AW27" s="258">
        <v>22</v>
      </c>
      <c r="AX27" s="260">
        <v>0</v>
      </c>
      <c r="AY27" s="261">
        <v>69</v>
      </c>
      <c r="AZ27" s="261">
        <v>77</v>
      </c>
      <c r="BA27" s="261">
        <v>64</v>
      </c>
      <c r="BB27" s="261">
        <v>82</v>
      </c>
      <c r="BC27" s="261">
        <v>53</v>
      </c>
      <c r="BD27" s="262">
        <v>345</v>
      </c>
      <c r="BE27" s="263">
        <v>367</v>
      </c>
      <c r="BF27" s="257">
        <v>0</v>
      </c>
      <c r="BG27" s="261">
        <v>0</v>
      </c>
      <c r="BH27" s="258">
        <v>0</v>
      </c>
      <c r="BI27" s="260">
        <v>0</v>
      </c>
      <c r="BJ27" s="261">
        <v>164</v>
      </c>
      <c r="BK27" s="261">
        <v>91</v>
      </c>
      <c r="BL27" s="261">
        <v>64</v>
      </c>
      <c r="BM27" s="261">
        <v>43</v>
      </c>
      <c r="BN27" s="261">
        <v>12</v>
      </c>
      <c r="BO27" s="258">
        <v>374</v>
      </c>
      <c r="BP27" s="263">
        <v>374</v>
      </c>
      <c r="BQ27" s="257">
        <v>15</v>
      </c>
      <c r="BR27" s="261">
        <v>12</v>
      </c>
      <c r="BS27" s="258">
        <v>27</v>
      </c>
      <c r="BT27" s="260">
        <v>0</v>
      </c>
      <c r="BU27" s="261">
        <v>40</v>
      </c>
      <c r="BV27" s="261">
        <v>55</v>
      </c>
      <c r="BW27" s="261">
        <v>28</v>
      </c>
      <c r="BX27" s="261">
        <v>19</v>
      </c>
      <c r="BY27" s="261">
        <v>4</v>
      </c>
      <c r="BZ27" s="258">
        <v>146</v>
      </c>
      <c r="CA27" s="263">
        <v>173</v>
      </c>
      <c r="CB27" s="257">
        <v>0</v>
      </c>
      <c r="CC27" s="261">
        <v>2</v>
      </c>
      <c r="CD27" s="258">
        <v>2</v>
      </c>
      <c r="CE27" s="260">
        <v>0</v>
      </c>
      <c r="CF27" s="261">
        <v>24</v>
      </c>
      <c r="CG27" s="261">
        <v>26</v>
      </c>
      <c r="CH27" s="261">
        <v>23</v>
      </c>
      <c r="CI27" s="261">
        <v>15</v>
      </c>
      <c r="CJ27" s="261">
        <v>6</v>
      </c>
      <c r="CK27" s="258">
        <v>94</v>
      </c>
      <c r="CL27" s="263">
        <v>96</v>
      </c>
      <c r="CM27" s="257">
        <v>0</v>
      </c>
      <c r="CN27" s="261">
        <v>0</v>
      </c>
      <c r="CO27" s="258">
        <v>0</v>
      </c>
      <c r="CP27" s="260">
        <v>0</v>
      </c>
      <c r="CQ27" s="261">
        <v>2</v>
      </c>
      <c r="CR27" s="261">
        <v>9</v>
      </c>
      <c r="CS27" s="261">
        <v>5</v>
      </c>
      <c r="CT27" s="261">
        <v>5</v>
      </c>
      <c r="CU27" s="261">
        <v>2</v>
      </c>
      <c r="CV27" s="258">
        <v>23</v>
      </c>
      <c r="CW27" s="263">
        <v>23</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84</v>
      </c>
      <c r="DU27" s="261">
        <v>151</v>
      </c>
      <c r="DV27" s="258">
        <v>235</v>
      </c>
      <c r="DW27" s="260">
        <v>0</v>
      </c>
      <c r="DX27" s="261">
        <v>152</v>
      </c>
      <c r="DY27" s="261">
        <v>235</v>
      </c>
      <c r="DZ27" s="261">
        <v>132</v>
      </c>
      <c r="EA27" s="261">
        <v>100</v>
      </c>
      <c r="EB27" s="261">
        <v>49</v>
      </c>
      <c r="EC27" s="258">
        <v>668</v>
      </c>
      <c r="ED27" s="263">
        <v>903</v>
      </c>
      <c r="EE27" s="257">
        <v>7</v>
      </c>
      <c r="EF27" s="261">
        <v>2</v>
      </c>
      <c r="EG27" s="258">
        <v>9</v>
      </c>
      <c r="EH27" s="260">
        <v>0</v>
      </c>
      <c r="EI27" s="261">
        <v>17</v>
      </c>
      <c r="EJ27" s="261">
        <v>9</v>
      </c>
      <c r="EK27" s="261">
        <v>16</v>
      </c>
      <c r="EL27" s="261">
        <v>23</v>
      </c>
      <c r="EM27" s="261">
        <v>18</v>
      </c>
      <c r="EN27" s="258">
        <v>83</v>
      </c>
      <c r="EO27" s="263">
        <v>92</v>
      </c>
      <c r="EP27" s="257">
        <v>103</v>
      </c>
      <c r="EQ27" s="261">
        <v>179</v>
      </c>
      <c r="ER27" s="258">
        <v>282</v>
      </c>
      <c r="ES27" s="260">
        <v>0</v>
      </c>
      <c r="ET27" s="261">
        <v>375</v>
      </c>
      <c r="EU27" s="261">
        <v>297</v>
      </c>
      <c r="EV27" s="261">
        <v>154</v>
      </c>
      <c r="EW27" s="261">
        <v>114</v>
      </c>
      <c r="EX27" s="261">
        <v>54</v>
      </c>
      <c r="EY27" s="258">
        <v>994</v>
      </c>
      <c r="EZ27" s="263">
        <v>1276</v>
      </c>
    </row>
    <row r="28" spans="2:156" ht="21" customHeight="1" x14ac:dyDescent="0.2">
      <c r="B28" s="468" t="s">
        <v>26</v>
      </c>
      <c r="C28" s="257">
        <v>0</v>
      </c>
      <c r="D28" s="261">
        <v>0</v>
      </c>
      <c r="E28" s="356">
        <v>0</v>
      </c>
      <c r="F28" s="260">
        <v>0</v>
      </c>
      <c r="G28" s="261">
        <v>79</v>
      </c>
      <c r="H28" s="261">
        <v>82</v>
      </c>
      <c r="I28" s="261">
        <v>64</v>
      </c>
      <c r="J28" s="261">
        <v>35</v>
      </c>
      <c r="K28" s="261">
        <v>47</v>
      </c>
      <c r="L28" s="262">
        <v>307</v>
      </c>
      <c r="M28" s="263">
        <v>307</v>
      </c>
      <c r="N28" s="257">
        <v>0</v>
      </c>
      <c r="O28" s="261">
        <v>0</v>
      </c>
      <c r="P28" s="258">
        <v>0</v>
      </c>
      <c r="Q28" s="260">
        <v>0</v>
      </c>
      <c r="R28" s="261">
        <v>0</v>
      </c>
      <c r="S28" s="261">
        <v>0</v>
      </c>
      <c r="T28" s="261">
        <v>3</v>
      </c>
      <c r="U28" s="261">
        <v>6</v>
      </c>
      <c r="V28" s="261">
        <v>16</v>
      </c>
      <c r="W28" s="258">
        <v>25</v>
      </c>
      <c r="X28" s="263">
        <v>25</v>
      </c>
      <c r="Y28" s="257">
        <v>12</v>
      </c>
      <c r="Z28" s="261">
        <v>15</v>
      </c>
      <c r="AA28" s="258">
        <v>27</v>
      </c>
      <c r="AB28" s="260">
        <v>0</v>
      </c>
      <c r="AC28" s="261">
        <v>69</v>
      </c>
      <c r="AD28" s="261">
        <v>73</v>
      </c>
      <c r="AE28" s="261">
        <v>40</v>
      </c>
      <c r="AF28" s="261">
        <v>36</v>
      </c>
      <c r="AG28" s="261">
        <v>41</v>
      </c>
      <c r="AH28" s="258">
        <v>259</v>
      </c>
      <c r="AI28" s="263">
        <v>286</v>
      </c>
      <c r="AJ28" s="257">
        <v>0</v>
      </c>
      <c r="AK28" s="261">
        <v>1</v>
      </c>
      <c r="AL28" s="258">
        <v>1</v>
      </c>
      <c r="AM28" s="260">
        <v>0</v>
      </c>
      <c r="AN28" s="261">
        <v>0</v>
      </c>
      <c r="AO28" s="261">
        <v>3</v>
      </c>
      <c r="AP28" s="261">
        <v>6</v>
      </c>
      <c r="AQ28" s="261">
        <v>3</v>
      </c>
      <c r="AR28" s="261">
        <v>3</v>
      </c>
      <c r="AS28" s="258">
        <v>15</v>
      </c>
      <c r="AT28" s="263">
        <v>16</v>
      </c>
      <c r="AU28" s="257">
        <v>10</v>
      </c>
      <c r="AV28" s="261">
        <v>7</v>
      </c>
      <c r="AW28" s="258">
        <v>17</v>
      </c>
      <c r="AX28" s="260">
        <v>0</v>
      </c>
      <c r="AY28" s="261">
        <v>61</v>
      </c>
      <c r="AZ28" s="261">
        <v>74</v>
      </c>
      <c r="BA28" s="261">
        <v>89</v>
      </c>
      <c r="BB28" s="261">
        <v>53</v>
      </c>
      <c r="BC28" s="261">
        <v>58</v>
      </c>
      <c r="BD28" s="262">
        <v>335</v>
      </c>
      <c r="BE28" s="263">
        <v>352</v>
      </c>
      <c r="BF28" s="257">
        <v>0</v>
      </c>
      <c r="BG28" s="261">
        <v>0</v>
      </c>
      <c r="BH28" s="258">
        <v>0</v>
      </c>
      <c r="BI28" s="260">
        <v>0</v>
      </c>
      <c r="BJ28" s="261">
        <v>118</v>
      </c>
      <c r="BK28" s="261">
        <v>93</v>
      </c>
      <c r="BL28" s="261">
        <v>56</v>
      </c>
      <c r="BM28" s="261">
        <v>23</v>
      </c>
      <c r="BN28" s="261">
        <v>16</v>
      </c>
      <c r="BO28" s="258">
        <v>306</v>
      </c>
      <c r="BP28" s="263">
        <v>306</v>
      </c>
      <c r="BQ28" s="257">
        <v>7</v>
      </c>
      <c r="BR28" s="261">
        <v>6</v>
      </c>
      <c r="BS28" s="258">
        <v>13</v>
      </c>
      <c r="BT28" s="260">
        <v>0</v>
      </c>
      <c r="BU28" s="261">
        <v>22</v>
      </c>
      <c r="BV28" s="261">
        <v>27</v>
      </c>
      <c r="BW28" s="261">
        <v>16</v>
      </c>
      <c r="BX28" s="261">
        <v>11</v>
      </c>
      <c r="BY28" s="261">
        <v>6</v>
      </c>
      <c r="BZ28" s="258">
        <v>82</v>
      </c>
      <c r="CA28" s="263">
        <v>95</v>
      </c>
      <c r="CB28" s="257">
        <v>0</v>
      </c>
      <c r="CC28" s="261">
        <v>0</v>
      </c>
      <c r="CD28" s="258">
        <v>0</v>
      </c>
      <c r="CE28" s="260">
        <v>0</v>
      </c>
      <c r="CF28" s="261">
        <v>18</v>
      </c>
      <c r="CG28" s="261">
        <v>21</v>
      </c>
      <c r="CH28" s="261">
        <v>23</v>
      </c>
      <c r="CI28" s="261">
        <v>18</v>
      </c>
      <c r="CJ28" s="261">
        <v>15</v>
      </c>
      <c r="CK28" s="258">
        <v>95</v>
      </c>
      <c r="CL28" s="263">
        <v>95</v>
      </c>
      <c r="CM28" s="257">
        <v>0</v>
      </c>
      <c r="CN28" s="261">
        <v>0</v>
      </c>
      <c r="CO28" s="258">
        <v>0</v>
      </c>
      <c r="CP28" s="260">
        <v>0</v>
      </c>
      <c r="CQ28" s="261">
        <v>4</v>
      </c>
      <c r="CR28" s="261">
        <v>4</v>
      </c>
      <c r="CS28" s="261">
        <v>3</v>
      </c>
      <c r="CT28" s="261">
        <v>3</v>
      </c>
      <c r="CU28" s="261">
        <v>2</v>
      </c>
      <c r="CV28" s="258">
        <v>16</v>
      </c>
      <c r="CW28" s="263">
        <v>16</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7</v>
      </c>
      <c r="DU28" s="261">
        <v>100</v>
      </c>
      <c r="DV28" s="258">
        <v>157</v>
      </c>
      <c r="DW28" s="260">
        <v>0</v>
      </c>
      <c r="DX28" s="261">
        <v>149</v>
      </c>
      <c r="DY28" s="261">
        <v>178</v>
      </c>
      <c r="DZ28" s="261">
        <v>117</v>
      </c>
      <c r="EA28" s="261">
        <v>77</v>
      </c>
      <c r="EB28" s="261">
        <v>73</v>
      </c>
      <c r="EC28" s="258">
        <v>594</v>
      </c>
      <c r="ED28" s="263">
        <v>751</v>
      </c>
      <c r="EE28" s="257">
        <v>8</v>
      </c>
      <c r="EF28" s="261">
        <v>4</v>
      </c>
      <c r="EG28" s="258">
        <v>12</v>
      </c>
      <c r="EH28" s="260">
        <v>0</v>
      </c>
      <c r="EI28" s="261">
        <v>27</v>
      </c>
      <c r="EJ28" s="261">
        <v>25</v>
      </c>
      <c r="EK28" s="261">
        <v>28</v>
      </c>
      <c r="EL28" s="261">
        <v>17</v>
      </c>
      <c r="EM28" s="261">
        <v>11</v>
      </c>
      <c r="EN28" s="258">
        <v>108</v>
      </c>
      <c r="EO28" s="263">
        <v>120</v>
      </c>
      <c r="EP28" s="257">
        <v>71</v>
      </c>
      <c r="EQ28" s="261">
        <v>111</v>
      </c>
      <c r="ER28" s="258">
        <v>182</v>
      </c>
      <c r="ES28" s="260">
        <v>0</v>
      </c>
      <c r="ET28" s="261">
        <v>284</v>
      </c>
      <c r="EU28" s="261">
        <v>237</v>
      </c>
      <c r="EV28" s="261">
        <v>150</v>
      </c>
      <c r="EW28" s="261">
        <v>82</v>
      </c>
      <c r="EX28" s="261">
        <v>74</v>
      </c>
      <c r="EY28" s="258">
        <v>827</v>
      </c>
      <c r="EZ28" s="263">
        <v>1009</v>
      </c>
    </row>
    <row r="29" spans="2:156" ht="21" customHeight="1" x14ac:dyDescent="0.2">
      <c r="B29" s="468" t="s">
        <v>27</v>
      </c>
      <c r="C29" s="257">
        <v>0</v>
      </c>
      <c r="D29" s="261">
        <v>0</v>
      </c>
      <c r="E29" s="356">
        <v>0</v>
      </c>
      <c r="F29" s="260">
        <v>0</v>
      </c>
      <c r="G29" s="261">
        <v>62</v>
      </c>
      <c r="H29" s="261">
        <v>49</v>
      </c>
      <c r="I29" s="261">
        <v>37</v>
      </c>
      <c r="J29" s="261">
        <v>22</v>
      </c>
      <c r="K29" s="261">
        <v>34</v>
      </c>
      <c r="L29" s="262">
        <v>204</v>
      </c>
      <c r="M29" s="263">
        <v>204</v>
      </c>
      <c r="N29" s="257">
        <v>0</v>
      </c>
      <c r="O29" s="261">
        <v>0</v>
      </c>
      <c r="P29" s="258">
        <v>0</v>
      </c>
      <c r="Q29" s="260">
        <v>0</v>
      </c>
      <c r="R29" s="261">
        <v>1</v>
      </c>
      <c r="S29" s="261">
        <v>4</v>
      </c>
      <c r="T29" s="261">
        <v>5</v>
      </c>
      <c r="U29" s="261">
        <v>8</v>
      </c>
      <c r="V29" s="261">
        <v>18</v>
      </c>
      <c r="W29" s="258">
        <v>36</v>
      </c>
      <c r="X29" s="263">
        <v>36</v>
      </c>
      <c r="Y29" s="257">
        <v>24</v>
      </c>
      <c r="Z29" s="261">
        <v>36</v>
      </c>
      <c r="AA29" s="258">
        <v>60</v>
      </c>
      <c r="AB29" s="260">
        <v>0</v>
      </c>
      <c r="AC29" s="261">
        <v>39</v>
      </c>
      <c r="AD29" s="261">
        <v>47</v>
      </c>
      <c r="AE29" s="261">
        <v>40</v>
      </c>
      <c r="AF29" s="261">
        <v>23</v>
      </c>
      <c r="AG29" s="261">
        <v>32</v>
      </c>
      <c r="AH29" s="258">
        <v>181</v>
      </c>
      <c r="AI29" s="263">
        <v>241</v>
      </c>
      <c r="AJ29" s="257">
        <v>1</v>
      </c>
      <c r="AK29" s="261">
        <v>3</v>
      </c>
      <c r="AL29" s="258">
        <v>4</v>
      </c>
      <c r="AM29" s="260">
        <v>0</v>
      </c>
      <c r="AN29" s="261">
        <v>1</v>
      </c>
      <c r="AO29" s="261">
        <v>2</v>
      </c>
      <c r="AP29" s="261">
        <v>1</v>
      </c>
      <c r="AQ29" s="261">
        <v>0</v>
      </c>
      <c r="AR29" s="261">
        <v>1</v>
      </c>
      <c r="AS29" s="258">
        <v>5</v>
      </c>
      <c r="AT29" s="263">
        <v>9</v>
      </c>
      <c r="AU29" s="257">
        <v>12</v>
      </c>
      <c r="AV29" s="261">
        <v>14</v>
      </c>
      <c r="AW29" s="258">
        <v>26</v>
      </c>
      <c r="AX29" s="260">
        <v>0</v>
      </c>
      <c r="AY29" s="261">
        <v>64</v>
      </c>
      <c r="AZ29" s="261">
        <v>61</v>
      </c>
      <c r="BA29" s="261">
        <v>70</v>
      </c>
      <c r="BB29" s="261">
        <v>63</v>
      </c>
      <c r="BC29" s="261">
        <v>56</v>
      </c>
      <c r="BD29" s="262">
        <v>314</v>
      </c>
      <c r="BE29" s="263">
        <v>340</v>
      </c>
      <c r="BF29" s="257">
        <v>0</v>
      </c>
      <c r="BG29" s="261">
        <v>0</v>
      </c>
      <c r="BH29" s="258">
        <v>0</v>
      </c>
      <c r="BI29" s="260">
        <v>0</v>
      </c>
      <c r="BJ29" s="261">
        <v>111</v>
      </c>
      <c r="BK29" s="261">
        <v>65</v>
      </c>
      <c r="BL29" s="261">
        <v>39</v>
      </c>
      <c r="BM29" s="261">
        <v>27</v>
      </c>
      <c r="BN29" s="261">
        <v>12</v>
      </c>
      <c r="BO29" s="258">
        <v>254</v>
      </c>
      <c r="BP29" s="263">
        <v>254</v>
      </c>
      <c r="BQ29" s="257">
        <v>10</v>
      </c>
      <c r="BR29" s="261">
        <v>29</v>
      </c>
      <c r="BS29" s="258">
        <v>39</v>
      </c>
      <c r="BT29" s="260">
        <v>0</v>
      </c>
      <c r="BU29" s="261">
        <v>21</v>
      </c>
      <c r="BV29" s="261">
        <v>31</v>
      </c>
      <c r="BW29" s="261">
        <v>12</v>
      </c>
      <c r="BX29" s="261">
        <v>3</v>
      </c>
      <c r="BY29" s="261">
        <v>5</v>
      </c>
      <c r="BZ29" s="258">
        <v>72</v>
      </c>
      <c r="CA29" s="263">
        <v>111</v>
      </c>
      <c r="CB29" s="257">
        <v>1</v>
      </c>
      <c r="CC29" s="261">
        <v>0</v>
      </c>
      <c r="CD29" s="258">
        <v>1</v>
      </c>
      <c r="CE29" s="260">
        <v>0</v>
      </c>
      <c r="CF29" s="261">
        <v>9</v>
      </c>
      <c r="CG29" s="261">
        <v>12</v>
      </c>
      <c r="CH29" s="261">
        <v>13</v>
      </c>
      <c r="CI29" s="261">
        <v>12</v>
      </c>
      <c r="CJ29" s="261">
        <v>5</v>
      </c>
      <c r="CK29" s="258">
        <v>51</v>
      </c>
      <c r="CL29" s="263">
        <v>52</v>
      </c>
      <c r="CM29" s="257">
        <v>1</v>
      </c>
      <c r="CN29" s="261">
        <v>0</v>
      </c>
      <c r="CO29" s="258">
        <v>1</v>
      </c>
      <c r="CP29" s="260">
        <v>0</v>
      </c>
      <c r="CQ29" s="261">
        <v>2</v>
      </c>
      <c r="CR29" s="261">
        <v>1</v>
      </c>
      <c r="CS29" s="261">
        <v>1</v>
      </c>
      <c r="CT29" s="261">
        <v>2</v>
      </c>
      <c r="CU29" s="261">
        <v>1</v>
      </c>
      <c r="CV29" s="258">
        <v>7</v>
      </c>
      <c r="CW29" s="263">
        <v>8</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93</v>
      </c>
      <c r="DU29" s="261">
        <v>138</v>
      </c>
      <c r="DV29" s="258">
        <v>231</v>
      </c>
      <c r="DW29" s="260">
        <v>0</v>
      </c>
      <c r="DX29" s="261">
        <v>93</v>
      </c>
      <c r="DY29" s="261">
        <v>125</v>
      </c>
      <c r="DZ29" s="261">
        <v>82</v>
      </c>
      <c r="EA29" s="261">
        <v>51</v>
      </c>
      <c r="EB29" s="261">
        <v>49</v>
      </c>
      <c r="EC29" s="258">
        <v>400</v>
      </c>
      <c r="ED29" s="263">
        <v>631</v>
      </c>
      <c r="EE29" s="257">
        <v>11</v>
      </c>
      <c r="EF29" s="261">
        <v>12</v>
      </c>
      <c r="EG29" s="258">
        <v>23</v>
      </c>
      <c r="EH29" s="260">
        <v>0</v>
      </c>
      <c r="EI29" s="261">
        <v>40</v>
      </c>
      <c r="EJ29" s="261">
        <v>30</v>
      </c>
      <c r="EK29" s="261">
        <v>30</v>
      </c>
      <c r="EL29" s="261">
        <v>36</v>
      </c>
      <c r="EM29" s="261">
        <v>19</v>
      </c>
      <c r="EN29" s="258">
        <v>155</v>
      </c>
      <c r="EO29" s="263">
        <v>178</v>
      </c>
      <c r="EP29" s="257">
        <v>121</v>
      </c>
      <c r="EQ29" s="261">
        <v>160</v>
      </c>
      <c r="ER29" s="258">
        <v>281</v>
      </c>
      <c r="ES29" s="260">
        <v>0</v>
      </c>
      <c r="ET29" s="261">
        <v>211</v>
      </c>
      <c r="EU29" s="261">
        <v>152</v>
      </c>
      <c r="EV29" s="261">
        <v>89</v>
      </c>
      <c r="EW29" s="261">
        <v>51</v>
      </c>
      <c r="EX29" s="261">
        <v>49</v>
      </c>
      <c r="EY29" s="258">
        <v>552</v>
      </c>
      <c r="EZ29" s="263">
        <v>833</v>
      </c>
    </row>
    <row r="30" spans="2:156" ht="21" customHeight="1" x14ac:dyDescent="0.2">
      <c r="B30" s="468" t="s">
        <v>28</v>
      </c>
      <c r="C30" s="257">
        <v>0</v>
      </c>
      <c r="D30" s="261">
        <v>0</v>
      </c>
      <c r="E30" s="356">
        <v>0</v>
      </c>
      <c r="F30" s="260">
        <v>0</v>
      </c>
      <c r="G30" s="261">
        <v>11</v>
      </c>
      <c r="H30" s="261">
        <v>16</v>
      </c>
      <c r="I30" s="261">
        <v>8</v>
      </c>
      <c r="J30" s="261">
        <v>9</v>
      </c>
      <c r="K30" s="261">
        <v>5</v>
      </c>
      <c r="L30" s="262">
        <v>49</v>
      </c>
      <c r="M30" s="263">
        <v>49</v>
      </c>
      <c r="N30" s="257">
        <v>0</v>
      </c>
      <c r="O30" s="261">
        <v>0</v>
      </c>
      <c r="P30" s="258">
        <v>0</v>
      </c>
      <c r="Q30" s="260">
        <v>0</v>
      </c>
      <c r="R30" s="261">
        <v>0</v>
      </c>
      <c r="S30" s="261">
        <v>0</v>
      </c>
      <c r="T30" s="261">
        <v>2</v>
      </c>
      <c r="U30" s="261">
        <v>4</v>
      </c>
      <c r="V30" s="261">
        <v>3</v>
      </c>
      <c r="W30" s="258">
        <v>9</v>
      </c>
      <c r="X30" s="263">
        <v>9</v>
      </c>
      <c r="Y30" s="257">
        <v>1</v>
      </c>
      <c r="Z30" s="261">
        <v>5</v>
      </c>
      <c r="AA30" s="258">
        <v>6</v>
      </c>
      <c r="AB30" s="260">
        <v>0</v>
      </c>
      <c r="AC30" s="261">
        <v>11</v>
      </c>
      <c r="AD30" s="261">
        <v>12</v>
      </c>
      <c r="AE30" s="261">
        <v>9</v>
      </c>
      <c r="AF30" s="261">
        <v>10</v>
      </c>
      <c r="AG30" s="261">
        <v>7</v>
      </c>
      <c r="AH30" s="258">
        <v>49</v>
      </c>
      <c r="AI30" s="263">
        <v>55</v>
      </c>
      <c r="AJ30" s="257">
        <v>0</v>
      </c>
      <c r="AK30" s="261">
        <v>0</v>
      </c>
      <c r="AL30" s="258">
        <v>0</v>
      </c>
      <c r="AM30" s="260">
        <v>0</v>
      </c>
      <c r="AN30" s="261">
        <v>1</v>
      </c>
      <c r="AO30" s="261">
        <v>1</v>
      </c>
      <c r="AP30" s="261">
        <v>0</v>
      </c>
      <c r="AQ30" s="261">
        <v>2</v>
      </c>
      <c r="AR30" s="261">
        <v>2</v>
      </c>
      <c r="AS30" s="258">
        <v>6</v>
      </c>
      <c r="AT30" s="263">
        <v>6</v>
      </c>
      <c r="AU30" s="257">
        <v>1</v>
      </c>
      <c r="AV30" s="261">
        <v>1</v>
      </c>
      <c r="AW30" s="258">
        <v>2</v>
      </c>
      <c r="AX30" s="260">
        <v>0</v>
      </c>
      <c r="AY30" s="261">
        <v>13</v>
      </c>
      <c r="AZ30" s="261">
        <v>25</v>
      </c>
      <c r="BA30" s="261">
        <v>17</v>
      </c>
      <c r="BB30" s="261">
        <v>18</v>
      </c>
      <c r="BC30" s="261">
        <v>12</v>
      </c>
      <c r="BD30" s="262">
        <v>85</v>
      </c>
      <c r="BE30" s="263">
        <v>87</v>
      </c>
      <c r="BF30" s="257">
        <v>0</v>
      </c>
      <c r="BG30" s="261">
        <v>0</v>
      </c>
      <c r="BH30" s="258">
        <v>0</v>
      </c>
      <c r="BI30" s="260">
        <v>0</v>
      </c>
      <c r="BJ30" s="261">
        <v>29</v>
      </c>
      <c r="BK30" s="261">
        <v>36</v>
      </c>
      <c r="BL30" s="261">
        <v>18</v>
      </c>
      <c r="BM30" s="261">
        <v>10</v>
      </c>
      <c r="BN30" s="261">
        <v>6</v>
      </c>
      <c r="BO30" s="258">
        <v>99</v>
      </c>
      <c r="BP30" s="263">
        <v>99</v>
      </c>
      <c r="BQ30" s="257">
        <v>1</v>
      </c>
      <c r="BR30" s="261">
        <v>3</v>
      </c>
      <c r="BS30" s="258">
        <v>4</v>
      </c>
      <c r="BT30" s="260">
        <v>0</v>
      </c>
      <c r="BU30" s="261">
        <v>9</v>
      </c>
      <c r="BV30" s="261">
        <v>15</v>
      </c>
      <c r="BW30" s="261">
        <v>8</v>
      </c>
      <c r="BX30" s="261">
        <v>6</v>
      </c>
      <c r="BY30" s="261">
        <v>4</v>
      </c>
      <c r="BZ30" s="258">
        <v>42</v>
      </c>
      <c r="CA30" s="263">
        <v>46</v>
      </c>
      <c r="CB30" s="257">
        <v>0</v>
      </c>
      <c r="CC30" s="261">
        <v>1</v>
      </c>
      <c r="CD30" s="258">
        <v>1</v>
      </c>
      <c r="CE30" s="260">
        <v>0</v>
      </c>
      <c r="CF30" s="261">
        <v>5</v>
      </c>
      <c r="CG30" s="261">
        <v>9</v>
      </c>
      <c r="CH30" s="261">
        <v>6</v>
      </c>
      <c r="CI30" s="261">
        <v>6</v>
      </c>
      <c r="CJ30" s="261">
        <v>2</v>
      </c>
      <c r="CK30" s="258">
        <v>28</v>
      </c>
      <c r="CL30" s="263">
        <v>29</v>
      </c>
      <c r="CM30" s="257">
        <v>0</v>
      </c>
      <c r="CN30" s="261">
        <v>0</v>
      </c>
      <c r="CO30" s="258">
        <v>0</v>
      </c>
      <c r="CP30" s="260">
        <v>0</v>
      </c>
      <c r="CQ30" s="261">
        <v>1</v>
      </c>
      <c r="CR30" s="261">
        <v>3</v>
      </c>
      <c r="CS30" s="261">
        <v>4</v>
      </c>
      <c r="CT30" s="261">
        <v>0</v>
      </c>
      <c r="CU30" s="261">
        <v>0</v>
      </c>
      <c r="CV30" s="258">
        <v>8</v>
      </c>
      <c r="CW30" s="263">
        <v>8</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9</v>
      </c>
      <c r="DU30" s="261">
        <v>15</v>
      </c>
      <c r="DV30" s="258">
        <v>24</v>
      </c>
      <c r="DW30" s="260">
        <v>0</v>
      </c>
      <c r="DX30" s="261">
        <v>46</v>
      </c>
      <c r="DY30" s="261">
        <v>65</v>
      </c>
      <c r="DZ30" s="261">
        <v>34</v>
      </c>
      <c r="EA30" s="261">
        <v>23</v>
      </c>
      <c r="EB30" s="261">
        <v>13</v>
      </c>
      <c r="EC30" s="258">
        <v>181</v>
      </c>
      <c r="ED30" s="263">
        <v>205</v>
      </c>
      <c r="EE30" s="257">
        <v>0</v>
      </c>
      <c r="EF30" s="261">
        <v>0</v>
      </c>
      <c r="EG30" s="258">
        <v>0</v>
      </c>
      <c r="EH30" s="260">
        <v>0</v>
      </c>
      <c r="EI30" s="261">
        <v>6</v>
      </c>
      <c r="EJ30" s="261">
        <v>8</v>
      </c>
      <c r="EK30" s="261">
        <v>5</v>
      </c>
      <c r="EL30" s="261">
        <v>4</v>
      </c>
      <c r="EM30" s="261">
        <v>1</v>
      </c>
      <c r="EN30" s="258">
        <v>24</v>
      </c>
      <c r="EO30" s="263">
        <v>24</v>
      </c>
      <c r="EP30" s="257">
        <v>10</v>
      </c>
      <c r="EQ30" s="261">
        <v>17</v>
      </c>
      <c r="ER30" s="258">
        <v>27</v>
      </c>
      <c r="ES30" s="260">
        <v>0</v>
      </c>
      <c r="ET30" s="261">
        <v>83</v>
      </c>
      <c r="EU30" s="261">
        <v>88</v>
      </c>
      <c r="EV30" s="261">
        <v>40</v>
      </c>
      <c r="EW30" s="261">
        <v>27</v>
      </c>
      <c r="EX30" s="261">
        <v>14</v>
      </c>
      <c r="EY30" s="258">
        <v>252</v>
      </c>
      <c r="EZ30" s="263">
        <v>279</v>
      </c>
    </row>
    <row r="31" spans="2:156" ht="21" customHeight="1" x14ac:dyDescent="0.2">
      <c r="B31" s="468" t="s">
        <v>29</v>
      </c>
      <c r="C31" s="257">
        <v>0</v>
      </c>
      <c r="D31" s="261">
        <v>0</v>
      </c>
      <c r="E31" s="356">
        <v>0</v>
      </c>
      <c r="F31" s="260">
        <v>0</v>
      </c>
      <c r="G31" s="261">
        <v>23</v>
      </c>
      <c r="H31" s="261">
        <v>20</v>
      </c>
      <c r="I31" s="261">
        <v>17</v>
      </c>
      <c r="J31" s="261">
        <v>9</v>
      </c>
      <c r="K31" s="261">
        <v>11</v>
      </c>
      <c r="L31" s="262">
        <v>80</v>
      </c>
      <c r="M31" s="263">
        <v>80</v>
      </c>
      <c r="N31" s="257">
        <v>0</v>
      </c>
      <c r="O31" s="261">
        <v>0</v>
      </c>
      <c r="P31" s="258">
        <v>0</v>
      </c>
      <c r="Q31" s="260">
        <v>0</v>
      </c>
      <c r="R31" s="261">
        <v>0</v>
      </c>
      <c r="S31" s="261">
        <v>0</v>
      </c>
      <c r="T31" s="261">
        <v>1</v>
      </c>
      <c r="U31" s="261">
        <v>2</v>
      </c>
      <c r="V31" s="261">
        <v>7</v>
      </c>
      <c r="W31" s="258">
        <v>10</v>
      </c>
      <c r="X31" s="263">
        <v>10</v>
      </c>
      <c r="Y31" s="257">
        <v>2</v>
      </c>
      <c r="Z31" s="261">
        <v>5</v>
      </c>
      <c r="AA31" s="258">
        <v>7</v>
      </c>
      <c r="AB31" s="260">
        <v>0</v>
      </c>
      <c r="AC31" s="261">
        <v>27</v>
      </c>
      <c r="AD31" s="261">
        <v>18</v>
      </c>
      <c r="AE31" s="261">
        <v>15</v>
      </c>
      <c r="AF31" s="261">
        <v>9</v>
      </c>
      <c r="AG31" s="261">
        <v>11</v>
      </c>
      <c r="AH31" s="258">
        <v>80</v>
      </c>
      <c r="AI31" s="263">
        <v>87</v>
      </c>
      <c r="AJ31" s="257">
        <v>0</v>
      </c>
      <c r="AK31" s="261">
        <v>1</v>
      </c>
      <c r="AL31" s="258">
        <v>1</v>
      </c>
      <c r="AM31" s="260">
        <v>0</v>
      </c>
      <c r="AN31" s="261">
        <v>2</v>
      </c>
      <c r="AO31" s="261">
        <v>1</v>
      </c>
      <c r="AP31" s="261">
        <v>2</v>
      </c>
      <c r="AQ31" s="261">
        <v>2</v>
      </c>
      <c r="AR31" s="261">
        <v>0</v>
      </c>
      <c r="AS31" s="258">
        <v>7</v>
      </c>
      <c r="AT31" s="263">
        <v>8</v>
      </c>
      <c r="AU31" s="257">
        <v>2</v>
      </c>
      <c r="AV31" s="261">
        <v>2</v>
      </c>
      <c r="AW31" s="258">
        <v>4</v>
      </c>
      <c r="AX31" s="260">
        <v>0</v>
      </c>
      <c r="AY31" s="261">
        <v>19</v>
      </c>
      <c r="AZ31" s="261">
        <v>27</v>
      </c>
      <c r="BA31" s="261">
        <v>26</v>
      </c>
      <c r="BB31" s="261">
        <v>21</v>
      </c>
      <c r="BC31" s="261">
        <v>15</v>
      </c>
      <c r="BD31" s="262">
        <v>108</v>
      </c>
      <c r="BE31" s="263">
        <v>112</v>
      </c>
      <c r="BF31" s="257">
        <v>0</v>
      </c>
      <c r="BG31" s="261">
        <v>0</v>
      </c>
      <c r="BH31" s="258">
        <v>0</v>
      </c>
      <c r="BI31" s="260">
        <v>0</v>
      </c>
      <c r="BJ31" s="261">
        <v>29</v>
      </c>
      <c r="BK31" s="261">
        <v>39</v>
      </c>
      <c r="BL31" s="261">
        <v>30</v>
      </c>
      <c r="BM31" s="261">
        <v>12</v>
      </c>
      <c r="BN31" s="261">
        <v>7</v>
      </c>
      <c r="BO31" s="258">
        <v>117</v>
      </c>
      <c r="BP31" s="263">
        <v>117</v>
      </c>
      <c r="BQ31" s="257">
        <v>3</v>
      </c>
      <c r="BR31" s="261">
        <v>5</v>
      </c>
      <c r="BS31" s="258">
        <v>8</v>
      </c>
      <c r="BT31" s="260">
        <v>0</v>
      </c>
      <c r="BU31" s="261">
        <v>15</v>
      </c>
      <c r="BV31" s="261">
        <v>8</v>
      </c>
      <c r="BW31" s="261">
        <v>11</v>
      </c>
      <c r="BX31" s="261">
        <v>2</v>
      </c>
      <c r="BY31" s="261">
        <v>0</v>
      </c>
      <c r="BZ31" s="258">
        <v>36</v>
      </c>
      <c r="CA31" s="263">
        <v>44</v>
      </c>
      <c r="CB31" s="257">
        <v>1</v>
      </c>
      <c r="CC31" s="261">
        <v>0</v>
      </c>
      <c r="CD31" s="258">
        <v>1</v>
      </c>
      <c r="CE31" s="260">
        <v>0</v>
      </c>
      <c r="CF31" s="261">
        <v>7</v>
      </c>
      <c r="CG31" s="261">
        <v>7</v>
      </c>
      <c r="CH31" s="261">
        <v>15</v>
      </c>
      <c r="CI31" s="261">
        <v>6</v>
      </c>
      <c r="CJ31" s="261">
        <v>4</v>
      </c>
      <c r="CK31" s="258">
        <v>39</v>
      </c>
      <c r="CL31" s="263">
        <v>40</v>
      </c>
      <c r="CM31" s="257">
        <v>0</v>
      </c>
      <c r="CN31" s="261">
        <v>0</v>
      </c>
      <c r="CO31" s="258">
        <v>0</v>
      </c>
      <c r="CP31" s="260">
        <v>0</v>
      </c>
      <c r="CQ31" s="261">
        <v>2</v>
      </c>
      <c r="CR31" s="261">
        <v>3</v>
      </c>
      <c r="CS31" s="261">
        <v>2</v>
      </c>
      <c r="CT31" s="261">
        <v>1</v>
      </c>
      <c r="CU31" s="261">
        <v>0</v>
      </c>
      <c r="CV31" s="258">
        <v>8</v>
      </c>
      <c r="CW31" s="263">
        <v>8</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5</v>
      </c>
      <c r="DU31" s="261">
        <v>34</v>
      </c>
      <c r="DV31" s="258">
        <v>59</v>
      </c>
      <c r="DW31" s="260">
        <v>0</v>
      </c>
      <c r="DX31" s="261">
        <v>42</v>
      </c>
      <c r="DY31" s="261">
        <v>52</v>
      </c>
      <c r="DZ31" s="261">
        <v>50</v>
      </c>
      <c r="EA31" s="261">
        <v>28</v>
      </c>
      <c r="EB31" s="261">
        <v>21</v>
      </c>
      <c r="EC31" s="258">
        <v>193</v>
      </c>
      <c r="ED31" s="263">
        <v>252</v>
      </c>
      <c r="EE31" s="257">
        <v>1</v>
      </c>
      <c r="EF31" s="261">
        <v>1</v>
      </c>
      <c r="EG31" s="258">
        <v>2</v>
      </c>
      <c r="EH31" s="260">
        <v>0</v>
      </c>
      <c r="EI31" s="261">
        <v>7</v>
      </c>
      <c r="EJ31" s="261">
        <v>7</v>
      </c>
      <c r="EK31" s="261">
        <v>4</v>
      </c>
      <c r="EL31" s="261">
        <v>8</v>
      </c>
      <c r="EM31" s="261">
        <v>5</v>
      </c>
      <c r="EN31" s="258">
        <v>31</v>
      </c>
      <c r="EO31" s="263">
        <v>33</v>
      </c>
      <c r="EP31" s="257">
        <v>31</v>
      </c>
      <c r="EQ31" s="261">
        <v>40</v>
      </c>
      <c r="ER31" s="258">
        <v>71</v>
      </c>
      <c r="ES31" s="260">
        <v>0</v>
      </c>
      <c r="ET31" s="261">
        <v>84</v>
      </c>
      <c r="EU31" s="261">
        <v>79</v>
      </c>
      <c r="EV31" s="261">
        <v>63</v>
      </c>
      <c r="EW31" s="261">
        <v>30</v>
      </c>
      <c r="EX31" s="261">
        <v>21</v>
      </c>
      <c r="EY31" s="258">
        <v>277</v>
      </c>
      <c r="EZ31" s="263">
        <v>348</v>
      </c>
    </row>
    <row r="32" spans="2:156" ht="21" customHeight="1" x14ac:dyDescent="0.2">
      <c r="B32" s="468" t="s">
        <v>30</v>
      </c>
      <c r="C32" s="257">
        <v>0</v>
      </c>
      <c r="D32" s="261">
        <v>0</v>
      </c>
      <c r="E32" s="356">
        <v>0</v>
      </c>
      <c r="F32" s="260">
        <v>0</v>
      </c>
      <c r="G32" s="261">
        <v>19</v>
      </c>
      <c r="H32" s="261">
        <v>15</v>
      </c>
      <c r="I32" s="261">
        <v>12</v>
      </c>
      <c r="J32" s="261">
        <v>17</v>
      </c>
      <c r="K32" s="261">
        <v>5</v>
      </c>
      <c r="L32" s="262">
        <v>68</v>
      </c>
      <c r="M32" s="263">
        <v>68</v>
      </c>
      <c r="N32" s="257">
        <v>0</v>
      </c>
      <c r="O32" s="261">
        <v>0</v>
      </c>
      <c r="P32" s="258">
        <v>0</v>
      </c>
      <c r="Q32" s="260">
        <v>0</v>
      </c>
      <c r="R32" s="261">
        <v>2</v>
      </c>
      <c r="S32" s="261">
        <v>0</v>
      </c>
      <c r="T32" s="261">
        <v>3</v>
      </c>
      <c r="U32" s="261">
        <v>5</v>
      </c>
      <c r="V32" s="261">
        <v>3</v>
      </c>
      <c r="W32" s="258">
        <v>13</v>
      </c>
      <c r="X32" s="263">
        <v>13</v>
      </c>
      <c r="Y32" s="257">
        <v>4</v>
      </c>
      <c r="Z32" s="261">
        <v>8</v>
      </c>
      <c r="AA32" s="258">
        <v>12</v>
      </c>
      <c r="AB32" s="260">
        <v>0</v>
      </c>
      <c r="AC32" s="261">
        <v>22</v>
      </c>
      <c r="AD32" s="261">
        <v>14</v>
      </c>
      <c r="AE32" s="261">
        <v>17</v>
      </c>
      <c r="AF32" s="261">
        <v>16</v>
      </c>
      <c r="AG32" s="261">
        <v>5</v>
      </c>
      <c r="AH32" s="258">
        <v>74</v>
      </c>
      <c r="AI32" s="263">
        <v>86</v>
      </c>
      <c r="AJ32" s="257">
        <v>0</v>
      </c>
      <c r="AK32" s="261">
        <v>1</v>
      </c>
      <c r="AL32" s="258">
        <v>1</v>
      </c>
      <c r="AM32" s="260">
        <v>0</v>
      </c>
      <c r="AN32" s="261">
        <v>2</v>
      </c>
      <c r="AO32" s="261">
        <v>2</v>
      </c>
      <c r="AP32" s="261">
        <v>3</v>
      </c>
      <c r="AQ32" s="261">
        <v>1</v>
      </c>
      <c r="AR32" s="261">
        <v>0</v>
      </c>
      <c r="AS32" s="258">
        <v>8</v>
      </c>
      <c r="AT32" s="263">
        <v>9</v>
      </c>
      <c r="AU32" s="257">
        <v>2</v>
      </c>
      <c r="AV32" s="261">
        <v>0</v>
      </c>
      <c r="AW32" s="258">
        <v>2</v>
      </c>
      <c r="AX32" s="260">
        <v>0</v>
      </c>
      <c r="AY32" s="261">
        <v>21</v>
      </c>
      <c r="AZ32" s="261">
        <v>21</v>
      </c>
      <c r="BA32" s="261">
        <v>20</v>
      </c>
      <c r="BB32" s="261">
        <v>27</v>
      </c>
      <c r="BC32" s="261">
        <v>7</v>
      </c>
      <c r="BD32" s="262">
        <v>96</v>
      </c>
      <c r="BE32" s="263">
        <v>98</v>
      </c>
      <c r="BF32" s="257">
        <v>0</v>
      </c>
      <c r="BG32" s="261">
        <v>0</v>
      </c>
      <c r="BH32" s="258">
        <v>0</v>
      </c>
      <c r="BI32" s="260">
        <v>0</v>
      </c>
      <c r="BJ32" s="261">
        <v>24</v>
      </c>
      <c r="BK32" s="261">
        <v>22</v>
      </c>
      <c r="BL32" s="261">
        <v>15</v>
      </c>
      <c r="BM32" s="261">
        <v>12</v>
      </c>
      <c r="BN32" s="261">
        <v>3</v>
      </c>
      <c r="BO32" s="258">
        <v>76</v>
      </c>
      <c r="BP32" s="263">
        <v>76</v>
      </c>
      <c r="BQ32" s="257">
        <v>5</v>
      </c>
      <c r="BR32" s="261">
        <v>7</v>
      </c>
      <c r="BS32" s="258">
        <v>12</v>
      </c>
      <c r="BT32" s="260">
        <v>0</v>
      </c>
      <c r="BU32" s="261">
        <v>6</v>
      </c>
      <c r="BV32" s="261">
        <v>7</v>
      </c>
      <c r="BW32" s="261">
        <v>3</v>
      </c>
      <c r="BX32" s="261">
        <v>4</v>
      </c>
      <c r="BY32" s="261">
        <v>1</v>
      </c>
      <c r="BZ32" s="258">
        <v>21</v>
      </c>
      <c r="CA32" s="263">
        <v>33</v>
      </c>
      <c r="CB32" s="257">
        <v>0</v>
      </c>
      <c r="CC32" s="261">
        <v>1</v>
      </c>
      <c r="CD32" s="258">
        <v>1</v>
      </c>
      <c r="CE32" s="260">
        <v>0</v>
      </c>
      <c r="CF32" s="261">
        <v>6</v>
      </c>
      <c r="CG32" s="261">
        <v>4</v>
      </c>
      <c r="CH32" s="261">
        <v>4</v>
      </c>
      <c r="CI32" s="261">
        <v>3</v>
      </c>
      <c r="CJ32" s="261">
        <v>2</v>
      </c>
      <c r="CK32" s="258">
        <v>19</v>
      </c>
      <c r="CL32" s="263">
        <v>20</v>
      </c>
      <c r="CM32" s="257">
        <v>1</v>
      </c>
      <c r="CN32" s="261">
        <v>0</v>
      </c>
      <c r="CO32" s="258">
        <v>1</v>
      </c>
      <c r="CP32" s="260">
        <v>0</v>
      </c>
      <c r="CQ32" s="261">
        <v>1</v>
      </c>
      <c r="CR32" s="261">
        <v>2</v>
      </c>
      <c r="CS32" s="261">
        <v>1</v>
      </c>
      <c r="CT32" s="261">
        <v>1</v>
      </c>
      <c r="CU32" s="261">
        <v>1</v>
      </c>
      <c r="CV32" s="258">
        <v>6</v>
      </c>
      <c r="CW32" s="263">
        <v>7</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9</v>
      </c>
      <c r="DU32" s="261">
        <v>29</v>
      </c>
      <c r="DV32" s="258">
        <v>68</v>
      </c>
      <c r="DW32" s="260">
        <v>0</v>
      </c>
      <c r="DX32" s="261">
        <v>47</v>
      </c>
      <c r="DY32" s="261">
        <v>42</v>
      </c>
      <c r="DZ32" s="261">
        <v>45</v>
      </c>
      <c r="EA32" s="261">
        <v>31</v>
      </c>
      <c r="EB32" s="261">
        <v>10</v>
      </c>
      <c r="EC32" s="258">
        <v>175</v>
      </c>
      <c r="ED32" s="263">
        <v>243</v>
      </c>
      <c r="EE32" s="257">
        <v>1</v>
      </c>
      <c r="EF32" s="261">
        <v>0</v>
      </c>
      <c r="EG32" s="258">
        <v>1</v>
      </c>
      <c r="EH32" s="260">
        <v>0</v>
      </c>
      <c r="EI32" s="261">
        <v>8</v>
      </c>
      <c r="EJ32" s="261">
        <v>9</v>
      </c>
      <c r="EK32" s="261">
        <v>6</v>
      </c>
      <c r="EL32" s="261">
        <v>5</v>
      </c>
      <c r="EM32" s="261">
        <v>2</v>
      </c>
      <c r="EN32" s="258">
        <v>30</v>
      </c>
      <c r="EO32" s="263">
        <v>31</v>
      </c>
      <c r="EP32" s="257">
        <v>42</v>
      </c>
      <c r="EQ32" s="261">
        <v>33</v>
      </c>
      <c r="ER32" s="258">
        <v>75</v>
      </c>
      <c r="ES32" s="260">
        <v>0</v>
      </c>
      <c r="ET32" s="261">
        <v>82</v>
      </c>
      <c r="EU32" s="261">
        <v>52</v>
      </c>
      <c r="EV32" s="261">
        <v>48</v>
      </c>
      <c r="EW32" s="261">
        <v>34</v>
      </c>
      <c r="EX32" s="261">
        <v>11</v>
      </c>
      <c r="EY32" s="258">
        <v>227</v>
      </c>
      <c r="EZ32" s="263">
        <v>302</v>
      </c>
    </row>
    <row r="33" spans="2:156" ht="21" customHeight="1" x14ac:dyDescent="0.2">
      <c r="B33" s="468" t="s">
        <v>31</v>
      </c>
      <c r="C33" s="257">
        <v>0</v>
      </c>
      <c r="D33" s="261">
        <v>0</v>
      </c>
      <c r="E33" s="356">
        <v>0</v>
      </c>
      <c r="F33" s="260">
        <v>0</v>
      </c>
      <c r="G33" s="261">
        <v>14</v>
      </c>
      <c r="H33" s="261">
        <v>9</v>
      </c>
      <c r="I33" s="261">
        <v>7</v>
      </c>
      <c r="J33" s="261">
        <v>7</v>
      </c>
      <c r="K33" s="261">
        <v>6</v>
      </c>
      <c r="L33" s="262">
        <v>43</v>
      </c>
      <c r="M33" s="263">
        <v>43</v>
      </c>
      <c r="N33" s="257">
        <v>0</v>
      </c>
      <c r="O33" s="261">
        <v>0</v>
      </c>
      <c r="P33" s="258">
        <v>0</v>
      </c>
      <c r="Q33" s="260">
        <v>0</v>
      </c>
      <c r="R33" s="261">
        <v>2</v>
      </c>
      <c r="S33" s="261">
        <v>1</v>
      </c>
      <c r="T33" s="261">
        <v>3</v>
      </c>
      <c r="U33" s="261">
        <v>5</v>
      </c>
      <c r="V33" s="261">
        <v>2</v>
      </c>
      <c r="W33" s="258">
        <v>13</v>
      </c>
      <c r="X33" s="263">
        <v>13</v>
      </c>
      <c r="Y33" s="257">
        <v>4</v>
      </c>
      <c r="Z33" s="261">
        <v>6</v>
      </c>
      <c r="AA33" s="258">
        <v>10</v>
      </c>
      <c r="AB33" s="260">
        <v>0</v>
      </c>
      <c r="AC33" s="261">
        <v>13</v>
      </c>
      <c r="AD33" s="261">
        <v>13</v>
      </c>
      <c r="AE33" s="261">
        <v>11</v>
      </c>
      <c r="AF33" s="261">
        <v>17</v>
      </c>
      <c r="AG33" s="261">
        <v>5</v>
      </c>
      <c r="AH33" s="258">
        <v>59</v>
      </c>
      <c r="AI33" s="263">
        <v>69</v>
      </c>
      <c r="AJ33" s="257">
        <v>1</v>
      </c>
      <c r="AK33" s="261">
        <v>2</v>
      </c>
      <c r="AL33" s="258">
        <v>3</v>
      </c>
      <c r="AM33" s="260">
        <v>0</v>
      </c>
      <c r="AN33" s="261">
        <v>2</v>
      </c>
      <c r="AO33" s="261">
        <v>1</v>
      </c>
      <c r="AP33" s="261">
        <v>2</v>
      </c>
      <c r="AQ33" s="261">
        <v>1</v>
      </c>
      <c r="AR33" s="261">
        <v>0</v>
      </c>
      <c r="AS33" s="258">
        <v>6</v>
      </c>
      <c r="AT33" s="263">
        <v>9</v>
      </c>
      <c r="AU33" s="257">
        <v>3</v>
      </c>
      <c r="AV33" s="261">
        <v>0</v>
      </c>
      <c r="AW33" s="258">
        <v>3</v>
      </c>
      <c r="AX33" s="260">
        <v>0</v>
      </c>
      <c r="AY33" s="261">
        <v>11</v>
      </c>
      <c r="AZ33" s="261">
        <v>16</v>
      </c>
      <c r="BA33" s="261">
        <v>12</v>
      </c>
      <c r="BB33" s="261">
        <v>17</v>
      </c>
      <c r="BC33" s="261">
        <v>9</v>
      </c>
      <c r="BD33" s="262">
        <v>65</v>
      </c>
      <c r="BE33" s="263">
        <v>68</v>
      </c>
      <c r="BF33" s="257">
        <v>0</v>
      </c>
      <c r="BG33" s="261">
        <v>0</v>
      </c>
      <c r="BH33" s="258">
        <v>0</v>
      </c>
      <c r="BI33" s="260">
        <v>0</v>
      </c>
      <c r="BJ33" s="261">
        <v>32</v>
      </c>
      <c r="BK33" s="261">
        <v>23</v>
      </c>
      <c r="BL33" s="261">
        <v>10</v>
      </c>
      <c r="BM33" s="261">
        <v>7</v>
      </c>
      <c r="BN33" s="261">
        <v>5</v>
      </c>
      <c r="BO33" s="258">
        <v>77</v>
      </c>
      <c r="BP33" s="263">
        <v>77</v>
      </c>
      <c r="BQ33" s="257">
        <v>0</v>
      </c>
      <c r="BR33" s="261">
        <v>1</v>
      </c>
      <c r="BS33" s="258">
        <v>1</v>
      </c>
      <c r="BT33" s="260">
        <v>0</v>
      </c>
      <c r="BU33" s="261">
        <v>5</v>
      </c>
      <c r="BV33" s="261">
        <v>5</v>
      </c>
      <c r="BW33" s="261">
        <v>8</v>
      </c>
      <c r="BX33" s="261">
        <v>1</v>
      </c>
      <c r="BY33" s="261">
        <v>1</v>
      </c>
      <c r="BZ33" s="258">
        <v>20</v>
      </c>
      <c r="CA33" s="263">
        <v>21</v>
      </c>
      <c r="CB33" s="257">
        <v>0</v>
      </c>
      <c r="CC33" s="261">
        <v>1</v>
      </c>
      <c r="CD33" s="258">
        <v>1</v>
      </c>
      <c r="CE33" s="260">
        <v>0</v>
      </c>
      <c r="CF33" s="261">
        <v>2</v>
      </c>
      <c r="CG33" s="261">
        <v>3</v>
      </c>
      <c r="CH33" s="261">
        <v>5</v>
      </c>
      <c r="CI33" s="261">
        <v>9</v>
      </c>
      <c r="CJ33" s="261">
        <v>2</v>
      </c>
      <c r="CK33" s="258">
        <v>21</v>
      </c>
      <c r="CL33" s="263">
        <v>22</v>
      </c>
      <c r="CM33" s="257">
        <v>0</v>
      </c>
      <c r="CN33" s="261">
        <v>0</v>
      </c>
      <c r="CO33" s="258">
        <v>0</v>
      </c>
      <c r="CP33" s="260">
        <v>0</v>
      </c>
      <c r="CQ33" s="261">
        <v>1</v>
      </c>
      <c r="CR33" s="261">
        <v>1</v>
      </c>
      <c r="CS33" s="261">
        <v>0</v>
      </c>
      <c r="CT33" s="261">
        <v>0</v>
      </c>
      <c r="CU33" s="261">
        <v>2</v>
      </c>
      <c r="CV33" s="258">
        <v>4</v>
      </c>
      <c r="CW33" s="263">
        <v>4</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0</v>
      </c>
      <c r="DU33" s="261">
        <v>54</v>
      </c>
      <c r="DV33" s="258">
        <v>74</v>
      </c>
      <c r="DW33" s="260">
        <v>0</v>
      </c>
      <c r="DX33" s="261">
        <v>39</v>
      </c>
      <c r="DY33" s="261">
        <v>51</v>
      </c>
      <c r="DZ33" s="261">
        <v>39</v>
      </c>
      <c r="EA33" s="261">
        <v>26</v>
      </c>
      <c r="EB33" s="261">
        <v>13</v>
      </c>
      <c r="EC33" s="258">
        <v>168</v>
      </c>
      <c r="ED33" s="263">
        <v>242</v>
      </c>
      <c r="EE33" s="257">
        <v>2</v>
      </c>
      <c r="EF33" s="261">
        <v>0</v>
      </c>
      <c r="EG33" s="258">
        <v>2</v>
      </c>
      <c r="EH33" s="260">
        <v>0</v>
      </c>
      <c r="EI33" s="261">
        <v>5</v>
      </c>
      <c r="EJ33" s="261">
        <v>9</v>
      </c>
      <c r="EK33" s="261">
        <v>4</v>
      </c>
      <c r="EL33" s="261">
        <v>3</v>
      </c>
      <c r="EM33" s="261">
        <v>1</v>
      </c>
      <c r="EN33" s="258">
        <v>22</v>
      </c>
      <c r="EO33" s="263">
        <v>24</v>
      </c>
      <c r="EP33" s="257">
        <v>23</v>
      </c>
      <c r="EQ33" s="261">
        <v>57</v>
      </c>
      <c r="ER33" s="258">
        <v>80</v>
      </c>
      <c r="ES33" s="260">
        <v>0</v>
      </c>
      <c r="ET33" s="261">
        <v>80</v>
      </c>
      <c r="EU33" s="261">
        <v>64</v>
      </c>
      <c r="EV33" s="261">
        <v>40</v>
      </c>
      <c r="EW33" s="261">
        <v>28</v>
      </c>
      <c r="EX33" s="261">
        <v>13</v>
      </c>
      <c r="EY33" s="258">
        <v>225</v>
      </c>
      <c r="EZ33" s="263">
        <v>305</v>
      </c>
    </row>
    <row r="34" spans="2:156" ht="21" customHeight="1" x14ac:dyDescent="0.2">
      <c r="B34" s="468" t="s">
        <v>32</v>
      </c>
      <c r="C34" s="257">
        <v>0</v>
      </c>
      <c r="D34" s="261">
        <v>0</v>
      </c>
      <c r="E34" s="356">
        <v>0</v>
      </c>
      <c r="F34" s="260">
        <v>0</v>
      </c>
      <c r="G34" s="261">
        <v>26</v>
      </c>
      <c r="H34" s="261">
        <v>19</v>
      </c>
      <c r="I34" s="261">
        <v>16</v>
      </c>
      <c r="J34" s="261">
        <v>9</v>
      </c>
      <c r="K34" s="261">
        <v>9</v>
      </c>
      <c r="L34" s="262">
        <v>79</v>
      </c>
      <c r="M34" s="263">
        <v>79</v>
      </c>
      <c r="N34" s="257">
        <v>0</v>
      </c>
      <c r="O34" s="261">
        <v>0</v>
      </c>
      <c r="P34" s="258">
        <v>0</v>
      </c>
      <c r="Q34" s="260">
        <v>0</v>
      </c>
      <c r="R34" s="261">
        <v>0</v>
      </c>
      <c r="S34" s="261">
        <v>0</v>
      </c>
      <c r="T34" s="261">
        <v>2</v>
      </c>
      <c r="U34" s="261">
        <v>3</v>
      </c>
      <c r="V34" s="261">
        <v>5</v>
      </c>
      <c r="W34" s="258">
        <v>10</v>
      </c>
      <c r="X34" s="263">
        <v>10</v>
      </c>
      <c r="Y34" s="257">
        <v>2</v>
      </c>
      <c r="Z34" s="261">
        <v>8</v>
      </c>
      <c r="AA34" s="258">
        <v>10</v>
      </c>
      <c r="AB34" s="260">
        <v>0</v>
      </c>
      <c r="AC34" s="261">
        <v>36</v>
      </c>
      <c r="AD34" s="261">
        <v>27</v>
      </c>
      <c r="AE34" s="261">
        <v>14</v>
      </c>
      <c r="AF34" s="261">
        <v>8</v>
      </c>
      <c r="AG34" s="261">
        <v>6</v>
      </c>
      <c r="AH34" s="258">
        <v>91</v>
      </c>
      <c r="AI34" s="263">
        <v>101</v>
      </c>
      <c r="AJ34" s="257">
        <v>0</v>
      </c>
      <c r="AK34" s="261">
        <v>1</v>
      </c>
      <c r="AL34" s="258">
        <v>1</v>
      </c>
      <c r="AM34" s="260">
        <v>0</v>
      </c>
      <c r="AN34" s="261">
        <v>4</v>
      </c>
      <c r="AO34" s="261">
        <v>2</v>
      </c>
      <c r="AP34" s="261">
        <v>0</v>
      </c>
      <c r="AQ34" s="261">
        <v>2</v>
      </c>
      <c r="AR34" s="261">
        <v>2</v>
      </c>
      <c r="AS34" s="258">
        <v>10</v>
      </c>
      <c r="AT34" s="263">
        <v>11</v>
      </c>
      <c r="AU34" s="257">
        <v>6</v>
      </c>
      <c r="AV34" s="261">
        <v>1</v>
      </c>
      <c r="AW34" s="258">
        <v>7</v>
      </c>
      <c r="AX34" s="260">
        <v>0</v>
      </c>
      <c r="AY34" s="261">
        <v>21</v>
      </c>
      <c r="AZ34" s="261">
        <v>23</v>
      </c>
      <c r="BA34" s="261">
        <v>26</v>
      </c>
      <c r="BB34" s="261">
        <v>25</v>
      </c>
      <c r="BC34" s="261">
        <v>19</v>
      </c>
      <c r="BD34" s="262">
        <v>114</v>
      </c>
      <c r="BE34" s="263">
        <v>121</v>
      </c>
      <c r="BF34" s="257">
        <v>0</v>
      </c>
      <c r="BG34" s="261">
        <v>0</v>
      </c>
      <c r="BH34" s="258">
        <v>0</v>
      </c>
      <c r="BI34" s="260">
        <v>0</v>
      </c>
      <c r="BJ34" s="261">
        <v>48</v>
      </c>
      <c r="BK34" s="261">
        <v>49</v>
      </c>
      <c r="BL34" s="261">
        <v>21</v>
      </c>
      <c r="BM34" s="261">
        <v>16</v>
      </c>
      <c r="BN34" s="261">
        <v>3</v>
      </c>
      <c r="BO34" s="258">
        <v>137</v>
      </c>
      <c r="BP34" s="263">
        <v>137</v>
      </c>
      <c r="BQ34" s="257">
        <v>3</v>
      </c>
      <c r="BR34" s="261">
        <v>4</v>
      </c>
      <c r="BS34" s="258">
        <v>7</v>
      </c>
      <c r="BT34" s="260">
        <v>0</v>
      </c>
      <c r="BU34" s="261">
        <v>9</v>
      </c>
      <c r="BV34" s="261">
        <v>15</v>
      </c>
      <c r="BW34" s="261">
        <v>4</v>
      </c>
      <c r="BX34" s="261">
        <v>9</v>
      </c>
      <c r="BY34" s="261">
        <v>3</v>
      </c>
      <c r="BZ34" s="258">
        <v>40</v>
      </c>
      <c r="CA34" s="263">
        <v>47</v>
      </c>
      <c r="CB34" s="257">
        <v>0</v>
      </c>
      <c r="CC34" s="261">
        <v>3</v>
      </c>
      <c r="CD34" s="258">
        <v>3</v>
      </c>
      <c r="CE34" s="260">
        <v>0</v>
      </c>
      <c r="CF34" s="261">
        <v>4</v>
      </c>
      <c r="CG34" s="261">
        <v>8</v>
      </c>
      <c r="CH34" s="261">
        <v>7</v>
      </c>
      <c r="CI34" s="261">
        <v>2</v>
      </c>
      <c r="CJ34" s="261">
        <v>4</v>
      </c>
      <c r="CK34" s="258">
        <v>25</v>
      </c>
      <c r="CL34" s="263">
        <v>28</v>
      </c>
      <c r="CM34" s="257">
        <v>0</v>
      </c>
      <c r="CN34" s="261">
        <v>0</v>
      </c>
      <c r="CO34" s="258">
        <v>0</v>
      </c>
      <c r="CP34" s="260">
        <v>0</v>
      </c>
      <c r="CQ34" s="261">
        <v>1</v>
      </c>
      <c r="CR34" s="261">
        <v>3</v>
      </c>
      <c r="CS34" s="261">
        <v>0</v>
      </c>
      <c r="CT34" s="261">
        <v>4</v>
      </c>
      <c r="CU34" s="261">
        <v>3</v>
      </c>
      <c r="CV34" s="258">
        <v>11</v>
      </c>
      <c r="CW34" s="263">
        <v>1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22</v>
      </c>
      <c r="DU34" s="261">
        <v>44</v>
      </c>
      <c r="DV34" s="258">
        <v>66</v>
      </c>
      <c r="DW34" s="260">
        <v>0</v>
      </c>
      <c r="DX34" s="261">
        <v>71</v>
      </c>
      <c r="DY34" s="261">
        <v>75</v>
      </c>
      <c r="DZ34" s="261">
        <v>46</v>
      </c>
      <c r="EA34" s="261">
        <v>33</v>
      </c>
      <c r="EB34" s="261">
        <v>15</v>
      </c>
      <c r="EC34" s="258">
        <v>240</v>
      </c>
      <c r="ED34" s="263">
        <v>306</v>
      </c>
      <c r="EE34" s="257">
        <v>4</v>
      </c>
      <c r="EF34" s="261">
        <v>2</v>
      </c>
      <c r="EG34" s="258">
        <v>6</v>
      </c>
      <c r="EH34" s="260">
        <v>0</v>
      </c>
      <c r="EI34" s="261">
        <v>8</v>
      </c>
      <c r="EJ34" s="261">
        <v>6</v>
      </c>
      <c r="EK34" s="261">
        <v>8</v>
      </c>
      <c r="EL34" s="261">
        <v>13</v>
      </c>
      <c r="EM34" s="261">
        <v>6</v>
      </c>
      <c r="EN34" s="258">
        <v>41</v>
      </c>
      <c r="EO34" s="263">
        <v>47</v>
      </c>
      <c r="EP34" s="257">
        <v>24</v>
      </c>
      <c r="EQ34" s="261">
        <v>51</v>
      </c>
      <c r="ER34" s="258">
        <v>75</v>
      </c>
      <c r="ES34" s="260">
        <v>0</v>
      </c>
      <c r="ET34" s="261">
        <v>129</v>
      </c>
      <c r="EU34" s="261">
        <v>110</v>
      </c>
      <c r="EV34" s="261">
        <v>54</v>
      </c>
      <c r="EW34" s="261">
        <v>31</v>
      </c>
      <c r="EX34" s="261">
        <v>18</v>
      </c>
      <c r="EY34" s="258">
        <v>342</v>
      </c>
      <c r="EZ34" s="263">
        <v>417</v>
      </c>
    </row>
    <row r="35" spans="2:156" ht="21" customHeight="1" x14ac:dyDescent="0.2">
      <c r="B35" s="468" t="s">
        <v>33</v>
      </c>
      <c r="C35" s="257">
        <v>0</v>
      </c>
      <c r="D35" s="261">
        <v>0</v>
      </c>
      <c r="E35" s="356">
        <v>0</v>
      </c>
      <c r="F35" s="260">
        <v>0</v>
      </c>
      <c r="G35" s="261">
        <v>21</v>
      </c>
      <c r="H35" s="261">
        <v>15</v>
      </c>
      <c r="I35" s="261">
        <v>10</v>
      </c>
      <c r="J35" s="261">
        <v>4</v>
      </c>
      <c r="K35" s="261">
        <v>7</v>
      </c>
      <c r="L35" s="262">
        <v>57</v>
      </c>
      <c r="M35" s="263">
        <v>57</v>
      </c>
      <c r="N35" s="257">
        <v>0</v>
      </c>
      <c r="O35" s="261">
        <v>0</v>
      </c>
      <c r="P35" s="258">
        <v>0</v>
      </c>
      <c r="Q35" s="260">
        <v>0</v>
      </c>
      <c r="R35" s="261">
        <v>2</v>
      </c>
      <c r="S35" s="261">
        <v>1</v>
      </c>
      <c r="T35" s="261">
        <v>1</v>
      </c>
      <c r="U35" s="261">
        <v>2</v>
      </c>
      <c r="V35" s="261">
        <v>4</v>
      </c>
      <c r="W35" s="258">
        <v>10</v>
      </c>
      <c r="X35" s="263">
        <v>10</v>
      </c>
      <c r="Y35" s="257">
        <v>0</v>
      </c>
      <c r="Z35" s="261">
        <v>2</v>
      </c>
      <c r="AA35" s="258">
        <v>2</v>
      </c>
      <c r="AB35" s="260">
        <v>0</v>
      </c>
      <c r="AC35" s="261">
        <v>17</v>
      </c>
      <c r="AD35" s="261">
        <v>10</v>
      </c>
      <c r="AE35" s="261">
        <v>6</v>
      </c>
      <c r="AF35" s="261">
        <v>5</v>
      </c>
      <c r="AG35" s="261">
        <v>5</v>
      </c>
      <c r="AH35" s="258">
        <v>43</v>
      </c>
      <c r="AI35" s="263">
        <v>45</v>
      </c>
      <c r="AJ35" s="257">
        <v>14</v>
      </c>
      <c r="AK35" s="261">
        <v>20</v>
      </c>
      <c r="AL35" s="258">
        <v>34</v>
      </c>
      <c r="AM35" s="260">
        <v>0</v>
      </c>
      <c r="AN35" s="261">
        <v>32</v>
      </c>
      <c r="AO35" s="261">
        <v>20</v>
      </c>
      <c r="AP35" s="261">
        <v>9</v>
      </c>
      <c r="AQ35" s="261">
        <v>4</v>
      </c>
      <c r="AR35" s="261">
        <v>2</v>
      </c>
      <c r="AS35" s="258">
        <v>67</v>
      </c>
      <c r="AT35" s="263">
        <v>101</v>
      </c>
      <c r="AU35" s="257">
        <v>7</v>
      </c>
      <c r="AV35" s="261">
        <v>9</v>
      </c>
      <c r="AW35" s="258">
        <v>16</v>
      </c>
      <c r="AX35" s="260">
        <v>0</v>
      </c>
      <c r="AY35" s="261">
        <v>28</v>
      </c>
      <c r="AZ35" s="261">
        <v>39</v>
      </c>
      <c r="BA35" s="261">
        <v>38</v>
      </c>
      <c r="BB35" s="261">
        <v>14</v>
      </c>
      <c r="BC35" s="261">
        <v>24</v>
      </c>
      <c r="BD35" s="262">
        <v>143</v>
      </c>
      <c r="BE35" s="263">
        <v>159</v>
      </c>
      <c r="BF35" s="257">
        <v>0</v>
      </c>
      <c r="BG35" s="261">
        <v>0</v>
      </c>
      <c r="BH35" s="258">
        <v>0</v>
      </c>
      <c r="BI35" s="260">
        <v>0</v>
      </c>
      <c r="BJ35" s="261">
        <v>9</v>
      </c>
      <c r="BK35" s="261">
        <v>10</v>
      </c>
      <c r="BL35" s="261">
        <v>4</v>
      </c>
      <c r="BM35" s="261">
        <v>2</v>
      </c>
      <c r="BN35" s="261">
        <v>5</v>
      </c>
      <c r="BO35" s="258">
        <v>30</v>
      </c>
      <c r="BP35" s="263">
        <v>30</v>
      </c>
      <c r="BQ35" s="257">
        <v>6</v>
      </c>
      <c r="BR35" s="261">
        <v>13</v>
      </c>
      <c r="BS35" s="258">
        <v>19</v>
      </c>
      <c r="BT35" s="260">
        <v>0</v>
      </c>
      <c r="BU35" s="261">
        <v>34</v>
      </c>
      <c r="BV35" s="261">
        <v>17</v>
      </c>
      <c r="BW35" s="261">
        <v>8</v>
      </c>
      <c r="BX35" s="261">
        <v>2</v>
      </c>
      <c r="BY35" s="261">
        <v>1</v>
      </c>
      <c r="BZ35" s="258">
        <v>62</v>
      </c>
      <c r="CA35" s="263">
        <v>81</v>
      </c>
      <c r="CB35" s="257">
        <v>0</v>
      </c>
      <c r="CC35" s="261">
        <v>0</v>
      </c>
      <c r="CD35" s="258">
        <v>0</v>
      </c>
      <c r="CE35" s="260">
        <v>0</v>
      </c>
      <c r="CF35" s="261">
        <v>0</v>
      </c>
      <c r="CG35" s="261">
        <v>5</v>
      </c>
      <c r="CH35" s="261">
        <v>6</v>
      </c>
      <c r="CI35" s="261">
        <v>3</v>
      </c>
      <c r="CJ35" s="261">
        <v>0</v>
      </c>
      <c r="CK35" s="258">
        <v>14</v>
      </c>
      <c r="CL35" s="263">
        <v>14</v>
      </c>
      <c r="CM35" s="257">
        <v>0</v>
      </c>
      <c r="CN35" s="261">
        <v>0</v>
      </c>
      <c r="CO35" s="258">
        <v>0</v>
      </c>
      <c r="CP35" s="260">
        <v>0</v>
      </c>
      <c r="CQ35" s="261">
        <v>2</v>
      </c>
      <c r="CR35" s="261">
        <v>2</v>
      </c>
      <c r="CS35" s="261">
        <v>1</v>
      </c>
      <c r="CT35" s="261">
        <v>2</v>
      </c>
      <c r="CU35" s="261">
        <v>1</v>
      </c>
      <c r="CV35" s="258">
        <v>8</v>
      </c>
      <c r="CW35" s="263">
        <v>8</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9</v>
      </c>
      <c r="DU35" s="261">
        <v>40</v>
      </c>
      <c r="DV35" s="258">
        <v>59</v>
      </c>
      <c r="DW35" s="260">
        <v>0</v>
      </c>
      <c r="DX35" s="261">
        <v>61</v>
      </c>
      <c r="DY35" s="261">
        <v>43</v>
      </c>
      <c r="DZ35" s="261">
        <v>29</v>
      </c>
      <c r="EA35" s="261">
        <v>15</v>
      </c>
      <c r="EB35" s="261">
        <v>19</v>
      </c>
      <c r="EC35" s="258">
        <v>167</v>
      </c>
      <c r="ED35" s="263">
        <v>226</v>
      </c>
      <c r="EE35" s="257">
        <v>2</v>
      </c>
      <c r="EF35" s="261">
        <v>4</v>
      </c>
      <c r="EG35" s="258">
        <v>6</v>
      </c>
      <c r="EH35" s="260">
        <v>0</v>
      </c>
      <c r="EI35" s="261">
        <v>14</v>
      </c>
      <c r="EJ35" s="261">
        <v>21</v>
      </c>
      <c r="EK35" s="261">
        <v>18</v>
      </c>
      <c r="EL35" s="261">
        <v>5</v>
      </c>
      <c r="EM35" s="261">
        <v>8</v>
      </c>
      <c r="EN35" s="258">
        <v>66</v>
      </c>
      <c r="EO35" s="263">
        <v>72</v>
      </c>
      <c r="EP35" s="257">
        <v>34</v>
      </c>
      <c r="EQ35" s="261">
        <v>58</v>
      </c>
      <c r="ER35" s="258">
        <v>92</v>
      </c>
      <c r="ES35" s="260">
        <v>0</v>
      </c>
      <c r="ET35" s="261">
        <v>98</v>
      </c>
      <c r="EU35" s="261">
        <v>57</v>
      </c>
      <c r="EV35" s="261">
        <v>38</v>
      </c>
      <c r="EW35" s="261">
        <v>14</v>
      </c>
      <c r="EX35" s="261">
        <v>14</v>
      </c>
      <c r="EY35" s="258">
        <v>221</v>
      </c>
      <c r="EZ35" s="263">
        <v>313</v>
      </c>
    </row>
    <row r="36" spans="2:156" ht="21" customHeight="1" x14ac:dyDescent="0.2">
      <c r="B36" s="468" t="s">
        <v>34</v>
      </c>
      <c r="C36" s="257">
        <v>0</v>
      </c>
      <c r="D36" s="261">
        <v>0</v>
      </c>
      <c r="E36" s="356">
        <v>0</v>
      </c>
      <c r="F36" s="260">
        <v>0</v>
      </c>
      <c r="G36" s="261">
        <v>15</v>
      </c>
      <c r="H36" s="261">
        <v>9</v>
      </c>
      <c r="I36" s="261">
        <v>3</v>
      </c>
      <c r="J36" s="261">
        <v>7</v>
      </c>
      <c r="K36" s="261">
        <v>3</v>
      </c>
      <c r="L36" s="262">
        <v>37</v>
      </c>
      <c r="M36" s="263">
        <v>37</v>
      </c>
      <c r="N36" s="257">
        <v>0</v>
      </c>
      <c r="O36" s="261">
        <v>0</v>
      </c>
      <c r="P36" s="258">
        <v>0</v>
      </c>
      <c r="Q36" s="260">
        <v>0</v>
      </c>
      <c r="R36" s="261">
        <v>0</v>
      </c>
      <c r="S36" s="261">
        <v>1</v>
      </c>
      <c r="T36" s="261">
        <v>1</v>
      </c>
      <c r="U36" s="261">
        <v>1</v>
      </c>
      <c r="V36" s="261">
        <v>5</v>
      </c>
      <c r="W36" s="258">
        <v>8</v>
      </c>
      <c r="X36" s="263">
        <v>8</v>
      </c>
      <c r="Y36" s="257">
        <v>0</v>
      </c>
      <c r="Z36" s="261">
        <v>9</v>
      </c>
      <c r="AA36" s="258">
        <v>9</v>
      </c>
      <c r="AB36" s="260">
        <v>0</v>
      </c>
      <c r="AC36" s="261">
        <v>19</v>
      </c>
      <c r="AD36" s="261">
        <v>13</v>
      </c>
      <c r="AE36" s="261">
        <v>7</v>
      </c>
      <c r="AF36" s="261">
        <v>8</v>
      </c>
      <c r="AG36" s="261">
        <v>7</v>
      </c>
      <c r="AH36" s="258">
        <v>54</v>
      </c>
      <c r="AI36" s="263">
        <v>63</v>
      </c>
      <c r="AJ36" s="257">
        <v>0</v>
      </c>
      <c r="AK36" s="261">
        <v>1</v>
      </c>
      <c r="AL36" s="258">
        <v>1</v>
      </c>
      <c r="AM36" s="260">
        <v>0</v>
      </c>
      <c r="AN36" s="261">
        <v>6</v>
      </c>
      <c r="AO36" s="261">
        <v>2</v>
      </c>
      <c r="AP36" s="261">
        <v>2</v>
      </c>
      <c r="AQ36" s="261">
        <v>1</v>
      </c>
      <c r="AR36" s="261">
        <v>1</v>
      </c>
      <c r="AS36" s="258">
        <v>12</v>
      </c>
      <c r="AT36" s="263">
        <v>13</v>
      </c>
      <c r="AU36" s="257">
        <v>3</v>
      </c>
      <c r="AV36" s="261">
        <v>5</v>
      </c>
      <c r="AW36" s="258">
        <v>8</v>
      </c>
      <c r="AX36" s="260">
        <v>0</v>
      </c>
      <c r="AY36" s="261">
        <v>31</v>
      </c>
      <c r="AZ36" s="261">
        <v>26</v>
      </c>
      <c r="BA36" s="261">
        <v>16</v>
      </c>
      <c r="BB36" s="261">
        <v>22</v>
      </c>
      <c r="BC36" s="261">
        <v>14</v>
      </c>
      <c r="BD36" s="262">
        <v>109</v>
      </c>
      <c r="BE36" s="263">
        <v>117</v>
      </c>
      <c r="BF36" s="257">
        <v>0</v>
      </c>
      <c r="BG36" s="261">
        <v>0</v>
      </c>
      <c r="BH36" s="258">
        <v>0</v>
      </c>
      <c r="BI36" s="260">
        <v>0</v>
      </c>
      <c r="BJ36" s="261">
        <v>29</v>
      </c>
      <c r="BK36" s="261">
        <v>18</v>
      </c>
      <c r="BL36" s="261">
        <v>11</v>
      </c>
      <c r="BM36" s="261">
        <v>11</v>
      </c>
      <c r="BN36" s="261">
        <v>0</v>
      </c>
      <c r="BO36" s="258">
        <v>69</v>
      </c>
      <c r="BP36" s="263">
        <v>69</v>
      </c>
      <c r="BQ36" s="257">
        <v>1</v>
      </c>
      <c r="BR36" s="261">
        <v>4</v>
      </c>
      <c r="BS36" s="258">
        <v>5</v>
      </c>
      <c r="BT36" s="260">
        <v>0</v>
      </c>
      <c r="BU36" s="261">
        <v>9</v>
      </c>
      <c r="BV36" s="261">
        <v>2</v>
      </c>
      <c r="BW36" s="261">
        <v>2</v>
      </c>
      <c r="BX36" s="261">
        <v>5</v>
      </c>
      <c r="BY36" s="261">
        <v>0</v>
      </c>
      <c r="BZ36" s="258">
        <v>18</v>
      </c>
      <c r="CA36" s="263">
        <v>23</v>
      </c>
      <c r="CB36" s="257">
        <v>0</v>
      </c>
      <c r="CC36" s="261">
        <v>0</v>
      </c>
      <c r="CD36" s="258">
        <v>0</v>
      </c>
      <c r="CE36" s="260">
        <v>0</v>
      </c>
      <c r="CF36" s="261">
        <v>3</v>
      </c>
      <c r="CG36" s="261">
        <v>1</v>
      </c>
      <c r="CH36" s="261">
        <v>3</v>
      </c>
      <c r="CI36" s="261">
        <v>4</v>
      </c>
      <c r="CJ36" s="261">
        <v>4</v>
      </c>
      <c r="CK36" s="258">
        <v>15</v>
      </c>
      <c r="CL36" s="263">
        <v>15</v>
      </c>
      <c r="CM36" s="257">
        <v>0</v>
      </c>
      <c r="CN36" s="261">
        <v>0</v>
      </c>
      <c r="CO36" s="258">
        <v>0</v>
      </c>
      <c r="CP36" s="260">
        <v>0</v>
      </c>
      <c r="CQ36" s="261">
        <v>0</v>
      </c>
      <c r="CR36" s="261">
        <v>0</v>
      </c>
      <c r="CS36" s="261">
        <v>0</v>
      </c>
      <c r="CT36" s="261">
        <v>1</v>
      </c>
      <c r="CU36" s="261">
        <v>1</v>
      </c>
      <c r="CV36" s="258">
        <v>2</v>
      </c>
      <c r="CW36" s="263">
        <v>2</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4</v>
      </c>
      <c r="DU36" s="261">
        <v>24</v>
      </c>
      <c r="DV36" s="258">
        <v>38</v>
      </c>
      <c r="DW36" s="260">
        <v>0</v>
      </c>
      <c r="DX36" s="261">
        <v>49</v>
      </c>
      <c r="DY36" s="261">
        <v>49</v>
      </c>
      <c r="DZ36" s="261">
        <v>26</v>
      </c>
      <c r="EA36" s="261">
        <v>24</v>
      </c>
      <c r="EB36" s="261">
        <v>9</v>
      </c>
      <c r="EC36" s="258">
        <v>157</v>
      </c>
      <c r="ED36" s="263">
        <v>195</v>
      </c>
      <c r="EE36" s="257">
        <v>2</v>
      </c>
      <c r="EF36" s="261">
        <v>3</v>
      </c>
      <c r="EG36" s="258">
        <v>5</v>
      </c>
      <c r="EH36" s="260">
        <v>0</v>
      </c>
      <c r="EI36" s="261">
        <v>14</v>
      </c>
      <c r="EJ36" s="261">
        <v>7</v>
      </c>
      <c r="EK36" s="261">
        <v>4</v>
      </c>
      <c r="EL36" s="261">
        <v>9</v>
      </c>
      <c r="EM36" s="261">
        <v>6</v>
      </c>
      <c r="EN36" s="258">
        <v>40</v>
      </c>
      <c r="EO36" s="263">
        <v>45</v>
      </c>
      <c r="EP36" s="257">
        <v>14</v>
      </c>
      <c r="EQ36" s="261">
        <v>26</v>
      </c>
      <c r="ER36" s="258">
        <v>40</v>
      </c>
      <c r="ES36" s="260">
        <v>0</v>
      </c>
      <c r="ET36" s="261">
        <v>76</v>
      </c>
      <c r="EU36" s="261">
        <v>48</v>
      </c>
      <c r="EV36" s="261">
        <v>26</v>
      </c>
      <c r="EW36" s="261">
        <v>25</v>
      </c>
      <c r="EX36" s="261">
        <v>10</v>
      </c>
      <c r="EY36" s="258">
        <v>185</v>
      </c>
      <c r="EZ36" s="263">
        <v>225</v>
      </c>
    </row>
    <row r="37" spans="2:156" ht="21" customHeight="1" x14ac:dyDescent="0.2">
      <c r="B37" s="468" t="s">
        <v>35</v>
      </c>
      <c r="C37" s="257">
        <v>0</v>
      </c>
      <c r="D37" s="261">
        <v>0</v>
      </c>
      <c r="E37" s="356">
        <v>0</v>
      </c>
      <c r="F37" s="260">
        <v>0</v>
      </c>
      <c r="G37" s="261">
        <v>113</v>
      </c>
      <c r="H37" s="261">
        <v>47</v>
      </c>
      <c r="I37" s="261">
        <v>51</v>
      </c>
      <c r="J37" s="261">
        <v>36</v>
      </c>
      <c r="K37" s="261">
        <v>19</v>
      </c>
      <c r="L37" s="262">
        <v>266</v>
      </c>
      <c r="M37" s="263">
        <v>266</v>
      </c>
      <c r="N37" s="257">
        <v>0</v>
      </c>
      <c r="O37" s="261">
        <v>0</v>
      </c>
      <c r="P37" s="258">
        <v>0</v>
      </c>
      <c r="Q37" s="260">
        <v>0</v>
      </c>
      <c r="R37" s="261">
        <v>0</v>
      </c>
      <c r="S37" s="261">
        <v>5</v>
      </c>
      <c r="T37" s="261">
        <v>4</v>
      </c>
      <c r="U37" s="261">
        <v>13</v>
      </c>
      <c r="V37" s="261">
        <v>9</v>
      </c>
      <c r="W37" s="258">
        <v>31</v>
      </c>
      <c r="X37" s="263">
        <v>31</v>
      </c>
      <c r="Y37" s="257">
        <v>3</v>
      </c>
      <c r="Z37" s="261">
        <v>11</v>
      </c>
      <c r="AA37" s="258">
        <v>14</v>
      </c>
      <c r="AB37" s="260">
        <v>0</v>
      </c>
      <c r="AC37" s="261">
        <v>55</v>
      </c>
      <c r="AD37" s="261">
        <v>37</v>
      </c>
      <c r="AE37" s="261">
        <v>33</v>
      </c>
      <c r="AF37" s="261">
        <v>26</v>
      </c>
      <c r="AG37" s="261">
        <v>15</v>
      </c>
      <c r="AH37" s="258">
        <v>166</v>
      </c>
      <c r="AI37" s="263">
        <v>180</v>
      </c>
      <c r="AJ37" s="257">
        <v>6</v>
      </c>
      <c r="AK37" s="261">
        <v>12</v>
      </c>
      <c r="AL37" s="258">
        <v>18</v>
      </c>
      <c r="AM37" s="260">
        <v>0</v>
      </c>
      <c r="AN37" s="261">
        <v>24</v>
      </c>
      <c r="AO37" s="261">
        <v>15</v>
      </c>
      <c r="AP37" s="261">
        <v>8</v>
      </c>
      <c r="AQ37" s="261">
        <v>12</v>
      </c>
      <c r="AR37" s="261">
        <v>4</v>
      </c>
      <c r="AS37" s="258">
        <v>63</v>
      </c>
      <c r="AT37" s="263">
        <v>81</v>
      </c>
      <c r="AU37" s="257">
        <v>19</v>
      </c>
      <c r="AV37" s="261">
        <v>26</v>
      </c>
      <c r="AW37" s="258">
        <v>45</v>
      </c>
      <c r="AX37" s="260">
        <v>0</v>
      </c>
      <c r="AY37" s="261">
        <v>106</v>
      </c>
      <c r="AZ37" s="261">
        <v>67</v>
      </c>
      <c r="BA37" s="261">
        <v>89</v>
      </c>
      <c r="BB37" s="261">
        <v>88</v>
      </c>
      <c r="BC37" s="261">
        <v>41</v>
      </c>
      <c r="BD37" s="262">
        <v>391</v>
      </c>
      <c r="BE37" s="263">
        <v>436</v>
      </c>
      <c r="BF37" s="257">
        <v>0</v>
      </c>
      <c r="BG37" s="261">
        <v>0</v>
      </c>
      <c r="BH37" s="258">
        <v>0</v>
      </c>
      <c r="BI37" s="260">
        <v>0</v>
      </c>
      <c r="BJ37" s="261">
        <v>143</v>
      </c>
      <c r="BK37" s="261">
        <v>77</v>
      </c>
      <c r="BL37" s="261">
        <v>56</v>
      </c>
      <c r="BM37" s="261">
        <v>28</v>
      </c>
      <c r="BN37" s="261">
        <v>17</v>
      </c>
      <c r="BO37" s="258">
        <v>321</v>
      </c>
      <c r="BP37" s="263">
        <v>321</v>
      </c>
      <c r="BQ37" s="257">
        <v>8</v>
      </c>
      <c r="BR37" s="261">
        <v>19</v>
      </c>
      <c r="BS37" s="258">
        <v>27</v>
      </c>
      <c r="BT37" s="260">
        <v>0</v>
      </c>
      <c r="BU37" s="261">
        <v>62</v>
      </c>
      <c r="BV37" s="261">
        <v>30</v>
      </c>
      <c r="BW37" s="261">
        <v>14</v>
      </c>
      <c r="BX37" s="261">
        <v>13</v>
      </c>
      <c r="BY37" s="261">
        <v>1</v>
      </c>
      <c r="BZ37" s="258">
        <v>120</v>
      </c>
      <c r="CA37" s="263">
        <v>147</v>
      </c>
      <c r="CB37" s="257">
        <v>1</v>
      </c>
      <c r="CC37" s="261">
        <v>0</v>
      </c>
      <c r="CD37" s="258">
        <v>1</v>
      </c>
      <c r="CE37" s="260">
        <v>0</v>
      </c>
      <c r="CF37" s="261">
        <v>12</v>
      </c>
      <c r="CG37" s="261">
        <v>9</v>
      </c>
      <c r="CH37" s="261">
        <v>11</v>
      </c>
      <c r="CI37" s="261">
        <v>8</v>
      </c>
      <c r="CJ37" s="261">
        <v>2</v>
      </c>
      <c r="CK37" s="258">
        <v>42</v>
      </c>
      <c r="CL37" s="263">
        <v>43</v>
      </c>
      <c r="CM37" s="257">
        <v>0</v>
      </c>
      <c r="CN37" s="261">
        <v>0</v>
      </c>
      <c r="CO37" s="258">
        <v>0</v>
      </c>
      <c r="CP37" s="260">
        <v>0</v>
      </c>
      <c r="CQ37" s="261">
        <v>1</v>
      </c>
      <c r="CR37" s="261">
        <v>2</v>
      </c>
      <c r="CS37" s="261">
        <v>1</v>
      </c>
      <c r="CT37" s="261">
        <v>5</v>
      </c>
      <c r="CU37" s="261">
        <v>1</v>
      </c>
      <c r="CV37" s="258">
        <v>10</v>
      </c>
      <c r="CW37" s="263">
        <v>1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52</v>
      </c>
      <c r="DU37" s="261">
        <v>93</v>
      </c>
      <c r="DV37" s="258">
        <v>145</v>
      </c>
      <c r="DW37" s="260">
        <v>0</v>
      </c>
      <c r="DX37" s="261">
        <v>191</v>
      </c>
      <c r="DY37" s="261">
        <v>128</v>
      </c>
      <c r="DZ37" s="261">
        <v>99</v>
      </c>
      <c r="EA37" s="261">
        <v>73</v>
      </c>
      <c r="EB37" s="261">
        <v>38</v>
      </c>
      <c r="EC37" s="258">
        <v>529</v>
      </c>
      <c r="ED37" s="263">
        <v>674</v>
      </c>
      <c r="EE37" s="257">
        <v>16</v>
      </c>
      <c r="EF37" s="261">
        <v>15</v>
      </c>
      <c r="EG37" s="258">
        <v>31</v>
      </c>
      <c r="EH37" s="260">
        <v>0</v>
      </c>
      <c r="EI37" s="261">
        <v>45</v>
      </c>
      <c r="EJ37" s="261">
        <v>14</v>
      </c>
      <c r="EK37" s="261">
        <v>24</v>
      </c>
      <c r="EL37" s="261">
        <v>30</v>
      </c>
      <c r="EM37" s="261">
        <v>6</v>
      </c>
      <c r="EN37" s="258">
        <v>119</v>
      </c>
      <c r="EO37" s="263">
        <v>150</v>
      </c>
      <c r="EP37" s="257">
        <v>61</v>
      </c>
      <c r="EQ37" s="261">
        <v>115</v>
      </c>
      <c r="ER37" s="258">
        <v>176</v>
      </c>
      <c r="ES37" s="260">
        <v>0</v>
      </c>
      <c r="ET37" s="261">
        <v>318</v>
      </c>
      <c r="EU37" s="261">
        <v>164</v>
      </c>
      <c r="EV37" s="261">
        <v>115</v>
      </c>
      <c r="EW37" s="261">
        <v>81</v>
      </c>
      <c r="EX37" s="261">
        <v>38</v>
      </c>
      <c r="EY37" s="258">
        <v>716</v>
      </c>
      <c r="EZ37" s="263">
        <v>892</v>
      </c>
    </row>
    <row r="38" spans="2:156" ht="21" customHeight="1" x14ac:dyDescent="0.2">
      <c r="B38" s="468" t="s">
        <v>36</v>
      </c>
      <c r="C38" s="257">
        <v>0</v>
      </c>
      <c r="D38" s="261">
        <v>0</v>
      </c>
      <c r="E38" s="356">
        <v>0</v>
      </c>
      <c r="F38" s="260">
        <v>0</v>
      </c>
      <c r="G38" s="261">
        <v>55</v>
      </c>
      <c r="H38" s="261">
        <v>64</v>
      </c>
      <c r="I38" s="261">
        <v>41</v>
      </c>
      <c r="J38" s="261">
        <v>30</v>
      </c>
      <c r="K38" s="261">
        <v>38</v>
      </c>
      <c r="L38" s="262">
        <v>228</v>
      </c>
      <c r="M38" s="263">
        <v>228</v>
      </c>
      <c r="N38" s="257">
        <v>0</v>
      </c>
      <c r="O38" s="261">
        <v>0</v>
      </c>
      <c r="P38" s="258">
        <v>0</v>
      </c>
      <c r="Q38" s="260">
        <v>0</v>
      </c>
      <c r="R38" s="261">
        <v>3</v>
      </c>
      <c r="S38" s="261">
        <v>3</v>
      </c>
      <c r="T38" s="261">
        <v>6</v>
      </c>
      <c r="U38" s="261">
        <v>10</v>
      </c>
      <c r="V38" s="261">
        <v>12</v>
      </c>
      <c r="W38" s="258">
        <v>34</v>
      </c>
      <c r="X38" s="263">
        <v>34</v>
      </c>
      <c r="Y38" s="257">
        <v>8</v>
      </c>
      <c r="Z38" s="261">
        <v>26</v>
      </c>
      <c r="AA38" s="258">
        <v>34</v>
      </c>
      <c r="AB38" s="260">
        <v>0</v>
      </c>
      <c r="AC38" s="261">
        <v>50</v>
      </c>
      <c r="AD38" s="261">
        <v>56</v>
      </c>
      <c r="AE38" s="261">
        <v>38</v>
      </c>
      <c r="AF38" s="261">
        <v>29</v>
      </c>
      <c r="AG38" s="261">
        <v>31</v>
      </c>
      <c r="AH38" s="258">
        <v>204</v>
      </c>
      <c r="AI38" s="263">
        <v>238</v>
      </c>
      <c r="AJ38" s="257">
        <v>3</v>
      </c>
      <c r="AK38" s="261">
        <v>10</v>
      </c>
      <c r="AL38" s="258">
        <v>13</v>
      </c>
      <c r="AM38" s="260">
        <v>0</v>
      </c>
      <c r="AN38" s="261">
        <v>20</v>
      </c>
      <c r="AO38" s="261">
        <v>16</v>
      </c>
      <c r="AP38" s="261">
        <v>5</v>
      </c>
      <c r="AQ38" s="261">
        <v>10</v>
      </c>
      <c r="AR38" s="261">
        <v>7</v>
      </c>
      <c r="AS38" s="258">
        <v>58</v>
      </c>
      <c r="AT38" s="263">
        <v>71</v>
      </c>
      <c r="AU38" s="257">
        <v>5</v>
      </c>
      <c r="AV38" s="261">
        <v>7</v>
      </c>
      <c r="AW38" s="258">
        <v>12</v>
      </c>
      <c r="AX38" s="260">
        <v>0</v>
      </c>
      <c r="AY38" s="261">
        <v>43</v>
      </c>
      <c r="AZ38" s="261">
        <v>71</v>
      </c>
      <c r="BA38" s="261">
        <v>67</v>
      </c>
      <c r="BB38" s="261">
        <v>48</v>
      </c>
      <c r="BC38" s="261">
        <v>54</v>
      </c>
      <c r="BD38" s="262">
        <v>283</v>
      </c>
      <c r="BE38" s="263">
        <v>295</v>
      </c>
      <c r="BF38" s="257">
        <v>0</v>
      </c>
      <c r="BG38" s="261">
        <v>0</v>
      </c>
      <c r="BH38" s="258">
        <v>0</v>
      </c>
      <c r="BI38" s="260">
        <v>0</v>
      </c>
      <c r="BJ38" s="261">
        <v>85</v>
      </c>
      <c r="BK38" s="261">
        <v>96</v>
      </c>
      <c r="BL38" s="261">
        <v>44</v>
      </c>
      <c r="BM38" s="261">
        <v>28</v>
      </c>
      <c r="BN38" s="261">
        <v>11</v>
      </c>
      <c r="BO38" s="258">
        <v>264</v>
      </c>
      <c r="BP38" s="263">
        <v>264</v>
      </c>
      <c r="BQ38" s="257">
        <v>7</v>
      </c>
      <c r="BR38" s="261">
        <v>6</v>
      </c>
      <c r="BS38" s="258">
        <v>13</v>
      </c>
      <c r="BT38" s="260">
        <v>0</v>
      </c>
      <c r="BU38" s="261">
        <v>25</v>
      </c>
      <c r="BV38" s="261">
        <v>29</v>
      </c>
      <c r="BW38" s="261">
        <v>20</v>
      </c>
      <c r="BX38" s="261">
        <v>7</v>
      </c>
      <c r="BY38" s="261">
        <v>3</v>
      </c>
      <c r="BZ38" s="258">
        <v>84</v>
      </c>
      <c r="CA38" s="263">
        <v>97</v>
      </c>
      <c r="CB38" s="257">
        <v>0</v>
      </c>
      <c r="CC38" s="261">
        <v>1</v>
      </c>
      <c r="CD38" s="258">
        <v>1</v>
      </c>
      <c r="CE38" s="260">
        <v>0</v>
      </c>
      <c r="CF38" s="261">
        <v>11</v>
      </c>
      <c r="CG38" s="261">
        <v>20</v>
      </c>
      <c r="CH38" s="261">
        <v>24</v>
      </c>
      <c r="CI38" s="261">
        <v>19</v>
      </c>
      <c r="CJ38" s="261">
        <v>10</v>
      </c>
      <c r="CK38" s="258">
        <v>84</v>
      </c>
      <c r="CL38" s="263">
        <v>85</v>
      </c>
      <c r="CM38" s="257">
        <v>0</v>
      </c>
      <c r="CN38" s="261">
        <v>0</v>
      </c>
      <c r="CO38" s="258">
        <v>0</v>
      </c>
      <c r="CP38" s="260">
        <v>0</v>
      </c>
      <c r="CQ38" s="261">
        <v>1</v>
      </c>
      <c r="CR38" s="261">
        <v>1</v>
      </c>
      <c r="CS38" s="261">
        <v>0</v>
      </c>
      <c r="CT38" s="261">
        <v>1</v>
      </c>
      <c r="CU38" s="261">
        <v>0</v>
      </c>
      <c r="CV38" s="258">
        <v>3</v>
      </c>
      <c r="CW38" s="263">
        <v>3</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33</v>
      </c>
      <c r="DU38" s="261">
        <v>108</v>
      </c>
      <c r="DV38" s="258">
        <v>141</v>
      </c>
      <c r="DW38" s="260">
        <v>0</v>
      </c>
      <c r="DX38" s="261">
        <v>172</v>
      </c>
      <c r="DY38" s="261">
        <v>184</v>
      </c>
      <c r="DZ38" s="261">
        <v>114</v>
      </c>
      <c r="EA38" s="261">
        <v>76</v>
      </c>
      <c r="EB38" s="261">
        <v>56</v>
      </c>
      <c r="EC38" s="258">
        <v>602</v>
      </c>
      <c r="ED38" s="263">
        <v>743</v>
      </c>
      <c r="EE38" s="257">
        <v>3</v>
      </c>
      <c r="EF38" s="261">
        <v>1</v>
      </c>
      <c r="EG38" s="258">
        <v>4</v>
      </c>
      <c r="EH38" s="260">
        <v>0</v>
      </c>
      <c r="EI38" s="261">
        <v>13</v>
      </c>
      <c r="EJ38" s="261">
        <v>11</v>
      </c>
      <c r="EK38" s="261">
        <v>16</v>
      </c>
      <c r="EL38" s="261">
        <v>8</v>
      </c>
      <c r="EM38" s="261">
        <v>3</v>
      </c>
      <c r="EN38" s="258">
        <v>51</v>
      </c>
      <c r="EO38" s="263">
        <v>55</v>
      </c>
      <c r="EP38" s="257">
        <v>43</v>
      </c>
      <c r="EQ38" s="261">
        <v>132</v>
      </c>
      <c r="ER38" s="258">
        <v>175</v>
      </c>
      <c r="ES38" s="260">
        <v>0</v>
      </c>
      <c r="ET38" s="261">
        <v>280</v>
      </c>
      <c r="EU38" s="261">
        <v>241</v>
      </c>
      <c r="EV38" s="261">
        <v>137</v>
      </c>
      <c r="EW38" s="261">
        <v>91</v>
      </c>
      <c r="EX38" s="261">
        <v>66</v>
      </c>
      <c r="EY38" s="258">
        <v>815</v>
      </c>
      <c r="EZ38" s="263">
        <v>990</v>
      </c>
    </row>
    <row r="39" spans="2:156" ht="21" customHeight="1" thickBot="1" x14ac:dyDescent="0.25">
      <c r="B39" s="469" t="s">
        <v>37</v>
      </c>
      <c r="C39" s="264">
        <v>0</v>
      </c>
      <c r="D39" s="268">
        <v>0</v>
      </c>
      <c r="E39" s="357">
        <v>0</v>
      </c>
      <c r="F39" s="267">
        <v>0</v>
      </c>
      <c r="G39" s="268">
        <v>6</v>
      </c>
      <c r="H39" s="268">
        <v>5</v>
      </c>
      <c r="I39" s="268">
        <v>3</v>
      </c>
      <c r="J39" s="268">
        <v>2</v>
      </c>
      <c r="K39" s="268">
        <v>4</v>
      </c>
      <c r="L39" s="269">
        <v>20</v>
      </c>
      <c r="M39" s="270">
        <v>20</v>
      </c>
      <c r="N39" s="264">
        <v>0</v>
      </c>
      <c r="O39" s="268">
        <v>0</v>
      </c>
      <c r="P39" s="265">
        <v>0</v>
      </c>
      <c r="Q39" s="267">
        <v>0</v>
      </c>
      <c r="R39" s="268">
        <v>0</v>
      </c>
      <c r="S39" s="268">
        <v>0</v>
      </c>
      <c r="T39" s="268">
        <v>0</v>
      </c>
      <c r="U39" s="268">
        <v>0</v>
      </c>
      <c r="V39" s="268">
        <v>0</v>
      </c>
      <c r="W39" s="265">
        <v>0</v>
      </c>
      <c r="X39" s="270">
        <v>0</v>
      </c>
      <c r="Y39" s="264">
        <v>3</v>
      </c>
      <c r="Z39" s="268">
        <v>1</v>
      </c>
      <c r="AA39" s="265">
        <v>4</v>
      </c>
      <c r="AB39" s="267">
        <v>0</v>
      </c>
      <c r="AC39" s="268">
        <v>7</v>
      </c>
      <c r="AD39" s="268">
        <v>4</v>
      </c>
      <c r="AE39" s="268">
        <v>1</v>
      </c>
      <c r="AF39" s="268">
        <v>6</v>
      </c>
      <c r="AG39" s="268">
        <v>2</v>
      </c>
      <c r="AH39" s="265">
        <v>20</v>
      </c>
      <c r="AI39" s="270">
        <v>24</v>
      </c>
      <c r="AJ39" s="264">
        <v>0</v>
      </c>
      <c r="AK39" s="268">
        <v>0</v>
      </c>
      <c r="AL39" s="265">
        <v>0</v>
      </c>
      <c r="AM39" s="267">
        <v>0</v>
      </c>
      <c r="AN39" s="268">
        <v>0</v>
      </c>
      <c r="AO39" s="268">
        <v>1</v>
      </c>
      <c r="AP39" s="268">
        <v>0</v>
      </c>
      <c r="AQ39" s="268">
        <v>1</v>
      </c>
      <c r="AR39" s="268">
        <v>1</v>
      </c>
      <c r="AS39" s="265">
        <v>3</v>
      </c>
      <c r="AT39" s="270">
        <v>3</v>
      </c>
      <c r="AU39" s="264">
        <v>3</v>
      </c>
      <c r="AV39" s="268">
        <v>0</v>
      </c>
      <c r="AW39" s="265">
        <v>3</v>
      </c>
      <c r="AX39" s="267">
        <v>0</v>
      </c>
      <c r="AY39" s="268">
        <v>3</v>
      </c>
      <c r="AZ39" s="268">
        <v>1</v>
      </c>
      <c r="BA39" s="268">
        <v>4</v>
      </c>
      <c r="BB39" s="268">
        <v>10</v>
      </c>
      <c r="BC39" s="268">
        <v>4</v>
      </c>
      <c r="BD39" s="269">
        <v>22</v>
      </c>
      <c r="BE39" s="270">
        <v>25</v>
      </c>
      <c r="BF39" s="264">
        <v>0</v>
      </c>
      <c r="BG39" s="268">
        <v>0</v>
      </c>
      <c r="BH39" s="265">
        <v>0</v>
      </c>
      <c r="BI39" s="267">
        <v>0</v>
      </c>
      <c r="BJ39" s="268">
        <v>7</v>
      </c>
      <c r="BK39" s="268">
        <v>4</v>
      </c>
      <c r="BL39" s="268">
        <v>6</v>
      </c>
      <c r="BM39" s="268">
        <v>6</v>
      </c>
      <c r="BN39" s="268">
        <v>1</v>
      </c>
      <c r="BO39" s="265">
        <v>24</v>
      </c>
      <c r="BP39" s="270">
        <v>24</v>
      </c>
      <c r="BQ39" s="264">
        <v>3</v>
      </c>
      <c r="BR39" s="268">
        <v>0</v>
      </c>
      <c r="BS39" s="265">
        <v>3</v>
      </c>
      <c r="BT39" s="267">
        <v>0</v>
      </c>
      <c r="BU39" s="268">
        <v>7</v>
      </c>
      <c r="BV39" s="268">
        <v>3</v>
      </c>
      <c r="BW39" s="268">
        <v>0</v>
      </c>
      <c r="BX39" s="268">
        <v>2</v>
      </c>
      <c r="BY39" s="268">
        <v>2</v>
      </c>
      <c r="BZ39" s="265">
        <v>14</v>
      </c>
      <c r="CA39" s="270">
        <v>17</v>
      </c>
      <c r="CB39" s="264">
        <v>0</v>
      </c>
      <c r="CC39" s="268">
        <v>0</v>
      </c>
      <c r="CD39" s="265">
        <v>0</v>
      </c>
      <c r="CE39" s="267">
        <v>0</v>
      </c>
      <c r="CF39" s="268">
        <v>1</v>
      </c>
      <c r="CG39" s="268">
        <v>2</v>
      </c>
      <c r="CH39" s="268">
        <v>2</v>
      </c>
      <c r="CI39" s="268">
        <v>2</v>
      </c>
      <c r="CJ39" s="268">
        <v>0</v>
      </c>
      <c r="CK39" s="265">
        <v>7</v>
      </c>
      <c r="CL39" s="270">
        <v>7</v>
      </c>
      <c r="CM39" s="264">
        <v>0</v>
      </c>
      <c r="CN39" s="268">
        <v>0</v>
      </c>
      <c r="CO39" s="265">
        <v>0</v>
      </c>
      <c r="CP39" s="267">
        <v>0</v>
      </c>
      <c r="CQ39" s="268">
        <v>0</v>
      </c>
      <c r="CR39" s="268">
        <v>0</v>
      </c>
      <c r="CS39" s="268">
        <v>0</v>
      </c>
      <c r="CT39" s="268">
        <v>1</v>
      </c>
      <c r="CU39" s="268">
        <v>1</v>
      </c>
      <c r="CV39" s="265">
        <v>2</v>
      </c>
      <c r="CW39" s="270">
        <v>2</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5</v>
      </c>
      <c r="DU39" s="268">
        <v>2</v>
      </c>
      <c r="DV39" s="265">
        <v>17</v>
      </c>
      <c r="DW39" s="267">
        <v>0</v>
      </c>
      <c r="DX39" s="268">
        <v>18</v>
      </c>
      <c r="DY39" s="268">
        <v>15</v>
      </c>
      <c r="DZ39" s="268">
        <v>10</v>
      </c>
      <c r="EA39" s="268">
        <v>10</v>
      </c>
      <c r="EB39" s="268">
        <v>6</v>
      </c>
      <c r="EC39" s="265">
        <v>59</v>
      </c>
      <c r="ED39" s="270">
        <v>76</v>
      </c>
      <c r="EE39" s="264">
        <v>0</v>
      </c>
      <c r="EF39" s="268">
        <v>0</v>
      </c>
      <c r="EG39" s="265">
        <v>0</v>
      </c>
      <c r="EH39" s="267">
        <v>0</v>
      </c>
      <c r="EI39" s="268">
        <v>0</v>
      </c>
      <c r="EJ39" s="268">
        <v>0</v>
      </c>
      <c r="EK39" s="268">
        <v>0</v>
      </c>
      <c r="EL39" s="268">
        <v>1</v>
      </c>
      <c r="EM39" s="268">
        <v>0</v>
      </c>
      <c r="EN39" s="265">
        <v>1</v>
      </c>
      <c r="EO39" s="270">
        <v>1</v>
      </c>
      <c r="EP39" s="264">
        <v>20</v>
      </c>
      <c r="EQ39" s="268">
        <v>2</v>
      </c>
      <c r="ER39" s="265">
        <v>22</v>
      </c>
      <c r="ES39" s="267">
        <v>0</v>
      </c>
      <c r="ET39" s="268">
        <v>28</v>
      </c>
      <c r="EU39" s="268">
        <v>19</v>
      </c>
      <c r="EV39" s="268">
        <v>13</v>
      </c>
      <c r="EW39" s="268">
        <v>12</v>
      </c>
      <c r="EX39" s="268">
        <v>6</v>
      </c>
      <c r="EY39" s="265">
        <v>78</v>
      </c>
      <c r="EZ39" s="270">
        <v>100</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39">
        <f>第１表!F2</f>
        <v>6</v>
      </c>
      <c r="J1" s="539"/>
      <c r="K1" s="235">
        <f>第１表!G2</f>
        <v>1</v>
      </c>
      <c r="L1" s="543">
        <f>IF(K1&lt;3,K1+12-2,K1-2)</f>
        <v>11</v>
      </c>
      <c r="M1" s="543"/>
    </row>
    <row r="2" spans="2:156" ht="24" customHeight="1" thickBot="1" x14ac:dyDescent="0.25">
      <c r="B2" s="271" t="s">
        <v>129</v>
      </c>
      <c r="G2" s="234"/>
      <c r="H2" s="235"/>
      <c r="J2" s="298"/>
      <c r="K2" s="298"/>
    </row>
    <row r="3" spans="2:156" ht="21" customHeight="1" thickBot="1" x14ac:dyDescent="0.25">
      <c r="B3" s="556"/>
      <c r="C3" s="547" t="s">
        <v>70</v>
      </c>
      <c r="D3" s="548"/>
      <c r="E3" s="548"/>
      <c r="F3" s="548"/>
      <c r="G3" s="548"/>
      <c r="H3" s="548"/>
      <c r="I3" s="548"/>
      <c r="J3" s="548"/>
      <c r="K3" s="548"/>
      <c r="L3" s="548"/>
      <c r="M3" s="549"/>
      <c r="N3" s="547" t="s">
        <v>71</v>
      </c>
      <c r="O3" s="548"/>
      <c r="P3" s="548"/>
      <c r="Q3" s="548"/>
      <c r="R3" s="548"/>
      <c r="S3" s="548"/>
      <c r="T3" s="548"/>
      <c r="U3" s="548"/>
      <c r="V3" s="548"/>
      <c r="W3" s="548"/>
      <c r="X3" s="549"/>
      <c r="Y3" s="547" t="s">
        <v>72</v>
      </c>
      <c r="Z3" s="548"/>
      <c r="AA3" s="548"/>
      <c r="AB3" s="548"/>
      <c r="AC3" s="548"/>
      <c r="AD3" s="548"/>
      <c r="AE3" s="548"/>
      <c r="AF3" s="548"/>
      <c r="AG3" s="548"/>
      <c r="AH3" s="548"/>
      <c r="AI3" s="549"/>
      <c r="AJ3" s="547" t="s">
        <v>73</v>
      </c>
      <c r="AK3" s="548"/>
      <c r="AL3" s="548"/>
      <c r="AM3" s="548"/>
      <c r="AN3" s="548"/>
      <c r="AO3" s="548"/>
      <c r="AP3" s="548"/>
      <c r="AQ3" s="548"/>
      <c r="AR3" s="548"/>
      <c r="AS3" s="548"/>
      <c r="AT3" s="549"/>
      <c r="AU3" s="547" t="s">
        <v>74</v>
      </c>
      <c r="AV3" s="548"/>
      <c r="AW3" s="548"/>
      <c r="AX3" s="548"/>
      <c r="AY3" s="548"/>
      <c r="AZ3" s="548"/>
      <c r="BA3" s="548"/>
      <c r="BB3" s="548"/>
      <c r="BC3" s="548"/>
      <c r="BD3" s="548"/>
      <c r="BE3" s="549"/>
      <c r="BF3" s="547" t="s">
        <v>75</v>
      </c>
      <c r="BG3" s="548"/>
      <c r="BH3" s="548"/>
      <c r="BI3" s="548"/>
      <c r="BJ3" s="548"/>
      <c r="BK3" s="548"/>
      <c r="BL3" s="548"/>
      <c r="BM3" s="548"/>
      <c r="BN3" s="548"/>
      <c r="BO3" s="548"/>
      <c r="BP3" s="549"/>
      <c r="BQ3" s="547" t="s">
        <v>76</v>
      </c>
      <c r="BR3" s="548"/>
      <c r="BS3" s="548"/>
      <c r="BT3" s="548"/>
      <c r="BU3" s="548"/>
      <c r="BV3" s="548"/>
      <c r="BW3" s="548"/>
      <c r="BX3" s="548"/>
      <c r="BY3" s="548"/>
      <c r="BZ3" s="548"/>
      <c r="CA3" s="549"/>
      <c r="CB3" s="547" t="s">
        <v>77</v>
      </c>
      <c r="CC3" s="548"/>
      <c r="CD3" s="548"/>
      <c r="CE3" s="548"/>
      <c r="CF3" s="548"/>
      <c r="CG3" s="548"/>
      <c r="CH3" s="548"/>
      <c r="CI3" s="548"/>
      <c r="CJ3" s="548"/>
      <c r="CK3" s="548"/>
      <c r="CL3" s="549"/>
      <c r="CM3" s="547" t="s">
        <v>78</v>
      </c>
      <c r="CN3" s="548"/>
      <c r="CO3" s="548"/>
      <c r="CP3" s="548"/>
      <c r="CQ3" s="548"/>
      <c r="CR3" s="548"/>
      <c r="CS3" s="548"/>
      <c r="CT3" s="548"/>
      <c r="CU3" s="548"/>
      <c r="CV3" s="548"/>
      <c r="CW3" s="549"/>
      <c r="CX3" s="547" t="s">
        <v>79</v>
      </c>
      <c r="CY3" s="548"/>
      <c r="CZ3" s="548"/>
      <c r="DA3" s="548"/>
      <c r="DB3" s="548"/>
      <c r="DC3" s="548"/>
      <c r="DD3" s="548"/>
      <c r="DE3" s="548"/>
      <c r="DF3" s="548"/>
      <c r="DG3" s="548"/>
      <c r="DH3" s="549"/>
      <c r="DI3" s="547" t="s">
        <v>150</v>
      </c>
      <c r="DJ3" s="548"/>
      <c r="DK3" s="548"/>
      <c r="DL3" s="548"/>
      <c r="DM3" s="548"/>
      <c r="DN3" s="548"/>
      <c r="DO3" s="548"/>
      <c r="DP3" s="548"/>
      <c r="DQ3" s="548"/>
      <c r="DR3" s="548"/>
      <c r="DS3" s="549"/>
      <c r="DT3" s="547" t="s">
        <v>80</v>
      </c>
      <c r="DU3" s="548"/>
      <c r="DV3" s="548"/>
      <c r="DW3" s="548"/>
      <c r="DX3" s="548"/>
      <c r="DY3" s="548"/>
      <c r="DZ3" s="548"/>
      <c r="EA3" s="548"/>
      <c r="EB3" s="548"/>
      <c r="EC3" s="548"/>
      <c r="ED3" s="549"/>
      <c r="EE3" s="547" t="s">
        <v>68</v>
      </c>
      <c r="EF3" s="548"/>
      <c r="EG3" s="548"/>
      <c r="EH3" s="548"/>
      <c r="EI3" s="548"/>
      <c r="EJ3" s="548"/>
      <c r="EK3" s="548"/>
      <c r="EL3" s="548"/>
      <c r="EM3" s="548"/>
      <c r="EN3" s="548"/>
      <c r="EO3" s="549"/>
      <c r="EP3" s="544" t="s">
        <v>69</v>
      </c>
      <c r="EQ3" s="545"/>
      <c r="ER3" s="545"/>
      <c r="ES3" s="545"/>
      <c r="ET3" s="545"/>
      <c r="EU3" s="545"/>
      <c r="EV3" s="545"/>
      <c r="EW3" s="545"/>
      <c r="EX3" s="545"/>
      <c r="EY3" s="545"/>
      <c r="EZ3" s="546"/>
    </row>
    <row r="4" spans="2:156"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2"/>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c r="DI4" s="555" t="s">
        <v>61</v>
      </c>
      <c r="DJ4" s="551"/>
      <c r="DK4" s="552"/>
      <c r="DL4" s="550" t="s">
        <v>62</v>
      </c>
      <c r="DM4" s="551"/>
      <c r="DN4" s="551"/>
      <c r="DO4" s="551"/>
      <c r="DP4" s="551"/>
      <c r="DQ4" s="551"/>
      <c r="DR4" s="552"/>
      <c r="DS4" s="553" t="s">
        <v>52</v>
      </c>
      <c r="DT4" s="555" t="s">
        <v>61</v>
      </c>
      <c r="DU4" s="551"/>
      <c r="DV4" s="552"/>
      <c r="DW4" s="550" t="s">
        <v>62</v>
      </c>
      <c r="DX4" s="551"/>
      <c r="DY4" s="551"/>
      <c r="DZ4" s="551"/>
      <c r="EA4" s="551"/>
      <c r="EB4" s="551"/>
      <c r="EC4" s="552"/>
      <c r="ED4" s="553" t="s">
        <v>52</v>
      </c>
      <c r="EE4" s="555" t="s">
        <v>61</v>
      </c>
      <c r="EF4" s="551"/>
      <c r="EG4" s="552"/>
      <c r="EH4" s="550" t="s">
        <v>62</v>
      </c>
      <c r="EI4" s="551"/>
      <c r="EJ4" s="551"/>
      <c r="EK4" s="551"/>
      <c r="EL4" s="551"/>
      <c r="EM4" s="551"/>
      <c r="EN4" s="552"/>
      <c r="EO4" s="553" t="s">
        <v>52</v>
      </c>
      <c r="EP4" s="555" t="s">
        <v>61</v>
      </c>
      <c r="EQ4" s="551"/>
      <c r="ER4" s="552"/>
      <c r="ES4" s="550" t="s">
        <v>62</v>
      </c>
      <c r="ET4" s="551"/>
      <c r="EU4" s="551"/>
      <c r="EV4" s="551"/>
      <c r="EW4" s="551"/>
      <c r="EX4" s="551"/>
      <c r="EY4" s="552"/>
      <c r="EZ4" s="553" t="s">
        <v>52</v>
      </c>
    </row>
    <row r="5" spans="2:156" ht="30" customHeight="1" thickBot="1" x14ac:dyDescent="0.25">
      <c r="B5" s="558"/>
      <c r="C5" s="299" t="s">
        <v>43</v>
      </c>
      <c r="D5" s="243" t="s">
        <v>44</v>
      </c>
      <c r="E5" s="354" t="s">
        <v>45</v>
      </c>
      <c r="F5" s="248" t="s">
        <v>83</v>
      </c>
      <c r="G5" s="243" t="s">
        <v>47</v>
      </c>
      <c r="H5" s="243" t="s">
        <v>48</v>
      </c>
      <c r="I5" s="243" t="s">
        <v>49</v>
      </c>
      <c r="J5" s="243" t="s">
        <v>50</v>
      </c>
      <c r="K5" s="243" t="s">
        <v>51</v>
      </c>
      <c r="L5" s="249" t="s">
        <v>45</v>
      </c>
      <c r="M5" s="554"/>
      <c r="N5" s="299" t="s">
        <v>43</v>
      </c>
      <c r="O5" s="243" t="s">
        <v>44</v>
      </c>
      <c r="P5" s="246" t="s">
        <v>45</v>
      </c>
      <c r="Q5" s="248" t="s">
        <v>83</v>
      </c>
      <c r="R5" s="243" t="s">
        <v>47</v>
      </c>
      <c r="S5" s="243" t="s">
        <v>48</v>
      </c>
      <c r="T5" s="243" t="s">
        <v>49</v>
      </c>
      <c r="U5" s="243" t="s">
        <v>50</v>
      </c>
      <c r="V5" s="243" t="s">
        <v>51</v>
      </c>
      <c r="W5" s="246" t="s">
        <v>45</v>
      </c>
      <c r="X5" s="554"/>
      <c r="Y5" s="299" t="s">
        <v>43</v>
      </c>
      <c r="Z5" s="243" t="s">
        <v>44</v>
      </c>
      <c r="AA5" s="246" t="s">
        <v>45</v>
      </c>
      <c r="AB5" s="248" t="s">
        <v>83</v>
      </c>
      <c r="AC5" s="243" t="s">
        <v>47</v>
      </c>
      <c r="AD5" s="243" t="s">
        <v>48</v>
      </c>
      <c r="AE5" s="243" t="s">
        <v>49</v>
      </c>
      <c r="AF5" s="243" t="s">
        <v>50</v>
      </c>
      <c r="AG5" s="243" t="s">
        <v>51</v>
      </c>
      <c r="AH5" s="246" t="s">
        <v>45</v>
      </c>
      <c r="AI5" s="554"/>
      <c r="AJ5" s="299" t="s">
        <v>43</v>
      </c>
      <c r="AK5" s="243" t="s">
        <v>44</v>
      </c>
      <c r="AL5" s="246" t="s">
        <v>45</v>
      </c>
      <c r="AM5" s="248" t="s">
        <v>83</v>
      </c>
      <c r="AN5" s="243" t="s">
        <v>47</v>
      </c>
      <c r="AO5" s="243" t="s">
        <v>48</v>
      </c>
      <c r="AP5" s="243" t="s">
        <v>49</v>
      </c>
      <c r="AQ5" s="243" t="s">
        <v>50</v>
      </c>
      <c r="AR5" s="243" t="s">
        <v>51</v>
      </c>
      <c r="AS5" s="246" t="s">
        <v>45</v>
      </c>
      <c r="AT5" s="554"/>
      <c r="AU5" s="299" t="s">
        <v>43</v>
      </c>
      <c r="AV5" s="243" t="s">
        <v>44</v>
      </c>
      <c r="AW5" s="246" t="s">
        <v>45</v>
      </c>
      <c r="AX5" s="248" t="s">
        <v>83</v>
      </c>
      <c r="AY5" s="243" t="s">
        <v>47</v>
      </c>
      <c r="AZ5" s="243" t="s">
        <v>48</v>
      </c>
      <c r="BA5" s="243" t="s">
        <v>49</v>
      </c>
      <c r="BB5" s="243" t="s">
        <v>50</v>
      </c>
      <c r="BC5" s="243" t="s">
        <v>51</v>
      </c>
      <c r="BD5" s="249" t="s">
        <v>45</v>
      </c>
      <c r="BE5" s="554"/>
      <c r="BF5" s="299" t="s">
        <v>43</v>
      </c>
      <c r="BG5" s="243" t="s">
        <v>44</v>
      </c>
      <c r="BH5" s="246" t="s">
        <v>45</v>
      </c>
      <c r="BI5" s="248" t="s">
        <v>83</v>
      </c>
      <c r="BJ5" s="243" t="s">
        <v>47</v>
      </c>
      <c r="BK5" s="243" t="s">
        <v>48</v>
      </c>
      <c r="BL5" s="243" t="s">
        <v>49</v>
      </c>
      <c r="BM5" s="243" t="s">
        <v>50</v>
      </c>
      <c r="BN5" s="243" t="s">
        <v>51</v>
      </c>
      <c r="BO5" s="246" t="s">
        <v>45</v>
      </c>
      <c r="BP5" s="554"/>
      <c r="BQ5" s="299" t="s">
        <v>43</v>
      </c>
      <c r="BR5" s="243" t="s">
        <v>44</v>
      </c>
      <c r="BS5" s="246" t="s">
        <v>45</v>
      </c>
      <c r="BT5" s="248" t="s">
        <v>83</v>
      </c>
      <c r="BU5" s="243" t="s">
        <v>47</v>
      </c>
      <c r="BV5" s="243" t="s">
        <v>48</v>
      </c>
      <c r="BW5" s="243" t="s">
        <v>49</v>
      </c>
      <c r="BX5" s="243" t="s">
        <v>50</v>
      </c>
      <c r="BY5" s="243" t="s">
        <v>51</v>
      </c>
      <c r="BZ5" s="246" t="s">
        <v>45</v>
      </c>
      <c r="CA5" s="554"/>
      <c r="CB5" s="299" t="s">
        <v>43</v>
      </c>
      <c r="CC5" s="243" t="s">
        <v>44</v>
      </c>
      <c r="CD5" s="246" t="s">
        <v>45</v>
      </c>
      <c r="CE5" s="248" t="s">
        <v>83</v>
      </c>
      <c r="CF5" s="243" t="s">
        <v>47</v>
      </c>
      <c r="CG5" s="243" t="s">
        <v>48</v>
      </c>
      <c r="CH5" s="243" t="s">
        <v>49</v>
      </c>
      <c r="CI5" s="243" t="s">
        <v>50</v>
      </c>
      <c r="CJ5" s="243" t="s">
        <v>51</v>
      </c>
      <c r="CK5" s="246" t="s">
        <v>45</v>
      </c>
      <c r="CL5" s="554"/>
      <c r="CM5" s="299" t="s">
        <v>43</v>
      </c>
      <c r="CN5" s="243" t="s">
        <v>44</v>
      </c>
      <c r="CO5" s="246" t="s">
        <v>45</v>
      </c>
      <c r="CP5" s="248" t="s">
        <v>83</v>
      </c>
      <c r="CQ5" s="243" t="s">
        <v>47</v>
      </c>
      <c r="CR5" s="243" t="s">
        <v>48</v>
      </c>
      <c r="CS5" s="243" t="s">
        <v>49</v>
      </c>
      <c r="CT5" s="243" t="s">
        <v>50</v>
      </c>
      <c r="CU5" s="243" t="s">
        <v>51</v>
      </c>
      <c r="CV5" s="246" t="s">
        <v>45</v>
      </c>
      <c r="CW5" s="554"/>
      <c r="CX5" s="299" t="s">
        <v>43</v>
      </c>
      <c r="CY5" s="243" t="s">
        <v>44</v>
      </c>
      <c r="CZ5" s="246" t="s">
        <v>45</v>
      </c>
      <c r="DA5" s="248" t="s">
        <v>83</v>
      </c>
      <c r="DB5" s="243" t="s">
        <v>47</v>
      </c>
      <c r="DC5" s="243" t="s">
        <v>48</v>
      </c>
      <c r="DD5" s="243" t="s">
        <v>49</v>
      </c>
      <c r="DE5" s="243" t="s">
        <v>50</v>
      </c>
      <c r="DF5" s="243" t="s">
        <v>51</v>
      </c>
      <c r="DG5" s="246" t="s">
        <v>45</v>
      </c>
      <c r="DH5" s="554"/>
      <c r="DI5" s="319" t="s">
        <v>43</v>
      </c>
      <c r="DJ5" s="243" t="s">
        <v>44</v>
      </c>
      <c r="DK5" s="246" t="s">
        <v>45</v>
      </c>
      <c r="DL5" s="248" t="s">
        <v>83</v>
      </c>
      <c r="DM5" s="243" t="s">
        <v>47</v>
      </c>
      <c r="DN5" s="243" t="s">
        <v>48</v>
      </c>
      <c r="DO5" s="243" t="s">
        <v>49</v>
      </c>
      <c r="DP5" s="243" t="s">
        <v>50</v>
      </c>
      <c r="DQ5" s="243" t="s">
        <v>51</v>
      </c>
      <c r="DR5" s="246" t="s">
        <v>45</v>
      </c>
      <c r="DS5" s="554"/>
      <c r="DT5" s="299" t="s">
        <v>43</v>
      </c>
      <c r="DU5" s="243" t="s">
        <v>44</v>
      </c>
      <c r="DV5" s="246" t="s">
        <v>45</v>
      </c>
      <c r="DW5" s="248" t="s">
        <v>83</v>
      </c>
      <c r="DX5" s="243" t="s">
        <v>47</v>
      </c>
      <c r="DY5" s="243" t="s">
        <v>48</v>
      </c>
      <c r="DZ5" s="243" t="s">
        <v>49</v>
      </c>
      <c r="EA5" s="243" t="s">
        <v>50</v>
      </c>
      <c r="EB5" s="243" t="s">
        <v>51</v>
      </c>
      <c r="EC5" s="246" t="s">
        <v>45</v>
      </c>
      <c r="ED5" s="554"/>
      <c r="EE5" s="299" t="s">
        <v>43</v>
      </c>
      <c r="EF5" s="243" t="s">
        <v>44</v>
      </c>
      <c r="EG5" s="246" t="s">
        <v>45</v>
      </c>
      <c r="EH5" s="248" t="s">
        <v>83</v>
      </c>
      <c r="EI5" s="243" t="s">
        <v>47</v>
      </c>
      <c r="EJ5" s="243" t="s">
        <v>48</v>
      </c>
      <c r="EK5" s="243" t="s">
        <v>49</v>
      </c>
      <c r="EL5" s="243" t="s">
        <v>50</v>
      </c>
      <c r="EM5" s="243" t="s">
        <v>51</v>
      </c>
      <c r="EN5" s="246" t="s">
        <v>45</v>
      </c>
      <c r="EO5" s="554"/>
      <c r="EP5" s="299" t="s">
        <v>43</v>
      </c>
      <c r="EQ5" s="243" t="s">
        <v>44</v>
      </c>
      <c r="ER5" s="246" t="s">
        <v>45</v>
      </c>
      <c r="ES5" s="248" t="s">
        <v>83</v>
      </c>
      <c r="ET5" s="243" t="s">
        <v>47</v>
      </c>
      <c r="EU5" s="243" t="s">
        <v>48</v>
      </c>
      <c r="EV5" s="243" t="s">
        <v>49</v>
      </c>
      <c r="EW5" s="243" t="s">
        <v>50</v>
      </c>
      <c r="EX5" s="243" t="s">
        <v>51</v>
      </c>
      <c r="EY5" s="246" t="s">
        <v>45</v>
      </c>
      <c r="EZ5" s="554"/>
    </row>
    <row r="6" spans="2:156" ht="21" customHeight="1" x14ac:dyDescent="0.2">
      <c r="B6" s="466" t="s">
        <v>4</v>
      </c>
      <c r="C6" s="250">
        <v>0</v>
      </c>
      <c r="D6" s="254">
        <v>0</v>
      </c>
      <c r="E6" s="355">
        <v>0</v>
      </c>
      <c r="F6" s="253">
        <v>0</v>
      </c>
      <c r="G6" s="254">
        <v>1228</v>
      </c>
      <c r="H6" s="254">
        <v>1314</v>
      </c>
      <c r="I6" s="254">
        <v>723</v>
      </c>
      <c r="J6" s="254">
        <v>556</v>
      </c>
      <c r="K6" s="254">
        <v>399</v>
      </c>
      <c r="L6" s="255">
        <v>4220</v>
      </c>
      <c r="M6" s="256">
        <v>4220</v>
      </c>
      <c r="N6" s="250">
        <v>0</v>
      </c>
      <c r="O6" s="254">
        <v>1</v>
      </c>
      <c r="P6" s="251">
        <v>1</v>
      </c>
      <c r="Q6" s="253">
        <v>0</v>
      </c>
      <c r="R6" s="254">
        <v>7</v>
      </c>
      <c r="S6" s="254">
        <v>32</v>
      </c>
      <c r="T6" s="254">
        <v>59</v>
      </c>
      <c r="U6" s="254">
        <v>112</v>
      </c>
      <c r="V6" s="254">
        <v>192</v>
      </c>
      <c r="W6" s="251">
        <v>402</v>
      </c>
      <c r="X6" s="256">
        <v>403</v>
      </c>
      <c r="Y6" s="250">
        <v>207</v>
      </c>
      <c r="Z6" s="254">
        <v>405</v>
      </c>
      <c r="AA6" s="251">
        <v>612</v>
      </c>
      <c r="AB6" s="253">
        <v>0</v>
      </c>
      <c r="AC6" s="254">
        <v>975</v>
      </c>
      <c r="AD6" s="254">
        <v>1277</v>
      </c>
      <c r="AE6" s="254">
        <v>761</v>
      </c>
      <c r="AF6" s="254">
        <v>595</v>
      </c>
      <c r="AG6" s="254">
        <v>378</v>
      </c>
      <c r="AH6" s="251">
        <v>3986</v>
      </c>
      <c r="AI6" s="256">
        <v>4598</v>
      </c>
      <c r="AJ6" s="250">
        <v>22</v>
      </c>
      <c r="AK6" s="254">
        <v>62</v>
      </c>
      <c r="AL6" s="251">
        <v>84</v>
      </c>
      <c r="AM6" s="253">
        <v>0</v>
      </c>
      <c r="AN6" s="254">
        <v>80</v>
      </c>
      <c r="AO6" s="254">
        <v>103</v>
      </c>
      <c r="AP6" s="254">
        <v>89</v>
      </c>
      <c r="AQ6" s="254">
        <v>73</v>
      </c>
      <c r="AR6" s="254">
        <v>34</v>
      </c>
      <c r="AS6" s="251">
        <v>379</v>
      </c>
      <c r="AT6" s="256">
        <v>463</v>
      </c>
      <c r="AU6" s="250">
        <v>288</v>
      </c>
      <c r="AV6" s="254">
        <v>350</v>
      </c>
      <c r="AW6" s="251">
        <v>638</v>
      </c>
      <c r="AX6" s="253">
        <v>0</v>
      </c>
      <c r="AY6" s="254">
        <v>1364</v>
      </c>
      <c r="AZ6" s="254">
        <v>1703</v>
      </c>
      <c r="BA6" s="254">
        <v>1452</v>
      </c>
      <c r="BB6" s="254">
        <v>1308</v>
      </c>
      <c r="BC6" s="254">
        <v>837</v>
      </c>
      <c r="BD6" s="255">
        <v>6664</v>
      </c>
      <c r="BE6" s="256">
        <v>7302</v>
      </c>
      <c r="BF6" s="250">
        <v>0</v>
      </c>
      <c r="BG6" s="254">
        <v>0</v>
      </c>
      <c r="BH6" s="251">
        <v>0</v>
      </c>
      <c r="BI6" s="253">
        <v>0</v>
      </c>
      <c r="BJ6" s="254">
        <v>1602</v>
      </c>
      <c r="BK6" s="254">
        <v>1421</v>
      </c>
      <c r="BL6" s="254">
        <v>718</v>
      </c>
      <c r="BM6" s="254">
        <v>391</v>
      </c>
      <c r="BN6" s="254">
        <v>152</v>
      </c>
      <c r="BO6" s="251">
        <v>4284</v>
      </c>
      <c r="BP6" s="256">
        <v>4284</v>
      </c>
      <c r="BQ6" s="250">
        <v>141</v>
      </c>
      <c r="BR6" s="254">
        <v>188</v>
      </c>
      <c r="BS6" s="251">
        <v>329</v>
      </c>
      <c r="BT6" s="253">
        <v>0</v>
      </c>
      <c r="BU6" s="254">
        <v>368</v>
      </c>
      <c r="BV6" s="254">
        <v>513</v>
      </c>
      <c r="BW6" s="254">
        <v>329</v>
      </c>
      <c r="BX6" s="254">
        <v>175</v>
      </c>
      <c r="BY6" s="254">
        <v>45</v>
      </c>
      <c r="BZ6" s="251">
        <v>1430</v>
      </c>
      <c r="CA6" s="256">
        <v>1759</v>
      </c>
      <c r="CB6" s="250">
        <v>7</v>
      </c>
      <c r="CC6" s="254">
        <v>25</v>
      </c>
      <c r="CD6" s="251">
        <v>32</v>
      </c>
      <c r="CE6" s="253">
        <v>0</v>
      </c>
      <c r="CF6" s="254">
        <v>181</v>
      </c>
      <c r="CG6" s="254">
        <v>291</v>
      </c>
      <c r="CH6" s="254">
        <v>288</v>
      </c>
      <c r="CI6" s="254">
        <v>226</v>
      </c>
      <c r="CJ6" s="254">
        <v>104</v>
      </c>
      <c r="CK6" s="251">
        <v>1090</v>
      </c>
      <c r="CL6" s="256">
        <v>1122</v>
      </c>
      <c r="CM6" s="250">
        <v>1</v>
      </c>
      <c r="CN6" s="254">
        <v>2</v>
      </c>
      <c r="CO6" s="251">
        <v>3</v>
      </c>
      <c r="CP6" s="253">
        <v>0</v>
      </c>
      <c r="CQ6" s="254">
        <v>13</v>
      </c>
      <c r="CR6" s="254">
        <v>45</v>
      </c>
      <c r="CS6" s="254">
        <v>58</v>
      </c>
      <c r="CT6" s="254">
        <v>52</v>
      </c>
      <c r="CU6" s="254">
        <v>22</v>
      </c>
      <c r="CV6" s="251">
        <v>190</v>
      </c>
      <c r="CW6" s="256">
        <v>193</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36</v>
      </c>
      <c r="DU6" s="254">
        <v>1313</v>
      </c>
      <c r="DV6" s="251">
        <v>1949</v>
      </c>
      <c r="DW6" s="253">
        <v>0</v>
      </c>
      <c r="DX6" s="254">
        <v>1736</v>
      </c>
      <c r="DY6" s="254">
        <v>3074</v>
      </c>
      <c r="DZ6" s="254">
        <v>1811</v>
      </c>
      <c r="EA6" s="254">
        <v>1288</v>
      </c>
      <c r="EB6" s="254">
        <v>716</v>
      </c>
      <c r="EC6" s="251">
        <v>8625</v>
      </c>
      <c r="ED6" s="256">
        <v>10574</v>
      </c>
      <c r="EE6" s="250">
        <v>174</v>
      </c>
      <c r="EF6" s="254">
        <v>134</v>
      </c>
      <c r="EG6" s="251">
        <v>308</v>
      </c>
      <c r="EH6" s="253">
        <v>0</v>
      </c>
      <c r="EI6" s="254">
        <v>572</v>
      </c>
      <c r="EJ6" s="254">
        <v>520</v>
      </c>
      <c r="EK6" s="254">
        <v>432</v>
      </c>
      <c r="EL6" s="254">
        <v>460</v>
      </c>
      <c r="EM6" s="254">
        <v>223</v>
      </c>
      <c r="EN6" s="251">
        <v>2207</v>
      </c>
      <c r="EO6" s="256">
        <v>2515</v>
      </c>
      <c r="EP6" s="250">
        <v>934</v>
      </c>
      <c r="EQ6" s="254">
        <v>1679</v>
      </c>
      <c r="ER6" s="251">
        <v>2613</v>
      </c>
      <c r="ES6" s="253">
        <v>0</v>
      </c>
      <c r="ET6" s="254">
        <v>4212</v>
      </c>
      <c r="EU6" s="254">
        <v>4225</v>
      </c>
      <c r="EV6" s="254">
        <v>2196</v>
      </c>
      <c r="EW6" s="254">
        <v>1392</v>
      </c>
      <c r="EX6" s="254">
        <v>720</v>
      </c>
      <c r="EY6" s="251">
        <v>12745</v>
      </c>
      <c r="EZ6" s="256">
        <v>15358</v>
      </c>
    </row>
    <row r="7" spans="2:156" ht="21" customHeight="1" x14ac:dyDescent="0.2">
      <c r="B7" s="467" t="s">
        <v>5</v>
      </c>
      <c r="C7" s="257">
        <v>0</v>
      </c>
      <c r="D7" s="261">
        <v>0</v>
      </c>
      <c r="E7" s="356">
        <v>0</v>
      </c>
      <c r="F7" s="260">
        <v>0</v>
      </c>
      <c r="G7" s="261">
        <v>498</v>
      </c>
      <c r="H7" s="261">
        <v>644</v>
      </c>
      <c r="I7" s="261">
        <v>342</v>
      </c>
      <c r="J7" s="261">
        <v>245</v>
      </c>
      <c r="K7" s="261">
        <v>171</v>
      </c>
      <c r="L7" s="262">
        <v>1900</v>
      </c>
      <c r="M7" s="263">
        <v>1900</v>
      </c>
      <c r="N7" s="257">
        <v>0</v>
      </c>
      <c r="O7" s="261">
        <v>1</v>
      </c>
      <c r="P7" s="258">
        <v>1</v>
      </c>
      <c r="Q7" s="260">
        <v>0</v>
      </c>
      <c r="R7" s="261">
        <v>2</v>
      </c>
      <c r="S7" s="261">
        <v>11</v>
      </c>
      <c r="T7" s="261">
        <v>28</v>
      </c>
      <c r="U7" s="261">
        <v>51</v>
      </c>
      <c r="V7" s="261">
        <v>91</v>
      </c>
      <c r="W7" s="258">
        <v>183</v>
      </c>
      <c r="X7" s="263">
        <v>184</v>
      </c>
      <c r="Y7" s="257">
        <v>104</v>
      </c>
      <c r="Z7" s="261">
        <v>228</v>
      </c>
      <c r="AA7" s="258">
        <v>332</v>
      </c>
      <c r="AB7" s="260">
        <v>0</v>
      </c>
      <c r="AC7" s="261">
        <v>389</v>
      </c>
      <c r="AD7" s="261">
        <v>663</v>
      </c>
      <c r="AE7" s="261">
        <v>371</v>
      </c>
      <c r="AF7" s="261">
        <v>290</v>
      </c>
      <c r="AG7" s="261">
        <v>156</v>
      </c>
      <c r="AH7" s="258">
        <v>1869</v>
      </c>
      <c r="AI7" s="263">
        <v>2201</v>
      </c>
      <c r="AJ7" s="257">
        <v>6</v>
      </c>
      <c r="AK7" s="261">
        <v>30</v>
      </c>
      <c r="AL7" s="258">
        <v>36</v>
      </c>
      <c r="AM7" s="260">
        <v>0</v>
      </c>
      <c r="AN7" s="261">
        <v>25</v>
      </c>
      <c r="AO7" s="261">
        <v>39</v>
      </c>
      <c r="AP7" s="261">
        <v>34</v>
      </c>
      <c r="AQ7" s="261">
        <v>29</v>
      </c>
      <c r="AR7" s="261">
        <v>14</v>
      </c>
      <c r="AS7" s="258">
        <v>141</v>
      </c>
      <c r="AT7" s="263">
        <v>177</v>
      </c>
      <c r="AU7" s="257">
        <v>127</v>
      </c>
      <c r="AV7" s="261">
        <v>206</v>
      </c>
      <c r="AW7" s="258">
        <v>333</v>
      </c>
      <c r="AX7" s="260">
        <v>0</v>
      </c>
      <c r="AY7" s="261">
        <v>504</v>
      </c>
      <c r="AZ7" s="261">
        <v>761</v>
      </c>
      <c r="BA7" s="261">
        <v>647</v>
      </c>
      <c r="BB7" s="261">
        <v>563</v>
      </c>
      <c r="BC7" s="261">
        <v>362</v>
      </c>
      <c r="BD7" s="262">
        <v>2837</v>
      </c>
      <c r="BE7" s="263">
        <v>3170</v>
      </c>
      <c r="BF7" s="257">
        <v>0</v>
      </c>
      <c r="BG7" s="261">
        <v>0</v>
      </c>
      <c r="BH7" s="258">
        <v>0</v>
      </c>
      <c r="BI7" s="260">
        <v>0</v>
      </c>
      <c r="BJ7" s="261">
        <v>578</v>
      </c>
      <c r="BK7" s="261">
        <v>590</v>
      </c>
      <c r="BL7" s="261">
        <v>298</v>
      </c>
      <c r="BM7" s="261">
        <v>149</v>
      </c>
      <c r="BN7" s="261">
        <v>63</v>
      </c>
      <c r="BO7" s="258">
        <v>1678</v>
      </c>
      <c r="BP7" s="263">
        <v>1678</v>
      </c>
      <c r="BQ7" s="257">
        <v>70</v>
      </c>
      <c r="BR7" s="261">
        <v>98</v>
      </c>
      <c r="BS7" s="258">
        <v>168</v>
      </c>
      <c r="BT7" s="260">
        <v>0</v>
      </c>
      <c r="BU7" s="261">
        <v>128</v>
      </c>
      <c r="BV7" s="261">
        <v>240</v>
      </c>
      <c r="BW7" s="261">
        <v>163</v>
      </c>
      <c r="BX7" s="261">
        <v>88</v>
      </c>
      <c r="BY7" s="261">
        <v>20</v>
      </c>
      <c r="BZ7" s="258">
        <v>639</v>
      </c>
      <c r="CA7" s="263">
        <v>807</v>
      </c>
      <c r="CB7" s="257">
        <v>3</v>
      </c>
      <c r="CC7" s="261">
        <v>10</v>
      </c>
      <c r="CD7" s="258">
        <v>13</v>
      </c>
      <c r="CE7" s="260">
        <v>0</v>
      </c>
      <c r="CF7" s="261">
        <v>65</v>
      </c>
      <c r="CG7" s="261">
        <v>97</v>
      </c>
      <c r="CH7" s="261">
        <v>114</v>
      </c>
      <c r="CI7" s="261">
        <v>87</v>
      </c>
      <c r="CJ7" s="261">
        <v>43</v>
      </c>
      <c r="CK7" s="258">
        <v>406</v>
      </c>
      <c r="CL7" s="263">
        <v>419</v>
      </c>
      <c r="CM7" s="257">
        <v>0</v>
      </c>
      <c r="CN7" s="261">
        <v>2</v>
      </c>
      <c r="CO7" s="258">
        <v>2</v>
      </c>
      <c r="CP7" s="260">
        <v>0</v>
      </c>
      <c r="CQ7" s="261">
        <v>6</v>
      </c>
      <c r="CR7" s="261">
        <v>23</v>
      </c>
      <c r="CS7" s="261">
        <v>38</v>
      </c>
      <c r="CT7" s="261">
        <v>26</v>
      </c>
      <c r="CU7" s="261">
        <v>17</v>
      </c>
      <c r="CV7" s="258">
        <v>110</v>
      </c>
      <c r="CW7" s="263">
        <v>112</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40</v>
      </c>
      <c r="DU7" s="261">
        <v>629</v>
      </c>
      <c r="DV7" s="258">
        <v>869</v>
      </c>
      <c r="DW7" s="260">
        <v>0</v>
      </c>
      <c r="DX7" s="261">
        <v>577</v>
      </c>
      <c r="DY7" s="261">
        <v>1407</v>
      </c>
      <c r="DZ7" s="261">
        <v>815</v>
      </c>
      <c r="EA7" s="261">
        <v>547</v>
      </c>
      <c r="EB7" s="261">
        <v>309</v>
      </c>
      <c r="EC7" s="258">
        <v>3655</v>
      </c>
      <c r="ED7" s="263">
        <v>4524</v>
      </c>
      <c r="EE7" s="257">
        <v>73</v>
      </c>
      <c r="EF7" s="261">
        <v>77</v>
      </c>
      <c r="EG7" s="258">
        <v>150</v>
      </c>
      <c r="EH7" s="260">
        <v>0</v>
      </c>
      <c r="EI7" s="261">
        <v>212</v>
      </c>
      <c r="EJ7" s="261">
        <v>237</v>
      </c>
      <c r="EK7" s="261">
        <v>194</v>
      </c>
      <c r="EL7" s="261">
        <v>210</v>
      </c>
      <c r="EM7" s="261">
        <v>105</v>
      </c>
      <c r="EN7" s="258">
        <v>958</v>
      </c>
      <c r="EO7" s="263">
        <v>1108</v>
      </c>
      <c r="EP7" s="257">
        <v>387</v>
      </c>
      <c r="EQ7" s="261">
        <v>822</v>
      </c>
      <c r="ER7" s="258">
        <v>1209</v>
      </c>
      <c r="ES7" s="260">
        <v>0</v>
      </c>
      <c r="ET7" s="261">
        <v>1575</v>
      </c>
      <c r="EU7" s="261">
        <v>1965</v>
      </c>
      <c r="EV7" s="261">
        <v>1009</v>
      </c>
      <c r="EW7" s="261">
        <v>611</v>
      </c>
      <c r="EX7" s="261">
        <v>307</v>
      </c>
      <c r="EY7" s="258">
        <v>5467</v>
      </c>
      <c r="EZ7" s="263">
        <v>6676</v>
      </c>
    </row>
    <row r="8" spans="2:156" ht="21" customHeight="1" x14ac:dyDescent="0.2">
      <c r="B8" s="468" t="s">
        <v>6</v>
      </c>
      <c r="C8" s="257">
        <v>0</v>
      </c>
      <c r="D8" s="261">
        <v>0</v>
      </c>
      <c r="E8" s="356">
        <v>0</v>
      </c>
      <c r="F8" s="260">
        <v>0</v>
      </c>
      <c r="G8" s="261">
        <v>182</v>
      </c>
      <c r="H8" s="261">
        <v>155</v>
      </c>
      <c r="I8" s="261">
        <v>70</v>
      </c>
      <c r="J8" s="261">
        <v>61</v>
      </c>
      <c r="K8" s="261">
        <v>50</v>
      </c>
      <c r="L8" s="262">
        <v>518</v>
      </c>
      <c r="M8" s="263">
        <v>518</v>
      </c>
      <c r="N8" s="257">
        <v>0</v>
      </c>
      <c r="O8" s="261">
        <v>0</v>
      </c>
      <c r="P8" s="258">
        <v>0</v>
      </c>
      <c r="Q8" s="260">
        <v>0</v>
      </c>
      <c r="R8" s="261">
        <v>1</v>
      </c>
      <c r="S8" s="261">
        <v>4</v>
      </c>
      <c r="T8" s="261">
        <v>4</v>
      </c>
      <c r="U8" s="261">
        <v>6</v>
      </c>
      <c r="V8" s="261">
        <v>27</v>
      </c>
      <c r="W8" s="258">
        <v>42</v>
      </c>
      <c r="X8" s="263">
        <v>42</v>
      </c>
      <c r="Y8" s="257">
        <v>14</v>
      </c>
      <c r="Z8" s="261">
        <v>47</v>
      </c>
      <c r="AA8" s="258">
        <v>61</v>
      </c>
      <c r="AB8" s="260">
        <v>0</v>
      </c>
      <c r="AC8" s="261">
        <v>144</v>
      </c>
      <c r="AD8" s="261">
        <v>169</v>
      </c>
      <c r="AE8" s="261">
        <v>71</v>
      </c>
      <c r="AF8" s="261">
        <v>65</v>
      </c>
      <c r="AG8" s="261">
        <v>55</v>
      </c>
      <c r="AH8" s="258">
        <v>504</v>
      </c>
      <c r="AI8" s="263">
        <v>565</v>
      </c>
      <c r="AJ8" s="257">
        <v>3</v>
      </c>
      <c r="AK8" s="261">
        <v>6</v>
      </c>
      <c r="AL8" s="258">
        <v>9</v>
      </c>
      <c r="AM8" s="260">
        <v>0</v>
      </c>
      <c r="AN8" s="261">
        <v>16</v>
      </c>
      <c r="AO8" s="261">
        <v>14</v>
      </c>
      <c r="AP8" s="261">
        <v>11</v>
      </c>
      <c r="AQ8" s="261">
        <v>11</v>
      </c>
      <c r="AR8" s="261">
        <v>4</v>
      </c>
      <c r="AS8" s="258">
        <v>56</v>
      </c>
      <c r="AT8" s="263">
        <v>65</v>
      </c>
      <c r="AU8" s="257">
        <v>52</v>
      </c>
      <c r="AV8" s="261">
        <v>43</v>
      </c>
      <c r="AW8" s="258">
        <v>95</v>
      </c>
      <c r="AX8" s="260">
        <v>0</v>
      </c>
      <c r="AY8" s="261">
        <v>237</v>
      </c>
      <c r="AZ8" s="261">
        <v>227</v>
      </c>
      <c r="BA8" s="261">
        <v>179</v>
      </c>
      <c r="BB8" s="261">
        <v>186</v>
      </c>
      <c r="BC8" s="261">
        <v>120</v>
      </c>
      <c r="BD8" s="262">
        <v>949</v>
      </c>
      <c r="BE8" s="263">
        <v>1044</v>
      </c>
      <c r="BF8" s="257">
        <v>0</v>
      </c>
      <c r="BG8" s="261">
        <v>0</v>
      </c>
      <c r="BH8" s="258">
        <v>0</v>
      </c>
      <c r="BI8" s="260">
        <v>0</v>
      </c>
      <c r="BJ8" s="261">
        <v>230</v>
      </c>
      <c r="BK8" s="261">
        <v>193</v>
      </c>
      <c r="BL8" s="261">
        <v>81</v>
      </c>
      <c r="BM8" s="261">
        <v>46</v>
      </c>
      <c r="BN8" s="261">
        <v>24</v>
      </c>
      <c r="BO8" s="258">
        <v>574</v>
      </c>
      <c r="BP8" s="263">
        <v>574</v>
      </c>
      <c r="BQ8" s="257">
        <v>11</v>
      </c>
      <c r="BR8" s="261">
        <v>11</v>
      </c>
      <c r="BS8" s="258">
        <v>22</v>
      </c>
      <c r="BT8" s="260">
        <v>0</v>
      </c>
      <c r="BU8" s="261">
        <v>44</v>
      </c>
      <c r="BV8" s="261">
        <v>54</v>
      </c>
      <c r="BW8" s="261">
        <v>40</v>
      </c>
      <c r="BX8" s="261">
        <v>19</v>
      </c>
      <c r="BY8" s="261">
        <v>7</v>
      </c>
      <c r="BZ8" s="258">
        <v>164</v>
      </c>
      <c r="CA8" s="263">
        <v>186</v>
      </c>
      <c r="CB8" s="257">
        <v>0</v>
      </c>
      <c r="CC8" s="261">
        <v>3</v>
      </c>
      <c r="CD8" s="258">
        <v>3</v>
      </c>
      <c r="CE8" s="260">
        <v>0</v>
      </c>
      <c r="CF8" s="261">
        <v>21</v>
      </c>
      <c r="CG8" s="261">
        <v>32</v>
      </c>
      <c r="CH8" s="261">
        <v>26</v>
      </c>
      <c r="CI8" s="261">
        <v>20</v>
      </c>
      <c r="CJ8" s="261">
        <v>15</v>
      </c>
      <c r="CK8" s="258">
        <v>114</v>
      </c>
      <c r="CL8" s="263">
        <v>117</v>
      </c>
      <c r="CM8" s="257">
        <v>0</v>
      </c>
      <c r="CN8" s="261">
        <v>0</v>
      </c>
      <c r="CO8" s="258">
        <v>0</v>
      </c>
      <c r="CP8" s="260">
        <v>0</v>
      </c>
      <c r="CQ8" s="261">
        <v>1</v>
      </c>
      <c r="CR8" s="261">
        <v>7</v>
      </c>
      <c r="CS8" s="261">
        <v>3</v>
      </c>
      <c r="CT8" s="261">
        <v>8</v>
      </c>
      <c r="CU8" s="261">
        <v>2</v>
      </c>
      <c r="CV8" s="258">
        <v>21</v>
      </c>
      <c r="CW8" s="263">
        <v>21</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75</v>
      </c>
      <c r="DU8" s="261">
        <v>128</v>
      </c>
      <c r="DV8" s="258">
        <v>203</v>
      </c>
      <c r="DW8" s="260">
        <v>0</v>
      </c>
      <c r="DX8" s="261">
        <v>262</v>
      </c>
      <c r="DY8" s="261">
        <v>368</v>
      </c>
      <c r="DZ8" s="261">
        <v>200</v>
      </c>
      <c r="EA8" s="261">
        <v>173</v>
      </c>
      <c r="EB8" s="261">
        <v>103</v>
      </c>
      <c r="EC8" s="258">
        <v>1106</v>
      </c>
      <c r="ED8" s="263">
        <v>1309</v>
      </c>
      <c r="EE8" s="257">
        <v>27</v>
      </c>
      <c r="EF8" s="261">
        <v>12</v>
      </c>
      <c r="EG8" s="258">
        <v>39</v>
      </c>
      <c r="EH8" s="260">
        <v>0</v>
      </c>
      <c r="EI8" s="261">
        <v>99</v>
      </c>
      <c r="EJ8" s="261">
        <v>60</v>
      </c>
      <c r="EK8" s="261">
        <v>55</v>
      </c>
      <c r="EL8" s="261">
        <v>61</v>
      </c>
      <c r="EM8" s="261">
        <v>30</v>
      </c>
      <c r="EN8" s="258">
        <v>305</v>
      </c>
      <c r="EO8" s="263">
        <v>344</v>
      </c>
      <c r="EP8" s="257">
        <v>95</v>
      </c>
      <c r="EQ8" s="261">
        <v>166</v>
      </c>
      <c r="ER8" s="258">
        <v>261</v>
      </c>
      <c r="ES8" s="260">
        <v>0</v>
      </c>
      <c r="ET8" s="261">
        <v>598</v>
      </c>
      <c r="EU8" s="261">
        <v>496</v>
      </c>
      <c r="EV8" s="261">
        <v>232</v>
      </c>
      <c r="EW8" s="261">
        <v>168</v>
      </c>
      <c r="EX8" s="261">
        <v>105</v>
      </c>
      <c r="EY8" s="258">
        <v>1599</v>
      </c>
      <c r="EZ8" s="263">
        <v>1860</v>
      </c>
    </row>
    <row r="9" spans="2:156" ht="21" customHeight="1" x14ac:dyDescent="0.2">
      <c r="B9" s="468" t="s">
        <v>14</v>
      </c>
      <c r="C9" s="257">
        <v>0</v>
      </c>
      <c r="D9" s="261">
        <v>0</v>
      </c>
      <c r="E9" s="356">
        <v>0</v>
      </c>
      <c r="F9" s="260">
        <v>0</v>
      </c>
      <c r="G9" s="261">
        <v>59</v>
      </c>
      <c r="H9" s="261">
        <v>102</v>
      </c>
      <c r="I9" s="261">
        <v>55</v>
      </c>
      <c r="J9" s="261">
        <v>42</v>
      </c>
      <c r="K9" s="261">
        <v>29</v>
      </c>
      <c r="L9" s="262">
        <v>287</v>
      </c>
      <c r="M9" s="263">
        <v>287</v>
      </c>
      <c r="N9" s="257">
        <v>0</v>
      </c>
      <c r="O9" s="261">
        <v>0</v>
      </c>
      <c r="P9" s="258">
        <v>0</v>
      </c>
      <c r="Q9" s="260">
        <v>0</v>
      </c>
      <c r="R9" s="261">
        <v>0</v>
      </c>
      <c r="S9" s="261">
        <v>2</v>
      </c>
      <c r="T9" s="261">
        <v>5</v>
      </c>
      <c r="U9" s="261">
        <v>5</v>
      </c>
      <c r="V9" s="261">
        <v>7</v>
      </c>
      <c r="W9" s="258">
        <v>19</v>
      </c>
      <c r="X9" s="263">
        <v>19</v>
      </c>
      <c r="Y9" s="257">
        <v>11</v>
      </c>
      <c r="Z9" s="261">
        <v>27</v>
      </c>
      <c r="AA9" s="258">
        <v>38</v>
      </c>
      <c r="AB9" s="260">
        <v>0</v>
      </c>
      <c r="AC9" s="261">
        <v>55</v>
      </c>
      <c r="AD9" s="261">
        <v>95</v>
      </c>
      <c r="AE9" s="261">
        <v>59</v>
      </c>
      <c r="AF9" s="261">
        <v>36</v>
      </c>
      <c r="AG9" s="261">
        <v>31</v>
      </c>
      <c r="AH9" s="258">
        <v>276</v>
      </c>
      <c r="AI9" s="263">
        <v>314</v>
      </c>
      <c r="AJ9" s="257">
        <v>0</v>
      </c>
      <c r="AK9" s="261">
        <v>3</v>
      </c>
      <c r="AL9" s="258">
        <v>3</v>
      </c>
      <c r="AM9" s="260">
        <v>0</v>
      </c>
      <c r="AN9" s="261">
        <v>0</v>
      </c>
      <c r="AO9" s="261">
        <v>2</v>
      </c>
      <c r="AP9" s="261">
        <v>4</v>
      </c>
      <c r="AQ9" s="261">
        <v>4</v>
      </c>
      <c r="AR9" s="261">
        <v>1</v>
      </c>
      <c r="AS9" s="258">
        <v>11</v>
      </c>
      <c r="AT9" s="263">
        <v>14</v>
      </c>
      <c r="AU9" s="257">
        <v>17</v>
      </c>
      <c r="AV9" s="261">
        <v>24</v>
      </c>
      <c r="AW9" s="258">
        <v>41</v>
      </c>
      <c r="AX9" s="260">
        <v>0</v>
      </c>
      <c r="AY9" s="261">
        <v>83</v>
      </c>
      <c r="AZ9" s="261">
        <v>124</v>
      </c>
      <c r="BA9" s="261">
        <v>113</v>
      </c>
      <c r="BB9" s="261">
        <v>97</v>
      </c>
      <c r="BC9" s="261">
        <v>58</v>
      </c>
      <c r="BD9" s="262">
        <v>475</v>
      </c>
      <c r="BE9" s="263">
        <v>516</v>
      </c>
      <c r="BF9" s="257">
        <v>0</v>
      </c>
      <c r="BG9" s="261">
        <v>0</v>
      </c>
      <c r="BH9" s="258">
        <v>0</v>
      </c>
      <c r="BI9" s="260">
        <v>0</v>
      </c>
      <c r="BJ9" s="261">
        <v>118</v>
      </c>
      <c r="BK9" s="261">
        <v>124</v>
      </c>
      <c r="BL9" s="261">
        <v>74</v>
      </c>
      <c r="BM9" s="261">
        <v>36</v>
      </c>
      <c r="BN9" s="261">
        <v>15</v>
      </c>
      <c r="BO9" s="258">
        <v>367</v>
      </c>
      <c r="BP9" s="263">
        <v>367</v>
      </c>
      <c r="BQ9" s="257">
        <v>5</v>
      </c>
      <c r="BR9" s="261">
        <v>10</v>
      </c>
      <c r="BS9" s="258">
        <v>15</v>
      </c>
      <c r="BT9" s="260">
        <v>0</v>
      </c>
      <c r="BU9" s="261">
        <v>15</v>
      </c>
      <c r="BV9" s="261">
        <v>30</v>
      </c>
      <c r="BW9" s="261">
        <v>14</v>
      </c>
      <c r="BX9" s="261">
        <v>10</v>
      </c>
      <c r="BY9" s="261">
        <v>0</v>
      </c>
      <c r="BZ9" s="258">
        <v>69</v>
      </c>
      <c r="CA9" s="263">
        <v>84</v>
      </c>
      <c r="CB9" s="257">
        <v>0</v>
      </c>
      <c r="CC9" s="261">
        <v>1</v>
      </c>
      <c r="CD9" s="258">
        <v>1</v>
      </c>
      <c r="CE9" s="260">
        <v>0</v>
      </c>
      <c r="CF9" s="261">
        <v>11</v>
      </c>
      <c r="CG9" s="261">
        <v>24</v>
      </c>
      <c r="CH9" s="261">
        <v>24</v>
      </c>
      <c r="CI9" s="261">
        <v>15</v>
      </c>
      <c r="CJ9" s="261">
        <v>11</v>
      </c>
      <c r="CK9" s="258">
        <v>85</v>
      </c>
      <c r="CL9" s="263">
        <v>86</v>
      </c>
      <c r="CM9" s="257">
        <v>0</v>
      </c>
      <c r="CN9" s="261">
        <v>0</v>
      </c>
      <c r="CO9" s="258">
        <v>0</v>
      </c>
      <c r="CP9" s="260">
        <v>0</v>
      </c>
      <c r="CQ9" s="261">
        <v>0</v>
      </c>
      <c r="CR9" s="261">
        <v>2</v>
      </c>
      <c r="CS9" s="261">
        <v>1</v>
      </c>
      <c r="CT9" s="261">
        <v>1</v>
      </c>
      <c r="CU9" s="261">
        <v>0</v>
      </c>
      <c r="CV9" s="258">
        <v>4</v>
      </c>
      <c r="CW9" s="263">
        <v>4</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7</v>
      </c>
      <c r="DU9" s="261">
        <v>99</v>
      </c>
      <c r="DV9" s="258">
        <v>136</v>
      </c>
      <c r="DW9" s="260">
        <v>0</v>
      </c>
      <c r="DX9" s="261">
        <v>115</v>
      </c>
      <c r="DY9" s="261">
        <v>254</v>
      </c>
      <c r="DZ9" s="261">
        <v>152</v>
      </c>
      <c r="EA9" s="261">
        <v>97</v>
      </c>
      <c r="EB9" s="261">
        <v>48</v>
      </c>
      <c r="EC9" s="258">
        <v>666</v>
      </c>
      <c r="ED9" s="263">
        <v>802</v>
      </c>
      <c r="EE9" s="257">
        <v>12</v>
      </c>
      <c r="EF9" s="261">
        <v>11</v>
      </c>
      <c r="EG9" s="258">
        <v>23</v>
      </c>
      <c r="EH9" s="260">
        <v>0</v>
      </c>
      <c r="EI9" s="261">
        <v>29</v>
      </c>
      <c r="EJ9" s="261">
        <v>28</v>
      </c>
      <c r="EK9" s="261">
        <v>26</v>
      </c>
      <c r="EL9" s="261">
        <v>25</v>
      </c>
      <c r="EM9" s="261">
        <v>12</v>
      </c>
      <c r="EN9" s="258">
        <v>120</v>
      </c>
      <c r="EO9" s="263">
        <v>143</v>
      </c>
      <c r="EP9" s="257">
        <v>50</v>
      </c>
      <c r="EQ9" s="261">
        <v>122</v>
      </c>
      <c r="ER9" s="258">
        <v>172</v>
      </c>
      <c r="ES9" s="260">
        <v>0</v>
      </c>
      <c r="ET9" s="261">
        <v>276</v>
      </c>
      <c r="EU9" s="261">
        <v>351</v>
      </c>
      <c r="EV9" s="261">
        <v>190</v>
      </c>
      <c r="EW9" s="261">
        <v>113</v>
      </c>
      <c r="EX9" s="261">
        <v>49</v>
      </c>
      <c r="EY9" s="258">
        <v>979</v>
      </c>
      <c r="EZ9" s="263">
        <v>1151</v>
      </c>
    </row>
    <row r="10" spans="2:156" ht="21" customHeight="1" x14ac:dyDescent="0.2">
      <c r="B10" s="468" t="s">
        <v>7</v>
      </c>
      <c r="C10" s="257">
        <v>0</v>
      </c>
      <c r="D10" s="261">
        <v>0</v>
      </c>
      <c r="E10" s="356">
        <v>0</v>
      </c>
      <c r="F10" s="260">
        <v>0</v>
      </c>
      <c r="G10" s="261">
        <v>119</v>
      </c>
      <c r="H10" s="261">
        <v>91</v>
      </c>
      <c r="I10" s="261">
        <v>36</v>
      </c>
      <c r="J10" s="261">
        <v>35</v>
      </c>
      <c r="K10" s="261">
        <v>31</v>
      </c>
      <c r="L10" s="262">
        <v>312</v>
      </c>
      <c r="M10" s="263">
        <v>312</v>
      </c>
      <c r="N10" s="257">
        <v>0</v>
      </c>
      <c r="O10" s="261">
        <v>0</v>
      </c>
      <c r="P10" s="258">
        <v>0</v>
      </c>
      <c r="Q10" s="260">
        <v>0</v>
      </c>
      <c r="R10" s="261">
        <v>0</v>
      </c>
      <c r="S10" s="261">
        <v>3</v>
      </c>
      <c r="T10" s="261">
        <v>3</v>
      </c>
      <c r="U10" s="261">
        <v>12</v>
      </c>
      <c r="V10" s="261">
        <v>13</v>
      </c>
      <c r="W10" s="258">
        <v>31</v>
      </c>
      <c r="X10" s="263">
        <v>31</v>
      </c>
      <c r="Y10" s="257">
        <v>6</v>
      </c>
      <c r="Z10" s="261">
        <v>2</v>
      </c>
      <c r="AA10" s="258">
        <v>8</v>
      </c>
      <c r="AB10" s="260">
        <v>0</v>
      </c>
      <c r="AC10" s="261">
        <v>56</v>
      </c>
      <c r="AD10" s="261">
        <v>47</v>
      </c>
      <c r="AE10" s="261">
        <v>34</v>
      </c>
      <c r="AF10" s="261">
        <v>24</v>
      </c>
      <c r="AG10" s="261">
        <v>20</v>
      </c>
      <c r="AH10" s="258">
        <v>181</v>
      </c>
      <c r="AI10" s="263">
        <v>189</v>
      </c>
      <c r="AJ10" s="257">
        <v>1</v>
      </c>
      <c r="AK10" s="261">
        <v>0</v>
      </c>
      <c r="AL10" s="258">
        <v>1</v>
      </c>
      <c r="AM10" s="260">
        <v>0</v>
      </c>
      <c r="AN10" s="261">
        <v>8</v>
      </c>
      <c r="AO10" s="261">
        <v>5</v>
      </c>
      <c r="AP10" s="261">
        <v>8</v>
      </c>
      <c r="AQ10" s="261">
        <v>6</v>
      </c>
      <c r="AR10" s="261">
        <v>1</v>
      </c>
      <c r="AS10" s="258">
        <v>28</v>
      </c>
      <c r="AT10" s="263">
        <v>29</v>
      </c>
      <c r="AU10" s="257">
        <v>11</v>
      </c>
      <c r="AV10" s="261">
        <v>13</v>
      </c>
      <c r="AW10" s="258">
        <v>24</v>
      </c>
      <c r="AX10" s="260">
        <v>0</v>
      </c>
      <c r="AY10" s="261">
        <v>107</v>
      </c>
      <c r="AZ10" s="261">
        <v>125</v>
      </c>
      <c r="BA10" s="261">
        <v>97</v>
      </c>
      <c r="BB10" s="261">
        <v>78</v>
      </c>
      <c r="BC10" s="261">
        <v>54</v>
      </c>
      <c r="BD10" s="262">
        <v>461</v>
      </c>
      <c r="BE10" s="263">
        <v>485</v>
      </c>
      <c r="BF10" s="257">
        <v>0</v>
      </c>
      <c r="BG10" s="261">
        <v>0</v>
      </c>
      <c r="BH10" s="258">
        <v>0</v>
      </c>
      <c r="BI10" s="260">
        <v>0</v>
      </c>
      <c r="BJ10" s="261">
        <v>149</v>
      </c>
      <c r="BK10" s="261">
        <v>100</v>
      </c>
      <c r="BL10" s="261">
        <v>42</v>
      </c>
      <c r="BM10" s="261">
        <v>22</v>
      </c>
      <c r="BN10" s="261">
        <v>10</v>
      </c>
      <c r="BO10" s="258">
        <v>323</v>
      </c>
      <c r="BP10" s="263">
        <v>323</v>
      </c>
      <c r="BQ10" s="257">
        <v>3</v>
      </c>
      <c r="BR10" s="261">
        <v>4</v>
      </c>
      <c r="BS10" s="258">
        <v>7</v>
      </c>
      <c r="BT10" s="260">
        <v>0</v>
      </c>
      <c r="BU10" s="261">
        <v>23</v>
      </c>
      <c r="BV10" s="261">
        <v>26</v>
      </c>
      <c r="BW10" s="261">
        <v>11</v>
      </c>
      <c r="BX10" s="261">
        <v>4</v>
      </c>
      <c r="BY10" s="261">
        <v>2</v>
      </c>
      <c r="BZ10" s="258">
        <v>66</v>
      </c>
      <c r="CA10" s="263">
        <v>73</v>
      </c>
      <c r="CB10" s="257">
        <v>0</v>
      </c>
      <c r="CC10" s="261">
        <v>1</v>
      </c>
      <c r="CD10" s="258">
        <v>1</v>
      </c>
      <c r="CE10" s="260">
        <v>0</v>
      </c>
      <c r="CF10" s="261">
        <v>19</v>
      </c>
      <c r="CG10" s="261">
        <v>32</v>
      </c>
      <c r="CH10" s="261">
        <v>28</v>
      </c>
      <c r="CI10" s="261">
        <v>19</v>
      </c>
      <c r="CJ10" s="261">
        <v>11</v>
      </c>
      <c r="CK10" s="258">
        <v>109</v>
      </c>
      <c r="CL10" s="263">
        <v>110</v>
      </c>
      <c r="CM10" s="257">
        <v>0</v>
      </c>
      <c r="CN10" s="261">
        <v>0</v>
      </c>
      <c r="CO10" s="258">
        <v>0</v>
      </c>
      <c r="CP10" s="260">
        <v>0</v>
      </c>
      <c r="CQ10" s="261">
        <v>1</v>
      </c>
      <c r="CR10" s="261">
        <v>3</v>
      </c>
      <c r="CS10" s="261">
        <v>2</v>
      </c>
      <c r="CT10" s="261">
        <v>2</v>
      </c>
      <c r="CU10" s="261">
        <v>1</v>
      </c>
      <c r="CV10" s="258">
        <v>9</v>
      </c>
      <c r="CW10" s="263">
        <v>9</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0</v>
      </c>
      <c r="DU10" s="261">
        <v>37</v>
      </c>
      <c r="DV10" s="258">
        <v>67</v>
      </c>
      <c r="DW10" s="260">
        <v>0</v>
      </c>
      <c r="DX10" s="261">
        <v>148</v>
      </c>
      <c r="DY10" s="261">
        <v>193</v>
      </c>
      <c r="DZ10" s="261">
        <v>98</v>
      </c>
      <c r="EA10" s="261">
        <v>73</v>
      </c>
      <c r="EB10" s="261">
        <v>46</v>
      </c>
      <c r="EC10" s="258">
        <v>558</v>
      </c>
      <c r="ED10" s="263">
        <v>625</v>
      </c>
      <c r="EE10" s="257">
        <v>5</v>
      </c>
      <c r="EF10" s="261">
        <v>11</v>
      </c>
      <c r="EG10" s="258">
        <v>16</v>
      </c>
      <c r="EH10" s="260">
        <v>0</v>
      </c>
      <c r="EI10" s="261">
        <v>40</v>
      </c>
      <c r="EJ10" s="261">
        <v>39</v>
      </c>
      <c r="EK10" s="261">
        <v>30</v>
      </c>
      <c r="EL10" s="261">
        <v>26</v>
      </c>
      <c r="EM10" s="261">
        <v>12</v>
      </c>
      <c r="EN10" s="258">
        <v>147</v>
      </c>
      <c r="EO10" s="263">
        <v>163</v>
      </c>
      <c r="EP10" s="257">
        <v>39</v>
      </c>
      <c r="EQ10" s="261">
        <v>40</v>
      </c>
      <c r="ER10" s="258">
        <v>79</v>
      </c>
      <c r="ES10" s="260">
        <v>0</v>
      </c>
      <c r="ET10" s="261">
        <v>351</v>
      </c>
      <c r="EU10" s="261">
        <v>264</v>
      </c>
      <c r="EV10" s="261">
        <v>121</v>
      </c>
      <c r="EW10" s="261">
        <v>79</v>
      </c>
      <c r="EX10" s="261">
        <v>50</v>
      </c>
      <c r="EY10" s="258">
        <v>865</v>
      </c>
      <c r="EZ10" s="263">
        <v>944</v>
      </c>
    </row>
    <row r="11" spans="2:156" ht="21" customHeight="1" x14ac:dyDescent="0.2">
      <c r="B11" s="468" t="s">
        <v>8</v>
      </c>
      <c r="C11" s="257">
        <v>0</v>
      </c>
      <c r="D11" s="261">
        <v>0</v>
      </c>
      <c r="E11" s="356">
        <v>0</v>
      </c>
      <c r="F11" s="260">
        <v>0</v>
      </c>
      <c r="G11" s="261">
        <v>17</v>
      </c>
      <c r="H11" s="261">
        <v>26</v>
      </c>
      <c r="I11" s="261">
        <v>35</v>
      </c>
      <c r="J11" s="261">
        <v>12</v>
      </c>
      <c r="K11" s="261">
        <v>12</v>
      </c>
      <c r="L11" s="262">
        <v>102</v>
      </c>
      <c r="M11" s="263">
        <v>102</v>
      </c>
      <c r="N11" s="257">
        <v>0</v>
      </c>
      <c r="O11" s="261">
        <v>0</v>
      </c>
      <c r="P11" s="258">
        <v>0</v>
      </c>
      <c r="Q11" s="260">
        <v>0</v>
      </c>
      <c r="R11" s="261">
        <v>0</v>
      </c>
      <c r="S11" s="261">
        <v>0</v>
      </c>
      <c r="T11" s="261">
        <v>2</v>
      </c>
      <c r="U11" s="261">
        <v>2</v>
      </c>
      <c r="V11" s="261">
        <v>8</v>
      </c>
      <c r="W11" s="258">
        <v>12</v>
      </c>
      <c r="X11" s="263">
        <v>12</v>
      </c>
      <c r="Y11" s="257">
        <v>4</v>
      </c>
      <c r="Z11" s="261">
        <v>4</v>
      </c>
      <c r="AA11" s="258">
        <v>8</v>
      </c>
      <c r="AB11" s="260">
        <v>0</v>
      </c>
      <c r="AC11" s="261">
        <v>16</v>
      </c>
      <c r="AD11" s="261">
        <v>28</v>
      </c>
      <c r="AE11" s="261">
        <v>34</v>
      </c>
      <c r="AF11" s="261">
        <v>12</v>
      </c>
      <c r="AG11" s="261">
        <v>9</v>
      </c>
      <c r="AH11" s="258">
        <v>99</v>
      </c>
      <c r="AI11" s="263">
        <v>107</v>
      </c>
      <c r="AJ11" s="257">
        <v>0</v>
      </c>
      <c r="AK11" s="261">
        <v>0</v>
      </c>
      <c r="AL11" s="258">
        <v>0</v>
      </c>
      <c r="AM11" s="260">
        <v>0</v>
      </c>
      <c r="AN11" s="261">
        <v>4</v>
      </c>
      <c r="AO11" s="261">
        <v>1</v>
      </c>
      <c r="AP11" s="261">
        <v>7</v>
      </c>
      <c r="AQ11" s="261">
        <v>3</v>
      </c>
      <c r="AR11" s="261">
        <v>1</v>
      </c>
      <c r="AS11" s="258">
        <v>16</v>
      </c>
      <c r="AT11" s="263">
        <v>16</v>
      </c>
      <c r="AU11" s="257">
        <v>11</v>
      </c>
      <c r="AV11" s="261">
        <v>2</v>
      </c>
      <c r="AW11" s="258">
        <v>13</v>
      </c>
      <c r="AX11" s="260">
        <v>0</v>
      </c>
      <c r="AY11" s="261">
        <v>34</v>
      </c>
      <c r="AZ11" s="261">
        <v>32</v>
      </c>
      <c r="BA11" s="261">
        <v>52</v>
      </c>
      <c r="BB11" s="261">
        <v>29</v>
      </c>
      <c r="BC11" s="261">
        <v>20</v>
      </c>
      <c r="BD11" s="262">
        <v>167</v>
      </c>
      <c r="BE11" s="263">
        <v>180</v>
      </c>
      <c r="BF11" s="257">
        <v>0</v>
      </c>
      <c r="BG11" s="261">
        <v>0</v>
      </c>
      <c r="BH11" s="258">
        <v>0</v>
      </c>
      <c r="BI11" s="260">
        <v>0</v>
      </c>
      <c r="BJ11" s="261">
        <v>32</v>
      </c>
      <c r="BK11" s="261">
        <v>34</v>
      </c>
      <c r="BL11" s="261">
        <v>23</v>
      </c>
      <c r="BM11" s="261">
        <v>13</v>
      </c>
      <c r="BN11" s="261">
        <v>3</v>
      </c>
      <c r="BO11" s="258">
        <v>105</v>
      </c>
      <c r="BP11" s="263">
        <v>105</v>
      </c>
      <c r="BQ11" s="257">
        <v>5</v>
      </c>
      <c r="BR11" s="261">
        <v>2</v>
      </c>
      <c r="BS11" s="258">
        <v>7</v>
      </c>
      <c r="BT11" s="260">
        <v>0</v>
      </c>
      <c r="BU11" s="261">
        <v>11</v>
      </c>
      <c r="BV11" s="261">
        <v>8</v>
      </c>
      <c r="BW11" s="261">
        <v>8</v>
      </c>
      <c r="BX11" s="261">
        <v>3</v>
      </c>
      <c r="BY11" s="261">
        <v>0</v>
      </c>
      <c r="BZ11" s="258">
        <v>30</v>
      </c>
      <c r="CA11" s="263">
        <v>37</v>
      </c>
      <c r="CB11" s="257">
        <v>1</v>
      </c>
      <c r="CC11" s="261">
        <v>1</v>
      </c>
      <c r="CD11" s="258">
        <v>2</v>
      </c>
      <c r="CE11" s="260">
        <v>0</v>
      </c>
      <c r="CF11" s="261">
        <v>2</v>
      </c>
      <c r="CG11" s="261">
        <v>8</v>
      </c>
      <c r="CH11" s="261">
        <v>16</v>
      </c>
      <c r="CI11" s="261">
        <v>4</v>
      </c>
      <c r="CJ11" s="261">
        <v>1</v>
      </c>
      <c r="CK11" s="258">
        <v>31</v>
      </c>
      <c r="CL11" s="263">
        <v>33</v>
      </c>
      <c r="CM11" s="257">
        <v>0</v>
      </c>
      <c r="CN11" s="261">
        <v>0</v>
      </c>
      <c r="CO11" s="258">
        <v>0</v>
      </c>
      <c r="CP11" s="260">
        <v>0</v>
      </c>
      <c r="CQ11" s="261">
        <v>0</v>
      </c>
      <c r="CR11" s="261">
        <v>0</v>
      </c>
      <c r="CS11" s="261">
        <v>1</v>
      </c>
      <c r="CT11" s="261">
        <v>0</v>
      </c>
      <c r="CU11" s="261">
        <v>0</v>
      </c>
      <c r="CV11" s="258">
        <v>1</v>
      </c>
      <c r="CW11" s="263">
        <v>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21</v>
      </c>
      <c r="DU11" s="261">
        <v>26</v>
      </c>
      <c r="DV11" s="258">
        <v>47</v>
      </c>
      <c r="DW11" s="260">
        <v>0</v>
      </c>
      <c r="DX11" s="261">
        <v>50</v>
      </c>
      <c r="DY11" s="261">
        <v>83</v>
      </c>
      <c r="DZ11" s="261">
        <v>70</v>
      </c>
      <c r="EA11" s="261">
        <v>35</v>
      </c>
      <c r="EB11" s="261">
        <v>19</v>
      </c>
      <c r="EC11" s="258">
        <v>257</v>
      </c>
      <c r="ED11" s="263">
        <v>304</v>
      </c>
      <c r="EE11" s="257">
        <v>8</v>
      </c>
      <c r="EF11" s="261">
        <v>1</v>
      </c>
      <c r="EG11" s="258">
        <v>9</v>
      </c>
      <c r="EH11" s="260">
        <v>0</v>
      </c>
      <c r="EI11" s="261">
        <v>20</v>
      </c>
      <c r="EJ11" s="261">
        <v>9</v>
      </c>
      <c r="EK11" s="261">
        <v>9</v>
      </c>
      <c r="EL11" s="261">
        <v>9</v>
      </c>
      <c r="EM11" s="261">
        <v>7</v>
      </c>
      <c r="EN11" s="258">
        <v>54</v>
      </c>
      <c r="EO11" s="263">
        <v>63</v>
      </c>
      <c r="EP11" s="257">
        <v>29</v>
      </c>
      <c r="EQ11" s="261">
        <v>28</v>
      </c>
      <c r="ER11" s="258">
        <v>57</v>
      </c>
      <c r="ES11" s="260">
        <v>0</v>
      </c>
      <c r="ET11" s="261">
        <v>97</v>
      </c>
      <c r="EU11" s="261">
        <v>108</v>
      </c>
      <c r="EV11" s="261">
        <v>78</v>
      </c>
      <c r="EW11" s="261">
        <v>34</v>
      </c>
      <c r="EX11" s="261">
        <v>18</v>
      </c>
      <c r="EY11" s="258">
        <v>335</v>
      </c>
      <c r="EZ11" s="263">
        <v>392</v>
      </c>
    </row>
    <row r="12" spans="2:156" ht="21" customHeight="1" x14ac:dyDescent="0.2">
      <c r="B12" s="468" t="s">
        <v>9</v>
      </c>
      <c r="C12" s="257">
        <v>0</v>
      </c>
      <c r="D12" s="261">
        <v>0</v>
      </c>
      <c r="E12" s="356">
        <v>0</v>
      </c>
      <c r="F12" s="260">
        <v>0</v>
      </c>
      <c r="G12" s="261">
        <v>49</v>
      </c>
      <c r="H12" s="261">
        <v>37</v>
      </c>
      <c r="I12" s="261">
        <v>37</v>
      </c>
      <c r="J12" s="261">
        <v>27</v>
      </c>
      <c r="K12" s="261">
        <v>20</v>
      </c>
      <c r="L12" s="262">
        <v>170</v>
      </c>
      <c r="M12" s="263">
        <v>170</v>
      </c>
      <c r="N12" s="257">
        <v>0</v>
      </c>
      <c r="O12" s="261">
        <v>0</v>
      </c>
      <c r="P12" s="258">
        <v>0</v>
      </c>
      <c r="Q12" s="260">
        <v>0</v>
      </c>
      <c r="R12" s="261">
        <v>0</v>
      </c>
      <c r="S12" s="261">
        <v>1</v>
      </c>
      <c r="T12" s="261">
        <v>2</v>
      </c>
      <c r="U12" s="261">
        <v>1</v>
      </c>
      <c r="V12" s="261">
        <v>3</v>
      </c>
      <c r="W12" s="258">
        <v>7</v>
      </c>
      <c r="X12" s="263">
        <v>7</v>
      </c>
      <c r="Y12" s="257">
        <v>5</v>
      </c>
      <c r="Z12" s="261">
        <v>9</v>
      </c>
      <c r="AA12" s="258">
        <v>14</v>
      </c>
      <c r="AB12" s="260">
        <v>0</v>
      </c>
      <c r="AC12" s="261">
        <v>47</v>
      </c>
      <c r="AD12" s="261">
        <v>23</v>
      </c>
      <c r="AE12" s="261">
        <v>36</v>
      </c>
      <c r="AF12" s="261">
        <v>25</v>
      </c>
      <c r="AG12" s="261">
        <v>18</v>
      </c>
      <c r="AH12" s="258">
        <v>149</v>
      </c>
      <c r="AI12" s="263">
        <v>163</v>
      </c>
      <c r="AJ12" s="257">
        <v>1</v>
      </c>
      <c r="AK12" s="261">
        <v>2</v>
      </c>
      <c r="AL12" s="258">
        <v>3</v>
      </c>
      <c r="AM12" s="260">
        <v>0</v>
      </c>
      <c r="AN12" s="261">
        <v>1</v>
      </c>
      <c r="AO12" s="261">
        <v>6</v>
      </c>
      <c r="AP12" s="261">
        <v>4</v>
      </c>
      <c r="AQ12" s="261">
        <v>4</v>
      </c>
      <c r="AR12" s="261">
        <v>3</v>
      </c>
      <c r="AS12" s="258">
        <v>18</v>
      </c>
      <c r="AT12" s="263">
        <v>21</v>
      </c>
      <c r="AU12" s="257">
        <v>8</v>
      </c>
      <c r="AV12" s="261">
        <v>8</v>
      </c>
      <c r="AW12" s="258">
        <v>16</v>
      </c>
      <c r="AX12" s="260">
        <v>0</v>
      </c>
      <c r="AY12" s="261">
        <v>52</v>
      </c>
      <c r="AZ12" s="261">
        <v>50</v>
      </c>
      <c r="BA12" s="261">
        <v>64</v>
      </c>
      <c r="BB12" s="261">
        <v>44</v>
      </c>
      <c r="BC12" s="261">
        <v>29</v>
      </c>
      <c r="BD12" s="262">
        <v>239</v>
      </c>
      <c r="BE12" s="263">
        <v>255</v>
      </c>
      <c r="BF12" s="257">
        <v>0</v>
      </c>
      <c r="BG12" s="261">
        <v>0</v>
      </c>
      <c r="BH12" s="258">
        <v>0</v>
      </c>
      <c r="BI12" s="260">
        <v>0</v>
      </c>
      <c r="BJ12" s="261">
        <v>50</v>
      </c>
      <c r="BK12" s="261">
        <v>31</v>
      </c>
      <c r="BL12" s="261">
        <v>22</v>
      </c>
      <c r="BM12" s="261">
        <v>17</v>
      </c>
      <c r="BN12" s="261">
        <v>5</v>
      </c>
      <c r="BO12" s="258">
        <v>125</v>
      </c>
      <c r="BP12" s="263">
        <v>125</v>
      </c>
      <c r="BQ12" s="257">
        <v>3</v>
      </c>
      <c r="BR12" s="261">
        <v>8</v>
      </c>
      <c r="BS12" s="258">
        <v>11</v>
      </c>
      <c r="BT12" s="260">
        <v>0</v>
      </c>
      <c r="BU12" s="261">
        <v>17</v>
      </c>
      <c r="BV12" s="261">
        <v>17</v>
      </c>
      <c r="BW12" s="261">
        <v>14</v>
      </c>
      <c r="BX12" s="261">
        <v>6</v>
      </c>
      <c r="BY12" s="261">
        <v>2</v>
      </c>
      <c r="BZ12" s="258">
        <v>56</v>
      </c>
      <c r="CA12" s="263">
        <v>67</v>
      </c>
      <c r="CB12" s="257">
        <v>0</v>
      </c>
      <c r="CC12" s="261">
        <v>1</v>
      </c>
      <c r="CD12" s="258">
        <v>1</v>
      </c>
      <c r="CE12" s="260">
        <v>0</v>
      </c>
      <c r="CF12" s="261">
        <v>7</v>
      </c>
      <c r="CG12" s="261">
        <v>8</v>
      </c>
      <c r="CH12" s="261">
        <v>13</v>
      </c>
      <c r="CI12" s="261">
        <v>7</v>
      </c>
      <c r="CJ12" s="261">
        <v>4</v>
      </c>
      <c r="CK12" s="258">
        <v>39</v>
      </c>
      <c r="CL12" s="263">
        <v>40</v>
      </c>
      <c r="CM12" s="257">
        <v>0</v>
      </c>
      <c r="CN12" s="261">
        <v>0</v>
      </c>
      <c r="CO12" s="258">
        <v>0</v>
      </c>
      <c r="CP12" s="260">
        <v>0</v>
      </c>
      <c r="CQ12" s="261">
        <v>0</v>
      </c>
      <c r="CR12" s="261">
        <v>2</v>
      </c>
      <c r="CS12" s="261">
        <v>0</v>
      </c>
      <c r="CT12" s="261">
        <v>2</v>
      </c>
      <c r="CU12" s="261">
        <v>1</v>
      </c>
      <c r="CV12" s="258">
        <v>5</v>
      </c>
      <c r="CW12" s="263">
        <v>5</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8</v>
      </c>
      <c r="DU12" s="261">
        <v>31</v>
      </c>
      <c r="DV12" s="258">
        <v>59</v>
      </c>
      <c r="DW12" s="260">
        <v>0</v>
      </c>
      <c r="DX12" s="261">
        <v>73</v>
      </c>
      <c r="DY12" s="261">
        <v>67</v>
      </c>
      <c r="DZ12" s="261">
        <v>72</v>
      </c>
      <c r="EA12" s="261">
        <v>43</v>
      </c>
      <c r="EB12" s="261">
        <v>29</v>
      </c>
      <c r="EC12" s="258">
        <v>284</v>
      </c>
      <c r="ED12" s="263">
        <v>343</v>
      </c>
      <c r="EE12" s="257">
        <v>5</v>
      </c>
      <c r="EF12" s="261">
        <v>2</v>
      </c>
      <c r="EG12" s="258">
        <v>7</v>
      </c>
      <c r="EH12" s="260">
        <v>0</v>
      </c>
      <c r="EI12" s="261">
        <v>20</v>
      </c>
      <c r="EJ12" s="261">
        <v>18</v>
      </c>
      <c r="EK12" s="261">
        <v>16</v>
      </c>
      <c r="EL12" s="261">
        <v>15</v>
      </c>
      <c r="EM12" s="261">
        <v>9</v>
      </c>
      <c r="EN12" s="258">
        <v>78</v>
      </c>
      <c r="EO12" s="263">
        <v>85</v>
      </c>
      <c r="EP12" s="257">
        <v>30</v>
      </c>
      <c r="EQ12" s="261">
        <v>45</v>
      </c>
      <c r="ER12" s="258">
        <v>75</v>
      </c>
      <c r="ES12" s="260">
        <v>0</v>
      </c>
      <c r="ET12" s="261">
        <v>150</v>
      </c>
      <c r="EU12" s="261">
        <v>100</v>
      </c>
      <c r="EV12" s="261">
        <v>85</v>
      </c>
      <c r="EW12" s="261">
        <v>47</v>
      </c>
      <c r="EX12" s="261">
        <v>27</v>
      </c>
      <c r="EY12" s="258">
        <v>409</v>
      </c>
      <c r="EZ12" s="263">
        <v>484</v>
      </c>
    </row>
    <row r="13" spans="2:156" ht="21" customHeight="1" x14ac:dyDescent="0.2">
      <c r="B13" s="468" t="s">
        <v>10</v>
      </c>
      <c r="C13" s="257">
        <v>0</v>
      </c>
      <c r="D13" s="261">
        <v>0</v>
      </c>
      <c r="E13" s="356">
        <v>0</v>
      </c>
      <c r="F13" s="260">
        <v>0</v>
      </c>
      <c r="G13" s="261">
        <v>79</v>
      </c>
      <c r="H13" s="261">
        <v>49</v>
      </c>
      <c r="I13" s="261">
        <v>31</v>
      </c>
      <c r="J13" s="261">
        <v>36</v>
      </c>
      <c r="K13" s="261">
        <v>18</v>
      </c>
      <c r="L13" s="262">
        <v>213</v>
      </c>
      <c r="M13" s="263">
        <v>213</v>
      </c>
      <c r="N13" s="257">
        <v>0</v>
      </c>
      <c r="O13" s="261">
        <v>0</v>
      </c>
      <c r="P13" s="258">
        <v>0</v>
      </c>
      <c r="Q13" s="260">
        <v>0</v>
      </c>
      <c r="R13" s="261">
        <v>1</v>
      </c>
      <c r="S13" s="261">
        <v>1</v>
      </c>
      <c r="T13" s="261">
        <v>3</v>
      </c>
      <c r="U13" s="261">
        <v>8</v>
      </c>
      <c r="V13" s="261">
        <v>14</v>
      </c>
      <c r="W13" s="258">
        <v>27</v>
      </c>
      <c r="X13" s="263">
        <v>27</v>
      </c>
      <c r="Y13" s="257">
        <v>16</v>
      </c>
      <c r="Z13" s="261">
        <v>19</v>
      </c>
      <c r="AA13" s="258">
        <v>35</v>
      </c>
      <c r="AB13" s="260">
        <v>0</v>
      </c>
      <c r="AC13" s="261">
        <v>60</v>
      </c>
      <c r="AD13" s="261">
        <v>35</v>
      </c>
      <c r="AE13" s="261">
        <v>24</v>
      </c>
      <c r="AF13" s="261">
        <v>32</v>
      </c>
      <c r="AG13" s="261">
        <v>21</v>
      </c>
      <c r="AH13" s="258">
        <v>172</v>
      </c>
      <c r="AI13" s="263">
        <v>207</v>
      </c>
      <c r="AJ13" s="257">
        <v>3</v>
      </c>
      <c r="AK13" s="261">
        <v>4</v>
      </c>
      <c r="AL13" s="258">
        <v>7</v>
      </c>
      <c r="AM13" s="260">
        <v>0</v>
      </c>
      <c r="AN13" s="261">
        <v>6</v>
      </c>
      <c r="AO13" s="261">
        <v>6</v>
      </c>
      <c r="AP13" s="261">
        <v>5</v>
      </c>
      <c r="AQ13" s="261">
        <v>4</v>
      </c>
      <c r="AR13" s="261">
        <v>4</v>
      </c>
      <c r="AS13" s="258">
        <v>25</v>
      </c>
      <c r="AT13" s="263">
        <v>32</v>
      </c>
      <c r="AU13" s="257">
        <v>16</v>
      </c>
      <c r="AV13" s="261">
        <v>10</v>
      </c>
      <c r="AW13" s="258">
        <v>26</v>
      </c>
      <c r="AX13" s="260">
        <v>0</v>
      </c>
      <c r="AY13" s="261">
        <v>83</v>
      </c>
      <c r="AZ13" s="261">
        <v>75</v>
      </c>
      <c r="BA13" s="261">
        <v>66</v>
      </c>
      <c r="BB13" s="261">
        <v>82</v>
      </c>
      <c r="BC13" s="261">
        <v>42</v>
      </c>
      <c r="BD13" s="262">
        <v>348</v>
      </c>
      <c r="BE13" s="263">
        <v>374</v>
      </c>
      <c r="BF13" s="257">
        <v>0</v>
      </c>
      <c r="BG13" s="261">
        <v>0</v>
      </c>
      <c r="BH13" s="258">
        <v>0</v>
      </c>
      <c r="BI13" s="260">
        <v>0</v>
      </c>
      <c r="BJ13" s="261">
        <v>110</v>
      </c>
      <c r="BK13" s="261">
        <v>61</v>
      </c>
      <c r="BL13" s="261">
        <v>39</v>
      </c>
      <c r="BM13" s="261">
        <v>25</v>
      </c>
      <c r="BN13" s="261">
        <v>7</v>
      </c>
      <c r="BO13" s="258">
        <v>242</v>
      </c>
      <c r="BP13" s="263">
        <v>242</v>
      </c>
      <c r="BQ13" s="257">
        <v>5</v>
      </c>
      <c r="BR13" s="261">
        <v>7</v>
      </c>
      <c r="BS13" s="258">
        <v>12</v>
      </c>
      <c r="BT13" s="260">
        <v>0</v>
      </c>
      <c r="BU13" s="261">
        <v>24</v>
      </c>
      <c r="BV13" s="261">
        <v>15</v>
      </c>
      <c r="BW13" s="261">
        <v>5</v>
      </c>
      <c r="BX13" s="261">
        <v>7</v>
      </c>
      <c r="BY13" s="261">
        <v>2</v>
      </c>
      <c r="BZ13" s="258">
        <v>53</v>
      </c>
      <c r="CA13" s="263">
        <v>65</v>
      </c>
      <c r="CB13" s="257">
        <v>0</v>
      </c>
      <c r="CC13" s="261">
        <v>2</v>
      </c>
      <c r="CD13" s="258">
        <v>2</v>
      </c>
      <c r="CE13" s="260">
        <v>0</v>
      </c>
      <c r="CF13" s="261">
        <v>13</v>
      </c>
      <c r="CG13" s="261">
        <v>17</v>
      </c>
      <c r="CH13" s="261">
        <v>13</v>
      </c>
      <c r="CI13" s="261">
        <v>17</v>
      </c>
      <c r="CJ13" s="261">
        <v>7</v>
      </c>
      <c r="CK13" s="258">
        <v>67</v>
      </c>
      <c r="CL13" s="263">
        <v>69</v>
      </c>
      <c r="CM13" s="257">
        <v>0</v>
      </c>
      <c r="CN13" s="261">
        <v>0</v>
      </c>
      <c r="CO13" s="258">
        <v>0</v>
      </c>
      <c r="CP13" s="260">
        <v>0</v>
      </c>
      <c r="CQ13" s="261">
        <v>0</v>
      </c>
      <c r="CR13" s="261">
        <v>4</v>
      </c>
      <c r="CS13" s="261">
        <v>2</v>
      </c>
      <c r="CT13" s="261">
        <v>3</v>
      </c>
      <c r="CU13" s="261">
        <v>0</v>
      </c>
      <c r="CV13" s="258">
        <v>9</v>
      </c>
      <c r="CW13" s="263">
        <v>9</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65</v>
      </c>
      <c r="DU13" s="261">
        <v>67</v>
      </c>
      <c r="DV13" s="258">
        <v>132</v>
      </c>
      <c r="DW13" s="260">
        <v>0</v>
      </c>
      <c r="DX13" s="261">
        <v>123</v>
      </c>
      <c r="DY13" s="261">
        <v>106</v>
      </c>
      <c r="DZ13" s="261">
        <v>69</v>
      </c>
      <c r="EA13" s="261">
        <v>73</v>
      </c>
      <c r="EB13" s="261">
        <v>39</v>
      </c>
      <c r="EC13" s="258">
        <v>410</v>
      </c>
      <c r="ED13" s="263">
        <v>542</v>
      </c>
      <c r="EE13" s="257">
        <v>9</v>
      </c>
      <c r="EF13" s="261">
        <v>0</v>
      </c>
      <c r="EG13" s="258">
        <v>9</v>
      </c>
      <c r="EH13" s="260">
        <v>0</v>
      </c>
      <c r="EI13" s="261">
        <v>28</v>
      </c>
      <c r="EJ13" s="261">
        <v>15</v>
      </c>
      <c r="EK13" s="261">
        <v>18</v>
      </c>
      <c r="EL13" s="261">
        <v>23</v>
      </c>
      <c r="EM13" s="261">
        <v>7</v>
      </c>
      <c r="EN13" s="258">
        <v>91</v>
      </c>
      <c r="EO13" s="263">
        <v>100</v>
      </c>
      <c r="EP13" s="257">
        <v>84</v>
      </c>
      <c r="EQ13" s="261">
        <v>85</v>
      </c>
      <c r="ER13" s="258">
        <v>169</v>
      </c>
      <c r="ES13" s="260">
        <v>0</v>
      </c>
      <c r="ET13" s="261">
        <v>248</v>
      </c>
      <c r="EU13" s="261">
        <v>140</v>
      </c>
      <c r="EV13" s="261">
        <v>77</v>
      </c>
      <c r="EW13" s="261">
        <v>76</v>
      </c>
      <c r="EX13" s="261">
        <v>40</v>
      </c>
      <c r="EY13" s="258">
        <v>581</v>
      </c>
      <c r="EZ13" s="263">
        <v>750</v>
      </c>
    </row>
    <row r="14" spans="2:156" ht="21" customHeight="1" x14ac:dyDescent="0.2">
      <c r="B14" s="468" t="s">
        <v>11</v>
      </c>
      <c r="C14" s="257">
        <v>0</v>
      </c>
      <c r="D14" s="261">
        <v>0</v>
      </c>
      <c r="E14" s="356">
        <v>0</v>
      </c>
      <c r="F14" s="260">
        <v>0</v>
      </c>
      <c r="G14" s="261">
        <v>12</v>
      </c>
      <c r="H14" s="261">
        <v>17</v>
      </c>
      <c r="I14" s="261">
        <v>9</v>
      </c>
      <c r="J14" s="261">
        <v>16</v>
      </c>
      <c r="K14" s="261">
        <v>10</v>
      </c>
      <c r="L14" s="262">
        <v>64</v>
      </c>
      <c r="M14" s="263">
        <v>64</v>
      </c>
      <c r="N14" s="257">
        <v>0</v>
      </c>
      <c r="O14" s="261">
        <v>0</v>
      </c>
      <c r="P14" s="258">
        <v>0</v>
      </c>
      <c r="Q14" s="260">
        <v>0</v>
      </c>
      <c r="R14" s="261">
        <v>0</v>
      </c>
      <c r="S14" s="261">
        <v>3</v>
      </c>
      <c r="T14" s="261">
        <v>2</v>
      </c>
      <c r="U14" s="261">
        <v>2</v>
      </c>
      <c r="V14" s="261">
        <v>2</v>
      </c>
      <c r="W14" s="258">
        <v>9</v>
      </c>
      <c r="X14" s="263">
        <v>9</v>
      </c>
      <c r="Y14" s="257">
        <v>6</v>
      </c>
      <c r="Z14" s="261">
        <v>4</v>
      </c>
      <c r="AA14" s="258">
        <v>10</v>
      </c>
      <c r="AB14" s="260">
        <v>0</v>
      </c>
      <c r="AC14" s="261">
        <v>19</v>
      </c>
      <c r="AD14" s="261">
        <v>13</v>
      </c>
      <c r="AE14" s="261">
        <v>12</v>
      </c>
      <c r="AF14" s="261">
        <v>17</v>
      </c>
      <c r="AG14" s="261">
        <v>6</v>
      </c>
      <c r="AH14" s="258">
        <v>67</v>
      </c>
      <c r="AI14" s="263">
        <v>77</v>
      </c>
      <c r="AJ14" s="257">
        <v>0</v>
      </c>
      <c r="AK14" s="261">
        <v>2</v>
      </c>
      <c r="AL14" s="258">
        <v>2</v>
      </c>
      <c r="AM14" s="260">
        <v>0</v>
      </c>
      <c r="AN14" s="261">
        <v>2</v>
      </c>
      <c r="AO14" s="261">
        <v>0</v>
      </c>
      <c r="AP14" s="261">
        <v>1</v>
      </c>
      <c r="AQ14" s="261">
        <v>3</v>
      </c>
      <c r="AR14" s="261">
        <v>1</v>
      </c>
      <c r="AS14" s="258">
        <v>7</v>
      </c>
      <c r="AT14" s="263">
        <v>9</v>
      </c>
      <c r="AU14" s="257">
        <v>2</v>
      </c>
      <c r="AV14" s="261">
        <v>5</v>
      </c>
      <c r="AW14" s="258">
        <v>7</v>
      </c>
      <c r="AX14" s="260">
        <v>0</v>
      </c>
      <c r="AY14" s="261">
        <v>21</v>
      </c>
      <c r="AZ14" s="261">
        <v>40</v>
      </c>
      <c r="BA14" s="261">
        <v>16</v>
      </c>
      <c r="BB14" s="261">
        <v>29</v>
      </c>
      <c r="BC14" s="261">
        <v>13</v>
      </c>
      <c r="BD14" s="262">
        <v>119</v>
      </c>
      <c r="BE14" s="263">
        <v>126</v>
      </c>
      <c r="BF14" s="257">
        <v>0</v>
      </c>
      <c r="BG14" s="261">
        <v>0</v>
      </c>
      <c r="BH14" s="258">
        <v>0</v>
      </c>
      <c r="BI14" s="260">
        <v>0</v>
      </c>
      <c r="BJ14" s="261">
        <v>43</v>
      </c>
      <c r="BK14" s="261">
        <v>24</v>
      </c>
      <c r="BL14" s="261">
        <v>13</v>
      </c>
      <c r="BM14" s="261">
        <v>11</v>
      </c>
      <c r="BN14" s="261">
        <v>3</v>
      </c>
      <c r="BO14" s="258">
        <v>94</v>
      </c>
      <c r="BP14" s="263">
        <v>94</v>
      </c>
      <c r="BQ14" s="257">
        <v>6</v>
      </c>
      <c r="BR14" s="261">
        <v>3</v>
      </c>
      <c r="BS14" s="258">
        <v>9</v>
      </c>
      <c r="BT14" s="260">
        <v>0</v>
      </c>
      <c r="BU14" s="261">
        <v>18</v>
      </c>
      <c r="BV14" s="261">
        <v>9</v>
      </c>
      <c r="BW14" s="261">
        <v>7</v>
      </c>
      <c r="BX14" s="261">
        <v>11</v>
      </c>
      <c r="BY14" s="261">
        <v>2</v>
      </c>
      <c r="BZ14" s="258">
        <v>47</v>
      </c>
      <c r="CA14" s="263">
        <v>56</v>
      </c>
      <c r="CB14" s="257">
        <v>1</v>
      </c>
      <c r="CC14" s="261">
        <v>1</v>
      </c>
      <c r="CD14" s="258">
        <v>2</v>
      </c>
      <c r="CE14" s="260">
        <v>0</v>
      </c>
      <c r="CF14" s="261">
        <v>7</v>
      </c>
      <c r="CG14" s="261">
        <v>12</v>
      </c>
      <c r="CH14" s="261">
        <v>0</v>
      </c>
      <c r="CI14" s="261">
        <v>6</v>
      </c>
      <c r="CJ14" s="261">
        <v>1</v>
      </c>
      <c r="CK14" s="258">
        <v>26</v>
      </c>
      <c r="CL14" s="263">
        <v>28</v>
      </c>
      <c r="CM14" s="257">
        <v>0</v>
      </c>
      <c r="CN14" s="261">
        <v>0</v>
      </c>
      <c r="CO14" s="258">
        <v>0</v>
      </c>
      <c r="CP14" s="260">
        <v>0</v>
      </c>
      <c r="CQ14" s="261">
        <v>2</v>
      </c>
      <c r="CR14" s="261">
        <v>1</v>
      </c>
      <c r="CS14" s="261">
        <v>0</v>
      </c>
      <c r="CT14" s="261">
        <v>2</v>
      </c>
      <c r="CU14" s="261">
        <v>0</v>
      </c>
      <c r="CV14" s="258">
        <v>5</v>
      </c>
      <c r="CW14" s="263">
        <v>5</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3</v>
      </c>
      <c r="DU14" s="261">
        <v>29</v>
      </c>
      <c r="DV14" s="258">
        <v>42</v>
      </c>
      <c r="DW14" s="260">
        <v>0</v>
      </c>
      <c r="DX14" s="261">
        <v>49</v>
      </c>
      <c r="DY14" s="261">
        <v>55</v>
      </c>
      <c r="DZ14" s="261">
        <v>28</v>
      </c>
      <c r="EA14" s="261">
        <v>37</v>
      </c>
      <c r="EB14" s="261">
        <v>11</v>
      </c>
      <c r="EC14" s="258">
        <v>180</v>
      </c>
      <c r="ED14" s="263">
        <v>222</v>
      </c>
      <c r="EE14" s="257">
        <v>4</v>
      </c>
      <c r="EF14" s="261">
        <v>3</v>
      </c>
      <c r="EG14" s="258">
        <v>7</v>
      </c>
      <c r="EH14" s="260">
        <v>0</v>
      </c>
      <c r="EI14" s="261">
        <v>20</v>
      </c>
      <c r="EJ14" s="261">
        <v>12</v>
      </c>
      <c r="EK14" s="261">
        <v>6</v>
      </c>
      <c r="EL14" s="261">
        <v>18</v>
      </c>
      <c r="EM14" s="261">
        <v>3</v>
      </c>
      <c r="EN14" s="258">
        <v>59</v>
      </c>
      <c r="EO14" s="263">
        <v>66</v>
      </c>
      <c r="EP14" s="257">
        <v>25</v>
      </c>
      <c r="EQ14" s="261">
        <v>34</v>
      </c>
      <c r="ER14" s="258">
        <v>59</v>
      </c>
      <c r="ES14" s="260">
        <v>0</v>
      </c>
      <c r="ET14" s="261">
        <v>99</v>
      </c>
      <c r="EU14" s="261">
        <v>72</v>
      </c>
      <c r="EV14" s="261">
        <v>34</v>
      </c>
      <c r="EW14" s="261">
        <v>39</v>
      </c>
      <c r="EX14" s="261">
        <v>13</v>
      </c>
      <c r="EY14" s="258">
        <v>257</v>
      </c>
      <c r="EZ14" s="263">
        <v>316</v>
      </c>
    </row>
    <row r="15" spans="2:156" ht="21" customHeight="1" x14ac:dyDescent="0.2">
      <c r="B15" s="468" t="s">
        <v>12</v>
      </c>
      <c r="C15" s="257">
        <v>0</v>
      </c>
      <c r="D15" s="261">
        <v>0</v>
      </c>
      <c r="E15" s="356">
        <v>0</v>
      </c>
      <c r="F15" s="260">
        <v>0</v>
      </c>
      <c r="G15" s="261">
        <v>35</v>
      </c>
      <c r="H15" s="261">
        <v>41</v>
      </c>
      <c r="I15" s="261">
        <v>19</v>
      </c>
      <c r="J15" s="261">
        <v>22</v>
      </c>
      <c r="K15" s="261">
        <v>8</v>
      </c>
      <c r="L15" s="262">
        <v>125</v>
      </c>
      <c r="M15" s="263">
        <v>125</v>
      </c>
      <c r="N15" s="257">
        <v>0</v>
      </c>
      <c r="O15" s="261">
        <v>0</v>
      </c>
      <c r="P15" s="258">
        <v>0</v>
      </c>
      <c r="Q15" s="260">
        <v>0</v>
      </c>
      <c r="R15" s="261">
        <v>0</v>
      </c>
      <c r="S15" s="261">
        <v>1</v>
      </c>
      <c r="T15" s="261">
        <v>1</v>
      </c>
      <c r="U15" s="261">
        <v>7</v>
      </c>
      <c r="V15" s="261">
        <v>4</v>
      </c>
      <c r="W15" s="258">
        <v>13</v>
      </c>
      <c r="X15" s="263">
        <v>13</v>
      </c>
      <c r="Y15" s="257">
        <v>15</v>
      </c>
      <c r="Z15" s="261">
        <v>20</v>
      </c>
      <c r="AA15" s="258">
        <v>35</v>
      </c>
      <c r="AB15" s="260">
        <v>0</v>
      </c>
      <c r="AC15" s="261">
        <v>22</v>
      </c>
      <c r="AD15" s="261">
        <v>35</v>
      </c>
      <c r="AE15" s="261">
        <v>16</v>
      </c>
      <c r="AF15" s="261">
        <v>21</v>
      </c>
      <c r="AG15" s="261">
        <v>9</v>
      </c>
      <c r="AH15" s="258">
        <v>103</v>
      </c>
      <c r="AI15" s="263">
        <v>138</v>
      </c>
      <c r="AJ15" s="257">
        <v>0</v>
      </c>
      <c r="AK15" s="261">
        <v>2</v>
      </c>
      <c r="AL15" s="258">
        <v>2</v>
      </c>
      <c r="AM15" s="260">
        <v>0</v>
      </c>
      <c r="AN15" s="261">
        <v>1</v>
      </c>
      <c r="AO15" s="261">
        <v>3</v>
      </c>
      <c r="AP15" s="261">
        <v>1</v>
      </c>
      <c r="AQ15" s="261">
        <v>1</v>
      </c>
      <c r="AR15" s="261">
        <v>0</v>
      </c>
      <c r="AS15" s="258">
        <v>6</v>
      </c>
      <c r="AT15" s="263">
        <v>8</v>
      </c>
      <c r="AU15" s="257">
        <v>6</v>
      </c>
      <c r="AV15" s="261">
        <v>6</v>
      </c>
      <c r="AW15" s="258">
        <v>12</v>
      </c>
      <c r="AX15" s="260">
        <v>0</v>
      </c>
      <c r="AY15" s="261">
        <v>19</v>
      </c>
      <c r="AZ15" s="261">
        <v>44</v>
      </c>
      <c r="BA15" s="261">
        <v>27</v>
      </c>
      <c r="BB15" s="261">
        <v>39</v>
      </c>
      <c r="BC15" s="261">
        <v>16</v>
      </c>
      <c r="BD15" s="262">
        <v>145</v>
      </c>
      <c r="BE15" s="263">
        <v>157</v>
      </c>
      <c r="BF15" s="257">
        <v>0</v>
      </c>
      <c r="BG15" s="261">
        <v>0</v>
      </c>
      <c r="BH15" s="258">
        <v>0</v>
      </c>
      <c r="BI15" s="260">
        <v>0</v>
      </c>
      <c r="BJ15" s="261">
        <v>53</v>
      </c>
      <c r="BK15" s="261">
        <v>34</v>
      </c>
      <c r="BL15" s="261">
        <v>23</v>
      </c>
      <c r="BM15" s="261">
        <v>21</v>
      </c>
      <c r="BN15" s="261">
        <v>1</v>
      </c>
      <c r="BO15" s="258">
        <v>132</v>
      </c>
      <c r="BP15" s="263">
        <v>132</v>
      </c>
      <c r="BQ15" s="257">
        <v>7</v>
      </c>
      <c r="BR15" s="261">
        <v>12</v>
      </c>
      <c r="BS15" s="258">
        <v>19</v>
      </c>
      <c r="BT15" s="260">
        <v>0</v>
      </c>
      <c r="BU15" s="261">
        <v>8</v>
      </c>
      <c r="BV15" s="261">
        <v>15</v>
      </c>
      <c r="BW15" s="261">
        <v>11</v>
      </c>
      <c r="BX15" s="261">
        <v>7</v>
      </c>
      <c r="BY15" s="261">
        <v>0</v>
      </c>
      <c r="BZ15" s="258">
        <v>41</v>
      </c>
      <c r="CA15" s="263">
        <v>60</v>
      </c>
      <c r="CB15" s="257">
        <v>0</v>
      </c>
      <c r="CC15" s="261">
        <v>2</v>
      </c>
      <c r="CD15" s="258">
        <v>2</v>
      </c>
      <c r="CE15" s="260">
        <v>0</v>
      </c>
      <c r="CF15" s="261">
        <v>8</v>
      </c>
      <c r="CG15" s="261">
        <v>10</v>
      </c>
      <c r="CH15" s="261">
        <v>8</v>
      </c>
      <c r="CI15" s="261">
        <v>10</v>
      </c>
      <c r="CJ15" s="261">
        <v>0</v>
      </c>
      <c r="CK15" s="258">
        <v>36</v>
      </c>
      <c r="CL15" s="263">
        <v>38</v>
      </c>
      <c r="CM15" s="257">
        <v>0</v>
      </c>
      <c r="CN15" s="261">
        <v>0</v>
      </c>
      <c r="CO15" s="258">
        <v>0</v>
      </c>
      <c r="CP15" s="260">
        <v>0</v>
      </c>
      <c r="CQ15" s="261">
        <v>0</v>
      </c>
      <c r="CR15" s="261">
        <v>0</v>
      </c>
      <c r="CS15" s="261">
        <v>0</v>
      </c>
      <c r="CT15" s="261">
        <v>2</v>
      </c>
      <c r="CU15" s="261">
        <v>0</v>
      </c>
      <c r="CV15" s="258">
        <v>2</v>
      </c>
      <c r="CW15" s="263">
        <v>2</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4</v>
      </c>
      <c r="DU15" s="261">
        <v>55</v>
      </c>
      <c r="DV15" s="258">
        <v>79</v>
      </c>
      <c r="DW15" s="260">
        <v>0</v>
      </c>
      <c r="DX15" s="261">
        <v>31</v>
      </c>
      <c r="DY15" s="261">
        <v>95</v>
      </c>
      <c r="DZ15" s="261">
        <v>46</v>
      </c>
      <c r="EA15" s="261">
        <v>54</v>
      </c>
      <c r="EB15" s="261">
        <v>17</v>
      </c>
      <c r="EC15" s="258">
        <v>243</v>
      </c>
      <c r="ED15" s="263">
        <v>322</v>
      </c>
      <c r="EE15" s="257">
        <v>4</v>
      </c>
      <c r="EF15" s="261">
        <v>2</v>
      </c>
      <c r="EG15" s="258">
        <v>6</v>
      </c>
      <c r="EH15" s="260">
        <v>0</v>
      </c>
      <c r="EI15" s="261">
        <v>9</v>
      </c>
      <c r="EJ15" s="261">
        <v>13</v>
      </c>
      <c r="EK15" s="261">
        <v>12</v>
      </c>
      <c r="EL15" s="261">
        <v>13</v>
      </c>
      <c r="EM15" s="261">
        <v>4</v>
      </c>
      <c r="EN15" s="258">
        <v>51</v>
      </c>
      <c r="EO15" s="263">
        <v>57</v>
      </c>
      <c r="EP15" s="257">
        <v>44</v>
      </c>
      <c r="EQ15" s="261">
        <v>77</v>
      </c>
      <c r="ER15" s="258">
        <v>121</v>
      </c>
      <c r="ES15" s="260">
        <v>0</v>
      </c>
      <c r="ET15" s="261">
        <v>119</v>
      </c>
      <c r="EU15" s="261">
        <v>112</v>
      </c>
      <c r="EV15" s="261">
        <v>51</v>
      </c>
      <c r="EW15" s="261">
        <v>53</v>
      </c>
      <c r="EX15" s="261">
        <v>13</v>
      </c>
      <c r="EY15" s="258">
        <v>348</v>
      </c>
      <c r="EZ15" s="263">
        <v>469</v>
      </c>
    </row>
    <row r="16" spans="2:156" ht="21" customHeight="1" x14ac:dyDescent="0.2">
      <c r="B16" s="468" t="s">
        <v>13</v>
      </c>
      <c r="C16" s="257">
        <v>0</v>
      </c>
      <c r="D16" s="261">
        <v>0</v>
      </c>
      <c r="E16" s="356">
        <v>0</v>
      </c>
      <c r="F16" s="260">
        <v>0</v>
      </c>
      <c r="G16" s="261">
        <v>20</v>
      </c>
      <c r="H16" s="261">
        <v>18</v>
      </c>
      <c r="I16" s="261">
        <v>8</v>
      </c>
      <c r="J16" s="261">
        <v>14</v>
      </c>
      <c r="K16" s="261">
        <v>8</v>
      </c>
      <c r="L16" s="262">
        <v>68</v>
      </c>
      <c r="M16" s="263">
        <v>68</v>
      </c>
      <c r="N16" s="257">
        <v>0</v>
      </c>
      <c r="O16" s="261">
        <v>0</v>
      </c>
      <c r="P16" s="258">
        <v>0</v>
      </c>
      <c r="Q16" s="260">
        <v>0</v>
      </c>
      <c r="R16" s="261">
        <v>0</v>
      </c>
      <c r="S16" s="261">
        <v>0</v>
      </c>
      <c r="T16" s="261">
        <v>1</v>
      </c>
      <c r="U16" s="261">
        <v>2</v>
      </c>
      <c r="V16" s="261">
        <v>3</v>
      </c>
      <c r="W16" s="258">
        <v>6</v>
      </c>
      <c r="X16" s="263">
        <v>6</v>
      </c>
      <c r="Y16" s="257">
        <v>0</v>
      </c>
      <c r="Z16" s="261">
        <v>1</v>
      </c>
      <c r="AA16" s="258">
        <v>1</v>
      </c>
      <c r="AB16" s="260">
        <v>0</v>
      </c>
      <c r="AC16" s="261">
        <v>9</v>
      </c>
      <c r="AD16" s="261">
        <v>23</v>
      </c>
      <c r="AE16" s="261">
        <v>9</v>
      </c>
      <c r="AF16" s="261">
        <v>7</v>
      </c>
      <c r="AG16" s="261">
        <v>8</v>
      </c>
      <c r="AH16" s="258">
        <v>56</v>
      </c>
      <c r="AI16" s="263">
        <v>57</v>
      </c>
      <c r="AJ16" s="257">
        <v>1</v>
      </c>
      <c r="AK16" s="261">
        <v>0</v>
      </c>
      <c r="AL16" s="258">
        <v>1</v>
      </c>
      <c r="AM16" s="260">
        <v>0</v>
      </c>
      <c r="AN16" s="261">
        <v>2</v>
      </c>
      <c r="AO16" s="261">
        <v>1</v>
      </c>
      <c r="AP16" s="261">
        <v>1</v>
      </c>
      <c r="AQ16" s="261">
        <v>2</v>
      </c>
      <c r="AR16" s="261">
        <v>1</v>
      </c>
      <c r="AS16" s="258">
        <v>7</v>
      </c>
      <c r="AT16" s="263">
        <v>8</v>
      </c>
      <c r="AU16" s="257">
        <v>1</v>
      </c>
      <c r="AV16" s="261">
        <v>0</v>
      </c>
      <c r="AW16" s="258">
        <v>1</v>
      </c>
      <c r="AX16" s="260">
        <v>0</v>
      </c>
      <c r="AY16" s="261">
        <v>15</v>
      </c>
      <c r="AZ16" s="261">
        <v>24</v>
      </c>
      <c r="BA16" s="261">
        <v>15</v>
      </c>
      <c r="BB16" s="261">
        <v>19</v>
      </c>
      <c r="BC16" s="261">
        <v>12</v>
      </c>
      <c r="BD16" s="262">
        <v>85</v>
      </c>
      <c r="BE16" s="263">
        <v>86</v>
      </c>
      <c r="BF16" s="257">
        <v>0</v>
      </c>
      <c r="BG16" s="261">
        <v>0</v>
      </c>
      <c r="BH16" s="258">
        <v>0</v>
      </c>
      <c r="BI16" s="260">
        <v>0</v>
      </c>
      <c r="BJ16" s="261">
        <v>15</v>
      </c>
      <c r="BK16" s="261">
        <v>15</v>
      </c>
      <c r="BL16" s="261">
        <v>12</v>
      </c>
      <c r="BM16" s="261">
        <v>6</v>
      </c>
      <c r="BN16" s="261">
        <v>1</v>
      </c>
      <c r="BO16" s="258">
        <v>49</v>
      </c>
      <c r="BP16" s="263">
        <v>49</v>
      </c>
      <c r="BQ16" s="257">
        <v>0</v>
      </c>
      <c r="BR16" s="261">
        <v>1</v>
      </c>
      <c r="BS16" s="258">
        <v>1</v>
      </c>
      <c r="BT16" s="260">
        <v>0</v>
      </c>
      <c r="BU16" s="261">
        <v>3</v>
      </c>
      <c r="BV16" s="261">
        <v>2</v>
      </c>
      <c r="BW16" s="261">
        <v>4</v>
      </c>
      <c r="BX16" s="261">
        <v>1</v>
      </c>
      <c r="BY16" s="261">
        <v>3</v>
      </c>
      <c r="BZ16" s="258">
        <v>13</v>
      </c>
      <c r="CA16" s="263">
        <v>14</v>
      </c>
      <c r="CB16" s="257">
        <v>0</v>
      </c>
      <c r="CC16" s="261">
        <v>0</v>
      </c>
      <c r="CD16" s="258">
        <v>0</v>
      </c>
      <c r="CE16" s="260">
        <v>0</v>
      </c>
      <c r="CF16" s="261">
        <v>1</v>
      </c>
      <c r="CG16" s="261">
        <v>2</v>
      </c>
      <c r="CH16" s="261">
        <v>4</v>
      </c>
      <c r="CI16" s="261">
        <v>4</v>
      </c>
      <c r="CJ16" s="261">
        <v>1</v>
      </c>
      <c r="CK16" s="258">
        <v>12</v>
      </c>
      <c r="CL16" s="263">
        <v>12</v>
      </c>
      <c r="CM16" s="257">
        <v>0</v>
      </c>
      <c r="CN16" s="261">
        <v>0</v>
      </c>
      <c r="CO16" s="258">
        <v>0</v>
      </c>
      <c r="CP16" s="260">
        <v>0</v>
      </c>
      <c r="CQ16" s="261">
        <v>0</v>
      </c>
      <c r="CR16" s="261">
        <v>0</v>
      </c>
      <c r="CS16" s="261">
        <v>0</v>
      </c>
      <c r="CT16" s="261">
        <v>0</v>
      </c>
      <c r="CU16" s="261">
        <v>1</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1</v>
      </c>
      <c r="DU16" s="261">
        <v>10</v>
      </c>
      <c r="DV16" s="258">
        <v>11</v>
      </c>
      <c r="DW16" s="260">
        <v>0</v>
      </c>
      <c r="DX16" s="261">
        <v>22</v>
      </c>
      <c r="DY16" s="261">
        <v>34</v>
      </c>
      <c r="DZ16" s="261">
        <v>21</v>
      </c>
      <c r="EA16" s="261">
        <v>21</v>
      </c>
      <c r="EB16" s="261">
        <v>11</v>
      </c>
      <c r="EC16" s="258">
        <v>109</v>
      </c>
      <c r="ED16" s="263">
        <v>120</v>
      </c>
      <c r="EE16" s="257">
        <v>1</v>
      </c>
      <c r="EF16" s="261">
        <v>0</v>
      </c>
      <c r="EG16" s="258">
        <v>1</v>
      </c>
      <c r="EH16" s="260">
        <v>0</v>
      </c>
      <c r="EI16" s="261">
        <v>6</v>
      </c>
      <c r="EJ16" s="261">
        <v>11</v>
      </c>
      <c r="EK16" s="261">
        <v>9</v>
      </c>
      <c r="EL16" s="261">
        <v>6</v>
      </c>
      <c r="EM16" s="261">
        <v>3</v>
      </c>
      <c r="EN16" s="258">
        <v>35</v>
      </c>
      <c r="EO16" s="263">
        <v>36</v>
      </c>
      <c r="EP16" s="257">
        <v>2</v>
      </c>
      <c r="EQ16" s="261">
        <v>12</v>
      </c>
      <c r="ER16" s="258">
        <v>14</v>
      </c>
      <c r="ES16" s="260">
        <v>0</v>
      </c>
      <c r="ET16" s="261">
        <v>50</v>
      </c>
      <c r="EU16" s="261">
        <v>52</v>
      </c>
      <c r="EV16" s="261">
        <v>28</v>
      </c>
      <c r="EW16" s="261">
        <v>23</v>
      </c>
      <c r="EX16" s="261">
        <v>12</v>
      </c>
      <c r="EY16" s="258">
        <v>165</v>
      </c>
      <c r="EZ16" s="263">
        <v>179</v>
      </c>
    </row>
    <row r="17" spans="2:156" ht="21" customHeight="1" x14ac:dyDescent="0.2">
      <c r="B17" s="468" t="s">
        <v>15</v>
      </c>
      <c r="C17" s="257">
        <v>0</v>
      </c>
      <c r="D17" s="261">
        <v>0</v>
      </c>
      <c r="E17" s="356">
        <v>0</v>
      </c>
      <c r="F17" s="260">
        <v>0</v>
      </c>
      <c r="G17" s="261">
        <v>6</v>
      </c>
      <c r="H17" s="261">
        <v>4</v>
      </c>
      <c r="I17" s="261">
        <v>4</v>
      </c>
      <c r="J17" s="261">
        <v>6</v>
      </c>
      <c r="K17" s="261">
        <v>2</v>
      </c>
      <c r="L17" s="262">
        <v>22</v>
      </c>
      <c r="M17" s="263">
        <v>22</v>
      </c>
      <c r="N17" s="257">
        <v>0</v>
      </c>
      <c r="O17" s="261">
        <v>0</v>
      </c>
      <c r="P17" s="258">
        <v>0</v>
      </c>
      <c r="Q17" s="260">
        <v>0</v>
      </c>
      <c r="R17" s="261">
        <v>0</v>
      </c>
      <c r="S17" s="261">
        <v>1</v>
      </c>
      <c r="T17" s="261">
        <v>0</v>
      </c>
      <c r="U17" s="261">
        <v>1</v>
      </c>
      <c r="V17" s="261">
        <v>0</v>
      </c>
      <c r="W17" s="258">
        <v>2</v>
      </c>
      <c r="X17" s="263">
        <v>2</v>
      </c>
      <c r="Y17" s="257">
        <v>0</v>
      </c>
      <c r="Z17" s="261">
        <v>1</v>
      </c>
      <c r="AA17" s="258">
        <v>1</v>
      </c>
      <c r="AB17" s="260">
        <v>0</v>
      </c>
      <c r="AC17" s="261">
        <v>8</v>
      </c>
      <c r="AD17" s="261">
        <v>4</v>
      </c>
      <c r="AE17" s="261">
        <v>5</v>
      </c>
      <c r="AF17" s="261">
        <v>3</v>
      </c>
      <c r="AG17" s="261">
        <v>1</v>
      </c>
      <c r="AH17" s="258">
        <v>21</v>
      </c>
      <c r="AI17" s="263">
        <v>22</v>
      </c>
      <c r="AJ17" s="257">
        <v>0</v>
      </c>
      <c r="AK17" s="261">
        <v>0</v>
      </c>
      <c r="AL17" s="258">
        <v>0</v>
      </c>
      <c r="AM17" s="260">
        <v>0</v>
      </c>
      <c r="AN17" s="261">
        <v>2</v>
      </c>
      <c r="AO17" s="261">
        <v>2</v>
      </c>
      <c r="AP17" s="261">
        <v>0</v>
      </c>
      <c r="AQ17" s="261">
        <v>0</v>
      </c>
      <c r="AR17" s="261">
        <v>0</v>
      </c>
      <c r="AS17" s="258">
        <v>4</v>
      </c>
      <c r="AT17" s="263">
        <v>4</v>
      </c>
      <c r="AU17" s="257">
        <v>0</v>
      </c>
      <c r="AV17" s="261">
        <v>1</v>
      </c>
      <c r="AW17" s="258">
        <v>1</v>
      </c>
      <c r="AX17" s="260">
        <v>0</v>
      </c>
      <c r="AY17" s="261">
        <v>13</v>
      </c>
      <c r="AZ17" s="261">
        <v>8</v>
      </c>
      <c r="BA17" s="261">
        <v>9</v>
      </c>
      <c r="BB17" s="261">
        <v>5</v>
      </c>
      <c r="BC17" s="261">
        <v>3</v>
      </c>
      <c r="BD17" s="262">
        <v>38</v>
      </c>
      <c r="BE17" s="263">
        <v>39</v>
      </c>
      <c r="BF17" s="257">
        <v>0</v>
      </c>
      <c r="BG17" s="261">
        <v>0</v>
      </c>
      <c r="BH17" s="258">
        <v>0</v>
      </c>
      <c r="BI17" s="260">
        <v>0</v>
      </c>
      <c r="BJ17" s="261">
        <v>4</v>
      </c>
      <c r="BK17" s="261">
        <v>5</v>
      </c>
      <c r="BL17" s="261">
        <v>3</v>
      </c>
      <c r="BM17" s="261">
        <v>2</v>
      </c>
      <c r="BN17" s="261">
        <v>0</v>
      </c>
      <c r="BO17" s="258">
        <v>14</v>
      </c>
      <c r="BP17" s="263">
        <v>14</v>
      </c>
      <c r="BQ17" s="257">
        <v>0</v>
      </c>
      <c r="BR17" s="261">
        <v>0</v>
      </c>
      <c r="BS17" s="258">
        <v>0</v>
      </c>
      <c r="BT17" s="260">
        <v>0</v>
      </c>
      <c r="BU17" s="261">
        <v>2</v>
      </c>
      <c r="BV17" s="261">
        <v>2</v>
      </c>
      <c r="BW17" s="261">
        <v>3</v>
      </c>
      <c r="BX17" s="261">
        <v>0</v>
      </c>
      <c r="BY17" s="261">
        <v>0</v>
      </c>
      <c r="BZ17" s="258">
        <v>7</v>
      </c>
      <c r="CA17" s="263">
        <v>7</v>
      </c>
      <c r="CB17" s="257">
        <v>0</v>
      </c>
      <c r="CC17" s="261">
        <v>0</v>
      </c>
      <c r="CD17" s="258">
        <v>0</v>
      </c>
      <c r="CE17" s="260">
        <v>0</v>
      </c>
      <c r="CF17" s="261">
        <v>2</v>
      </c>
      <c r="CG17" s="261">
        <v>3</v>
      </c>
      <c r="CH17" s="261">
        <v>1</v>
      </c>
      <c r="CI17" s="261">
        <v>0</v>
      </c>
      <c r="CJ17" s="261">
        <v>0</v>
      </c>
      <c r="CK17" s="258">
        <v>6</v>
      </c>
      <c r="CL17" s="263">
        <v>6</v>
      </c>
      <c r="CM17" s="257">
        <v>0</v>
      </c>
      <c r="CN17" s="261">
        <v>0</v>
      </c>
      <c r="CO17" s="258">
        <v>0</v>
      </c>
      <c r="CP17" s="260">
        <v>0</v>
      </c>
      <c r="CQ17" s="261">
        <v>0</v>
      </c>
      <c r="CR17" s="261">
        <v>0</v>
      </c>
      <c r="CS17" s="261">
        <v>1</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5</v>
      </c>
      <c r="DV17" s="258">
        <v>7</v>
      </c>
      <c r="DW17" s="260">
        <v>0</v>
      </c>
      <c r="DX17" s="261">
        <v>6</v>
      </c>
      <c r="DY17" s="261">
        <v>13</v>
      </c>
      <c r="DZ17" s="261">
        <v>11</v>
      </c>
      <c r="EA17" s="261">
        <v>7</v>
      </c>
      <c r="EB17" s="261">
        <v>4</v>
      </c>
      <c r="EC17" s="258">
        <v>41</v>
      </c>
      <c r="ED17" s="263">
        <v>48</v>
      </c>
      <c r="EE17" s="257">
        <v>2</v>
      </c>
      <c r="EF17" s="261">
        <v>2</v>
      </c>
      <c r="EG17" s="258">
        <v>4</v>
      </c>
      <c r="EH17" s="260">
        <v>0</v>
      </c>
      <c r="EI17" s="261">
        <v>10</v>
      </c>
      <c r="EJ17" s="261">
        <v>3</v>
      </c>
      <c r="EK17" s="261">
        <v>6</v>
      </c>
      <c r="EL17" s="261">
        <v>0</v>
      </c>
      <c r="EM17" s="261">
        <v>1</v>
      </c>
      <c r="EN17" s="258">
        <v>20</v>
      </c>
      <c r="EO17" s="263">
        <v>24</v>
      </c>
      <c r="EP17" s="257">
        <v>2</v>
      </c>
      <c r="EQ17" s="261">
        <v>6</v>
      </c>
      <c r="ER17" s="258">
        <v>8</v>
      </c>
      <c r="ES17" s="260">
        <v>0</v>
      </c>
      <c r="ET17" s="261">
        <v>28</v>
      </c>
      <c r="EU17" s="261">
        <v>18</v>
      </c>
      <c r="EV17" s="261">
        <v>15</v>
      </c>
      <c r="EW17" s="261">
        <v>8</v>
      </c>
      <c r="EX17" s="261">
        <v>3</v>
      </c>
      <c r="EY17" s="258">
        <v>72</v>
      </c>
      <c r="EZ17" s="263">
        <v>80</v>
      </c>
    </row>
    <row r="18" spans="2:156" ht="21" customHeight="1" x14ac:dyDescent="0.2">
      <c r="B18" s="468" t="s">
        <v>16</v>
      </c>
      <c r="C18" s="257">
        <v>0</v>
      </c>
      <c r="D18" s="261">
        <v>0</v>
      </c>
      <c r="E18" s="356">
        <v>0</v>
      </c>
      <c r="F18" s="260">
        <v>0</v>
      </c>
      <c r="G18" s="261">
        <v>15</v>
      </c>
      <c r="H18" s="261">
        <v>10</v>
      </c>
      <c r="I18" s="261">
        <v>7</v>
      </c>
      <c r="J18" s="261">
        <v>2</v>
      </c>
      <c r="K18" s="261">
        <v>2</v>
      </c>
      <c r="L18" s="262">
        <v>36</v>
      </c>
      <c r="M18" s="263">
        <v>36</v>
      </c>
      <c r="N18" s="257">
        <v>0</v>
      </c>
      <c r="O18" s="261">
        <v>0</v>
      </c>
      <c r="P18" s="258">
        <v>0</v>
      </c>
      <c r="Q18" s="260">
        <v>0</v>
      </c>
      <c r="R18" s="261">
        <v>0</v>
      </c>
      <c r="S18" s="261">
        <v>0</v>
      </c>
      <c r="T18" s="261">
        <v>1</v>
      </c>
      <c r="U18" s="261">
        <v>2</v>
      </c>
      <c r="V18" s="261">
        <v>4</v>
      </c>
      <c r="W18" s="258">
        <v>7</v>
      </c>
      <c r="X18" s="263">
        <v>7</v>
      </c>
      <c r="Y18" s="257">
        <v>5</v>
      </c>
      <c r="Z18" s="261">
        <v>4</v>
      </c>
      <c r="AA18" s="258">
        <v>9</v>
      </c>
      <c r="AB18" s="260">
        <v>0</v>
      </c>
      <c r="AC18" s="261">
        <v>15</v>
      </c>
      <c r="AD18" s="261">
        <v>21</v>
      </c>
      <c r="AE18" s="261">
        <v>7</v>
      </c>
      <c r="AF18" s="261">
        <v>7</v>
      </c>
      <c r="AG18" s="261">
        <v>2</v>
      </c>
      <c r="AH18" s="258">
        <v>52</v>
      </c>
      <c r="AI18" s="263">
        <v>61</v>
      </c>
      <c r="AJ18" s="257">
        <v>0</v>
      </c>
      <c r="AK18" s="261">
        <v>1</v>
      </c>
      <c r="AL18" s="258">
        <v>1</v>
      </c>
      <c r="AM18" s="260">
        <v>0</v>
      </c>
      <c r="AN18" s="261">
        <v>1</v>
      </c>
      <c r="AO18" s="261">
        <v>2</v>
      </c>
      <c r="AP18" s="261">
        <v>0</v>
      </c>
      <c r="AQ18" s="261">
        <v>0</v>
      </c>
      <c r="AR18" s="261">
        <v>0</v>
      </c>
      <c r="AS18" s="258">
        <v>3</v>
      </c>
      <c r="AT18" s="263">
        <v>4</v>
      </c>
      <c r="AU18" s="257">
        <v>3</v>
      </c>
      <c r="AV18" s="261">
        <v>6</v>
      </c>
      <c r="AW18" s="258">
        <v>9</v>
      </c>
      <c r="AX18" s="260">
        <v>0</v>
      </c>
      <c r="AY18" s="261">
        <v>17</v>
      </c>
      <c r="AZ18" s="261">
        <v>25</v>
      </c>
      <c r="BA18" s="261">
        <v>13</v>
      </c>
      <c r="BB18" s="261">
        <v>17</v>
      </c>
      <c r="BC18" s="261">
        <v>12</v>
      </c>
      <c r="BD18" s="262">
        <v>84</v>
      </c>
      <c r="BE18" s="263">
        <v>93</v>
      </c>
      <c r="BF18" s="257">
        <v>0</v>
      </c>
      <c r="BG18" s="261">
        <v>0</v>
      </c>
      <c r="BH18" s="258">
        <v>0</v>
      </c>
      <c r="BI18" s="260">
        <v>0</v>
      </c>
      <c r="BJ18" s="261">
        <v>18</v>
      </c>
      <c r="BK18" s="261">
        <v>28</v>
      </c>
      <c r="BL18" s="261">
        <v>11</v>
      </c>
      <c r="BM18" s="261">
        <v>7</v>
      </c>
      <c r="BN18" s="261">
        <v>1</v>
      </c>
      <c r="BO18" s="258">
        <v>65</v>
      </c>
      <c r="BP18" s="263">
        <v>65</v>
      </c>
      <c r="BQ18" s="257">
        <v>2</v>
      </c>
      <c r="BR18" s="261">
        <v>8</v>
      </c>
      <c r="BS18" s="258">
        <v>10</v>
      </c>
      <c r="BT18" s="260">
        <v>0</v>
      </c>
      <c r="BU18" s="261">
        <v>8</v>
      </c>
      <c r="BV18" s="261">
        <v>24</v>
      </c>
      <c r="BW18" s="261">
        <v>9</v>
      </c>
      <c r="BX18" s="261">
        <v>3</v>
      </c>
      <c r="BY18" s="261">
        <v>0</v>
      </c>
      <c r="BZ18" s="258">
        <v>44</v>
      </c>
      <c r="CA18" s="263">
        <v>54</v>
      </c>
      <c r="CB18" s="257">
        <v>0</v>
      </c>
      <c r="CC18" s="261">
        <v>0</v>
      </c>
      <c r="CD18" s="258">
        <v>0</v>
      </c>
      <c r="CE18" s="260">
        <v>0</v>
      </c>
      <c r="CF18" s="261">
        <v>0</v>
      </c>
      <c r="CG18" s="261">
        <v>7</v>
      </c>
      <c r="CH18" s="261">
        <v>5</v>
      </c>
      <c r="CI18" s="261">
        <v>5</v>
      </c>
      <c r="CJ18" s="261">
        <v>0</v>
      </c>
      <c r="CK18" s="258">
        <v>17</v>
      </c>
      <c r="CL18" s="263">
        <v>17</v>
      </c>
      <c r="CM18" s="257">
        <v>0</v>
      </c>
      <c r="CN18" s="261">
        <v>0</v>
      </c>
      <c r="CO18" s="258">
        <v>0</v>
      </c>
      <c r="CP18" s="260">
        <v>0</v>
      </c>
      <c r="CQ18" s="261">
        <v>1</v>
      </c>
      <c r="CR18" s="261">
        <v>0</v>
      </c>
      <c r="CS18" s="261">
        <v>2</v>
      </c>
      <c r="CT18" s="261">
        <v>1</v>
      </c>
      <c r="CU18" s="261">
        <v>0</v>
      </c>
      <c r="CV18" s="258">
        <v>4</v>
      </c>
      <c r="CW18" s="263">
        <v>4</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9</v>
      </c>
      <c r="DU18" s="261">
        <v>20</v>
      </c>
      <c r="DV18" s="258">
        <v>29</v>
      </c>
      <c r="DW18" s="260">
        <v>0</v>
      </c>
      <c r="DX18" s="261">
        <v>22</v>
      </c>
      <c r="DY18" s="261">
        <v>54</v>
      </c>
      <c r="DZ18" s="261">
        <v>30</v>
      </c>
      <c r="EA18" s="261">
        <v>17</v>
      </c>
      <c r="EB18" s="261">
        <v>7</v>
      </c>
      <c r="EC18" s="258">
        <v>130</v>
      </c>
      <c r="ED18" s="263">
        <v>159</v>
      </c>
      <c r="EE18" s="257">
        <v>2</v>
      </c>
      <c r="EF18" s="261">
        <v>0</v>
      </c>
      <c r="EG18" s="258">
        <v>2</v>
      </c>
      <c r="EH18" s="260">
        <v>0</v>
      </c>
      <c r="EI18" s="261">
        <v>9</v>
      </c>
      <c r="EJ18" s="261">
        <v>15</v>
      </c>
      <c r="EK18" s="261">
        <v>7</v>
      </c>
      <c r="EL18" s="261">
        <v>11</v>
      </c>
      <c r="EM18" s="261">
        <v>5</v>
      </c>
      <c r="EN18" s="258">
        <v>47</v>
      </c>
      <c r="EO18" s="263">
        <v>49</v>
      </c>
      <c r="EP18" s="257">
        <v>15</v>
      </c>
      <c r="EQ18" s="261">
        <v>28</v>
      </c>
      <c r="ER18" s="258">
        <v>43</v>
      </c>
      <c r="ES18" s="260">
        <v>0</v>
      </c>
      <c r="ET18" s="261">
        <v>51</v>
      </c>
      <c r="EU18" s="261">
        <v>71</v>
      </c>
      <c r="EV18" s="261">
        <v>33</v>
      </c>
      <c r="EW18" s="261">
        <v>17</v>
      </c>
      <c r="EX18" s="261">
        <v>7</v>
      </c>
      <c r="EY18" s="258">
        <v>179</v>
      </c>
      <c r="EZ18" s="263">
        <v>222</v>
      </c>
    </row>
    <row r="19" spans="2:156" ht="21" customHeight="1" x14ac:dyDescent="0.2">
      <c r="B19" s="468" t="s">
        <v>17</v>
      </c>
      <c r="C19" s="257">
        <v>0</v>
      </c>
      <c r="D19" s="261">
        <v>0</v>
      </c>
      <c r="E19" s="356">
        <v>0</v>
      </c>
      <c r="F19" s="260">
        <v>0</v>
      </c>
      <c r="G19" s="261">
        <v>13</v>
      </c>
      <c r="H19" s="261">
        <v>19</v>
      </c>
      <c r="I19" s="261">
        <v>11</v>
      </c>
      <c r="J19" s="261">
        <v>1</v>
      </c>
      <c r="K19" s="261">
        <v>3</v>
      </c>
      <c r="L19" s="262">
        <v>47</v>
      </c>
      <c r="M19" s="263">
        <v>47</v>
      </c>
      <c r="N19" s="257">
        <v>0</v>
      </c>
      <c r="O19" s="261">
        <v>0</v>
      </c>
      <c r="P19" s="258">
        <v>0</v>
      </c>
      <c r="Q19" s="260">
        <v>0</v>
      </c>
      <c r="R19" s="261">
        <v>0</v>
      </c>
      <c r="S19" s="261">
        <v>1</v>
      </c>
      <c r="T19" s="261">
        <v>1</v>
      </c>
      <c r="U19" s="261">
        <v>1</v>
      </c>
      <c r="V19" s="261">
        <v>2</v>
      </c>
      <c r="W19" s="258">
        <v>5</v>
      </c>
      <c r="X19" s="263">
        <v>5</v>
      </c>
      <c r="Y19" s="257">
        <v>0</v>
      </c>
      <c r="Z19" s="261">
        <v>3</v>
      </c>
      <c r="AA19" s="258">
        <v>3</v>
      </c>
      <c r="AB19" s="260">
        <v>0</v>
      </c>
      <c r="AC19" s="261">
        <v>15</v>
      </c>
      <c r="AD19" s="261">
        <v>11</v>
      </c>
      <c r="AE19" s="261">
        <v>18</v>
      </c>
      <c r="AF19" s="261">
        <v>4</v>
      </c>
      <c r="AG19" s="261">
        <v>6</v>
      </c>
      <c r="AH19" s="258">
        <v>54</v>
      </c>
      <c r="AI19" s="263">
        <v>57</v>
      </c>
      <c r="AJ19" s="257">
        <v>0</v>
      </c>
      <c r="AK19" s="261">
        <v>1</v>
      </c>
      <c r="AL19" s="258">
        <v>1</v>
      </c>
      <c r="AM19" s="260">
        <v>0</v>
      </c>
      <c r="AN19" s="261">
        <v>0</v>
      </c>
      <c r="AO19" s="261">
        <v>2</v>
      </c>
      <c r="AP19" s="261">
        <v>1</v>
      </c>
      <c r="AQ19" s="261">
        <v>0</v>
      </c>
      <c r="AR19" s="261">
        <v>0</v>
      </c>
      <c r="AS19" s="258">
        <v>3</v>
      </c>
      <c r="AT19" s="263">
        <v>4</v>
      </c>
      <c r="AU19" s="257">
        <v>8</v>
      </c>
      <c r="AV19" s="261">
        <v>5</v>
      </c>
      <c r="AW19" s="258">
        <v>13</v>
      </c>
      <c r="AX19" s="260">
        <v>0</v>
      </c>
      <c r="AY19" s="261">
        <v>20</v>
      </c>
      <c r="AZ19" s="261">
        <v>24</v>
      </c>
      <c r="BA19" s="261">
        <v>25</v>
      </c>
      <c r="BB19" s="261">
        <v>7</v>
      </c>
      <c r="BC19" s="261">
        <v>12</v>
      </c>
      <c r="BD19" s="262">
        <v>88</v>
      </c>
      <c r="BE19" s="263">
        <v>101</v>
      </c>
      <c r="BF19" s="257">
        <v>0</v>
      </c>
      <c r="BG19" s="261">
        <v>0</v>
      </c>
      <c r="BH19" s="258">
        <v>0</v>
      </c>
      <c r="BI19" s="260">
        <v>0</v>
      </c>
      <c r="BJ19" s="261">
        <v>17</v>
      </c>
      <c r="BK19" s="261">
        <v>27</v>
      </c>
      <c r="BL19" s="261">
        <v>7</v>
      </c>
      <c r="BM19" s="261">
        <v>5</v>
      </c>
      <c r="BN19" s="261">
        <v>3</v>
      </c>
      <c r="BO19" s="258">
        <v>59</v>
      </c>
      <c r="BP19" s="263">
        <v>59</v>
      </c>
      <c r="BQ19" s="257">
        <v>3</v>
      </c>
      <c r="BR19" s="261">
        <v>4</v>
      </c>
      <c r="BS19" s="258">
        <v>7</v>
      </c>
      <c r="BT19" s="260">
        <v>0</v>
      </c>
      <c r="BU19" s="261">
        <v>2</v>
      </c>
      <c r="BV19" s="261">
        <v>12</v>
      </c>
      <c r="BW19" s="261">
        <v>6</v>
      </c>
      <c r="BX19" s="261">
        <v>1</v>
      </c>
      <c r="BY19" s="261">
        <v>1</v>
      </c>
      <c r="BZ19" s="258">
        <v>22</v>
      </c>
      <c r="CA19" s="263">
        <v>29</v>
      </c>
      <c r="CB19" s="257">
        <v>0</v>
      </c>
      <c r="CC19" s="261">
        <v>0</v>
      </c>
      <c r="CD19" s="258">
        <v>0</v>
      </c>
      <c r="CE19" s="260">
        <v>0</v>
      </c>
      <c r="CF19" s="261">
        <v>4</v>
      </c>
      <c r="CG19" s="261">
        <v>9</v>
      </c>
      <c r="CH19" s="261">
        <v>3</v>
      </c>
      <c r="CI19" s="261">
        <v>5</v>
      </c>
      <c r="CJ19" s="261">
        <v>2</v>
      </c>
      <c r="CK19" s="258">
        <v>23</v>
      </c>
      <c r="CL19" s="263">
        <v>23</v>
      </c>
      <c r="CM19" s="257">
        <v>0</v>
      </c>
      <c r="CN19" s="261">
        <v>0</v>
      </c>
      <c r="CO19" s="258">
        <v>0</v>
      </c>
      <c r="CP19" s="260">
        <v>0</v>
      </c>
      <c r="CQ19" s="261">
        <v>0</v>
      </c>
      <c r="CR19" s="261">
        <v>1</v>
      </c>
      <c r="CS19" s="261">
        <v>2</v>
      </c>
      <c r="CT19" s="261">
        <v>1</v>
      </c>
      <c r="CU19" s="261">
        <v>0</v>
      </c>
      <c r="CV19" s="258">
        <v>4</v>
      </c>
      <c r="CW19" s="263">
        <v>4</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1</v>
      </c>
      <c r="DU19" s="261">
        <v>24</v>
      </c>
      <c r="DV19" s="258">
        <v>35</v>
      </c>
      <c r="DW19" s="260">
        <v>0</v>
      </c>
      <c r="DX19" s="261">
        <v>19</v>
      </c>
      <c r="DY19" s="261">
        <v>67</v>
      </c>
      <c r="DZ19" s="261">
        <v>33</v>
      </c>
      <c r="EA19" s="261">
        <v>12</v>
      </c>
      <c r="EB19" s="261">
        <v>11</v>
      </c>
      <c r="EC19" s="258">
        <v>142</v>
      </c>
      <c r="ED19" s="263">
        <v>177</v>
      </c>
      <c r="EE19" s="257">
        <v>4</v>
      </c>
      <c r="EF19" s="261">
        <v>2</v>
      </c>
      <c r="EG19" s="258">
        <v>6</v>
      </c>
      <c r="EH19" s="260">
        <v>0</v>
      </c>
      <c r="EI19" s="261">
        <v>8</v>
      </c>
      <c r="EJ19" s="261">
        <v>10</v>
      </c>
      <c r="EK19" s="261">
        <v>8</v>
      </c>
      <c r="EL19" s="261">
        <v>3</v>
      </c>
      <c r="EM19" s="261">
        <v>3</v>
      </c>
      <c r="EN19" s="258">
        <v>32</v>
      </c>
      <c r="EO19" s="263">
        <v>38</v>
      </c>
      <c r="EP19" s="257">
        <v>14</v>
      </c>
      <c r="EQ19" s="261">
        <v>29</v>
      </c>
      <c r="ER19" s="258">
        <v>43</v>
      </c>
      <c r="ES19" s="260">
        <v>0</v>
      </c>
      <c r="ET19" s="261">
        <v>70</v>
      </c>
      <c r="EU19" s="261">
        <v>88</v>
      </c>
      <c r="EV19" s="261">
        <v>38</v>
      </c>
      <c r="EW19" s="261">
        <v>16</v>
      </c>
      <c r="EX19" s="261">
        <v>11</v>
      </c>
      <c r="EY19" s="258">
        <v>223</v>
      </c>
      <c r="EZ19" s="263">
        <v>266</v>
      </c>
    </row>
    <row r="20" spans="2:156" ht="21" customHeight="1" x14ac:dyDescent="0.2">
      <c r="B20" s="468" t="s">
        <v>18</v>
      </c>
      <c r="C20" s="257">
        <v>0</v>
      </c>
      <c r="D20" s="261">
        <v>0</v>
      </c>
      <c r="E20" s="356">
        <v>0</v>
      </c>
      <c r="F20" s="260">
        <v>0</v>
      </c>
      <c r="G20" s="261">
        <v>29</v>
      </c>
      <c r="H20" s="261">
        <v>28</v>
      </c>
      <c r="I20" s="261">
        <v>16</v>
      </c>
      <c r="J20" s="261">
        <v>9</v>
      </c>
      <c r="K20" s="261">
        <v>3</v>
      </c>
      <c r="L20" s="262">
        <v>85</v>
      </c>
      <c r="M20" s="263">
        <v>85</v>
      </c>
      <c r="N20" s="257">
        <v>0</v>
      </c>
      <c r="O20" s="261">
        <v>0</v>
      </c>
      <c r="P20" s="258">
        <v>0</v>
      </c>
      <c r="Q20" s="260">
        <v>0</v>
      </c>
      <c r="R20" s="261">
        <v>2</v>
      </c>
      <c r="S20" s="261">
        <v>0</v>
      </c>
      <c r="T20" s="261">
        <v>1</v>
      </c>
      <c r="U20" s="261">
        <v>0</v>
      </c>
      <c r="V20" s="261">
        <v>4</v>
      </c>
      <c r="W20" s="258">
        <v>7</v>
      </c>
      <c r="X20" s="263">
        <v>7</v>
      </c>
      <c r="Y20" s="257">
        <v>3</v>
      </c>
      <c r="Z20" s="261">
        <v>10</v>
      </c>
      <c r="AA20" s="258">
        <v>13</v>
      </c>
      <c r="AB20" s="260">
        <v>0</v>
      </c>
      <c r="AC20" s="261">
        <v>23</v>
      </c>
      <c r="AD20" s="261">
        <v>21</v>
      </c>
      <c r="AE20" s="261">
        <v>16</v>
      </c>
      <c r="AF20" s="261">
        <v>12</v>
      </c>
      <c r="AG20" s="261">
        <v>4</v>
      </c>
      <c r="AH20" s="258">
        <v>76</v>
      </c>
      <c r="AI20" s="263">
        <v>89</v>
      </c>
      <c r="AJ20" s="257">
        <v>0</v>
      </c>
      <c r="AK20" s="261">
        <v>1</v>
      </c>
      <c r="AL20" s="258">
        <v>1</v>
      </c>
      <c r="AM20" s="260">
        <v>0</v>
      </c>
      <c r="AN20" s="261">
        <v>3</v>
      </c>
      <c r="AO20" s="261">
        <v>2</v>
      </c>
      <c r="AP20" s="261">
        <v>1</v>
      </c>
      <c r="AQ20" s="261">
        <v>3</v>
      </c>
      <c r="AR20" s="261">
        <v>0</v>
      </c>
      <c r="AS20" s="258">
        <v>9</v>
      </c>
      <c r="AT20" s="263">
        <v>10</v>
      </c>
      <c r="AU20" s="257">
        <v>3</v>
      </c>
      <c r="AV20" s="261">
        <v>5</v>
      </c>
      <c r="AW20" s="258">
        <v>8</v>
      </c>
      <c r="AX20" s="260">
        <v>0</v>
      </c>
      <c r="AY20" s="261">
        <v>42</v>
      </c>
      <c r="AZ20" s="261">
        <v>33</v>
      </c>
      <c r="BA20" s="261">
        <v>31</v>
      </c>
      <c r="BB20" s="261">
        <v>26</v>
      </c>
      <c r="BC20" s="261">
        <v>9</v>
      </c>
      <c r="BD20" s="262">
        <v>141</v>
      </c>
      <c r="BE20" s="263">
        <v>149</v>
      </c>
      <c r="BF20" s="257">
        <v>0</v>
      </c>
      <c r="BG20" s="261">
        <v>0</v>
      </c>
      <c r="BH20" s="258">
        <v>0</v>
      </c>
      <c r="BI20" s="260">
        <v>0</v>
      </c>
      <c r="BJ20" s="261">
        <v>49</v>
      </c>
      <c r="BK20" s="261">
        <v>36</v>
      </c>
      <c r="BL20" s="261">
        <v>17</v>
      </c>
      <c r="BM20" s="261">
        <v>7</v>
      </c>
      <c r="BN20" s="261">
        <v>2</v>
      </c>
      <c r="BO20" s="258">
        <v>111</v>
      </c>
      <c r="BP20" s="263">
        <v>111</v>
      </c>
      <c r="BQ20" s="257">
        <v>4</v>
      </c>
      <c r="BR20" s="261">
        <v>8</v>
      </c>
      <c r="BS20" s="258">
        <v>12</v>
      </c>
      <c r="BT20" s="260">
        <v>0</v>
      </c>
      <c r="BU20" s="261">
        <v>13</v>
      </c>
      <c r="BV20" s="261">
        <v>13</v>
      </c>
      <c r="BW20" s="261">
        <v>7</v>
      </c>
      <c r="BX20" s="261">
        <v>1</v>
      </c>
      <c r="BY20" s="261">
        <v>1</v>
      </c>
      <c r="BZ20" s="258">
        <v>35</v>
      </c>
      <c r="CA20" s="263">
        <v>47</v>
      </c>
      <c r="CB20" s="257">
        <v>0</v>
      </c>
      <c r="CC20" s="261">
        <v>1</v>
      </c>
      <c r="CD20" s="258">
        <v>1</v>
      </c>
      <c r="CE20" s="260">
        <v>0</v>
      </c>
      <c r="CF20" s="261">
        <v>5</v>
      </c>
      <c r="CG20" s="261">
        <v>10</v>
      </c>
      <c r="CH20" s="261">
        <v>10</v>
      </c>
      <c r="CI20" s="261">
        <v>8</v>
      </c>
      <c r="CJ20" s="261">
        <v>1</v>
      </c>
      <c r="CK20" s="258">
        <v>34</v>
      </c>
      <c r="CL20" s="263">
        <v>35</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8</v>
      </c>
      <c r="DU20" s="261">
        <v>34</v>
      </c>
      <c r="DV20" s="258">
        <v>42</v>
      </c>
      <c r="DW20" s="260">
        <v>0</v>
      </c>
      <c r="DX20" s="261">
        <v>49</v>
      </c>
      <c r="DY20" s="261">
        <v>54</v>
      </c>
      <c r="DZ20" s="261">
        <v>40</v>
      </c>
      <c r="EA20" s="261">
        <v>24</v>
      </c>
      <c r="EB20" s="261">
        <v>9</v>
      </c>
      <c r="EC20" s="258">
        <v>176</v>
      </c>
      <c r="ED20" s="263">
        <v>218</v>
      </c>
      <c r="EE20" s="257">
        <v>3</v>
      </c>
      <c r="EF20" s="261">
        <v>1</v>
      </c>
      <c r="EG20" s="258">
        <v>4</v>
      </c>
      <c r="EH20" s="260">
        <v>0</v>
      </c>
      <c r="EI20" s="261">
        <v>13</v>
      </c>
      <c r="EJ20" s="261">
        <v>14</v>
      </c>
      <c r="EK20" s="261">
        <v>9</v>
      </c>
      <c r="EL20" s="261">
        <v>9</v>
      </c>
      <c r="EM20" s="261">
        <v>2</v>
      </c>
      <c r="EN20" s="258">
        <v>47</v>
      </c>
      <c r="EO20" s="263">
        <v>51</v>
      </c>
      <c r="EP20" s="257">
        <v>14</v>
      </c>
      <c r="EQ20" s="261">
        <v>43</v>
      </c>
      <c r="ER20" s="258">
        <v>57</v>
      </c>
      <c r="ES20" s="260">
        <v>0</v>
      </c>
      <c r="ET20" s="261">
        <v>118</v>
      </c>
      <c r="EU20" s="261">
        <v>85</v>
      </c>
      <c r="EV20" s="261">
        <v>48</v>
      </c>
      <c r="EW20" s="261">
        <v>29</v>
      </c>
      <c r="EX20" s="261">
        <v>9</v>
      </c>
      <c r="EY20" s="258">
        <v>289</v>
      </c>
      <c r="EZ20" s="263">
        <v>346</v>
      </c>
    </row>
    <row r="21" spans="2:156" ht="21" customHeight="1" x14ac:dyDescent="0.2">
      <c r="B21" s="468" t="s">
        <v>19</v>
      </c>
      <c r="C21" s="257">
        <v>0</v>
      </c>
      <c r="D21" s="261">
        <v>0</v>
      </c>
      <c r="E21" s="356">
        <v>0</v>
      </c>
      <c r="F21" s="260">
        <v>0</v>
      </c>
      <c r="G21" s="261">
        <v>10</v>
      </c>
      <c r="H21" s="261">
        <v>6</v>
      </c>
      <c r="I21" s="261">
        <v>5</v>
      </c>
      <c r="J21" s="261">
        <v>1</v>
      </c>
      <c r="K21" s="261">
        <v>4</v>
      </c>
      <c r="L21" s="262">
        <v>26</v>
      </c>
      <c r="M21" s="263">
        <v>26</v>
      </c>
      <c r="N21" s="257">
        <v>0</v>
      </c>
      <c r="O21" s="261">
        <v>0</v>
      </c>
      <c r="P21" s="258">
        <v>0</v>
      </c>
      <c r="Q21" s="260">
        <v>0</v>
      </c>
      <c r="R21" s="261">
        <v>0</v>
      </c>
      <c r="S21" s="261">
        <v>1</v>
      </c>
      <c r="T21" s="261">
        <v>2</v>
      </c>
      <c r="U21" s="261">
        <v>2</v>
      </c>
      <c r="V21" s="261">
        <v>1</v>
      </c>
      <c r="W21" s="258">
        <v>6</v>
      </c>
      <c r="X21" s="263">
        <v>6</v>
      </c>
      <c r="Y21" s="257">
        <v>2</v>
      </c>
      <c r="Z21" s="261">
        <v>3</v>
      </c>
      <c r="AA21" s="258">
        <v>5</v>
      </c>
      <c r="AB21" s="260">
        <v>0</v>
      </c>
      <c r="AC21" s="261">
        <v>12</v>
      </c>
      <c r="AD21" s="261">
        <v>10</v>
      </c>
      <c r="AE21" s="261">
        <v>7</v>
      </c>
      <c r="AF21" s="261">
        <v>5</v>
      </c>
      <c r="AG21" s="261">
        <v>5</v>
      </c>
      <c r="AH21" s="258">
        <v>39</v>
      </c>
      <c r="AI21" s="263">
        <v>44</v>
      </c>
      <c r="AJ21" s="257">
        <v>0</v>
      </c>
      <c r="AK21" s="261">
        <v>0</v>
      </c>
      <c r="AL21" s="258">
        <v>0</v>
      </c>
      <c r="AM21" s="260">
        <v>0</v>
      </c>
      <c r="AN21" s="261">
        <v>1</v>
      </c>
      <c r="AO21" s="261">
        <v>1</v>
      </c>
      <c r="AP21" s="261">
        <v>0</v>
      </c>
      <c r="AQ21" s="261">
        <v>0</v>
      </c>
      <c r="AR21" s="261">
        <v>0</v>
      </c>
      <c r="AS21" s="258">
        <v>2</v>
      </c>
      <c r="AT21" s="263">
        <v>2</v>
      </c>
      <c r="AU21" s="257">
        <v>7</v>
      </c>
      <c r="AV21" s="261">
        <v>4</v>
      </c>
      <c r="AW21" s="258">
        <v>11</v>
      </c>
      <c r="AX21" s="260">
        <v>0</v>
      </c>
      <c r="AY21" s="261">
        <v>19</v>
      </c>
      <c r="AZ21" s="261">
        <v>21</v>
      </c>
      <c r="BA21" s="261">
        <v>11</v>
      </c>
      <c r="BB21" s="261">
        <v>7</v>
      </c>
      <c r="BC21" s="261">
        <v>14</v>
      </c>
      <c r="BD21" s="262">
        <v>72</v>
      </c>
      <c r="BE21" s="263">
        <v>83</v>
      </c>
      <c r="BF21" s="257">
        <v>0</v>
      </c>
      <c r="BG21" s="261">
        <v>0</v>
      </c>
      <c r="BH21" s="258">
        <v>0</v>
      </c>
      <c r="BI21" s="260">
        <v>0</v>
      </c>
      <c r="BJ21" s="261">
        <v>24</v>
      </c>
      <c r="BK21" s="261">
        <v>12</v>
      </c>
      <c r="BL21" s="261">
        <v>5</v>
      </c>
      <c r="BM21" s="261">
        <v>2</v>
      </c>
      <c r="BN21" s="261">
        <v>1</v>
      </c>
      <c r="BO21" s="258">
        <v>44</v>
      </c>
      <c r="BP21" s="263">
        <v>44</v>
      </c>
      <c r="BQ21" s="257">
        <v>2</v>
      </c>
      <c r="BR21" s="261">
        <v>3</v>
      </c>
      <c r="BS21" s="258">
        <v>5</v>
      </c>
      <c r="BT21" s="260">
        <v>0</v>
      </c>
      <c r="BU21" s="261">
        <v>11</v>
      </c>
      <c r="BV21" s="261">
        <v>6</v>
      </c>
      <c r="BW21" s="261">
        <v>3</v>
      </c>
      <c r="BX21" s="261">
        <v>2</v>
      </c>
      <c r="BY21" s="261">
        <v>0</v>
      </c>
      <c r="BZ21" s="258">
        <v>22</v>
      </c>
      <c r="CA21" s="263">
        <v>27</v>
      </c>
      <c r="CB21" s="257">
        <v>0</v>
      </c>
      <c r="CC21" s="261">
        <v>0</v>
      </c>
      <c r="CD21" s="258">
        <v>0</v>
      </c>
      <c r="CE21" s="260">
        <v>0</v>
      </c>
      <c r="CF21" s="261">
        <v>1</v>
      </c>
      <c r="CG21" s="261">
        <v>0</v>
      </c>
      <c r="CH21" s="261">
        <v>3</v>
      </c>
      <c r="CI21" s="261">
        <v>1</v>
      </c>
      <c r="CJ21" s="261">
        <v>1</v>
      </c>
      <c r="CK21" s="258">
        <v>6</v>
      </c>
      <c r="CL21" s="263">
        <v>6</v>
      </c>
      <c r="CM21" s="257">
        <v>0</v>
      </c>
      <c r="CN21" s="261">
        <v>0</v>
      </c>
      <c r="CO21" s="258">
        <v>0</v>
      </c>
      <c r="CP21" s="260">
        <v>0</v>
      </c>
      <c r="CQ21" s="261">
        <v>0</v>
      </c>
      <c r="CR21" s="261">
        <v>1</v>
      </c>
      <c r="CS21" s="261">
        <v>0</v>
      </c>
      <c r="CT21" s="261">
        <v>1</v>
      </c>
      <c r="CU21" s="261">
        <v>0</v>
      </c>
      <c r="CV21" s="258">
        <v>2</v>
      </c>
      <c r="CW21" s="263">
        <v>2</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3</v>
      </c>
      <c r="DU21" s="261">
        <v>13</v>
      </c>
      <c r="DV21" s="258">
        <v>16</v>
      </c>
      <c r="DW21" s="260">
        <v>0</v>
      </c>
      <c r="DX21" s="261">
        <v>36</v>
      </c>
      <c r="DY21" s="261">
        <v>24</v>
      </c>
      <c r="DZ21" s="261">
        <v>14</v>
      </c>
      <c r="EA21" s="261">
        <v>8</v>
      </c>
      <c r="EB21" s="261">
        <v>12</v>
      </c>
      <c r="EC21" s="258">
        <v>94</v>
      </c>
      <c r="ED21" s="263">
        <v>110</v>
      </c>
      <c r="EE21" s="257">
        <v>5</v>
      </c>
      <c r="EF21" s="261">
        <v>1</v>
      </c>
      <c r="EG21" s="258">
        <v>6</v>
      </c>
      <c r="EH21" s="260">
        <v>0</v>
      </c>
      <c r="EI21" s="261">
        <v>4</v>
      </c>
      <c r="EJ21" s="261">
        <v>9</v>
      </c>
      <c r="EK21" s="261">
        <v>3</v>
      </c>
      <c r="EL21" s="261">
        <v>2</v>
      </c>
      <c r="EM21" s="261">
        <v>3</v>
      </c>
      <c r="EN21" s="258">
        <v>21</v>
      </c>
      <c r="EO21" s="263">
        <v>27</v>
      </c>
      <c r="EP21" s="257">
        <v>6</v>
      </c>
      <c r="EQ21" s="261">
        <v>18</v>
      </c>
      <c r="ER21" s="258">
        <v>24</v>
      </c>
      <c r="ES21" s="260">
        <v>0</v>
      </c>
      <c r="ET21" s="261">
        <v>57</v>
      </c>
      <c r="EU21" s="261">
        <v>31</v>
      </c>
      <c r="EV21" s="261">
        <v>16</v>
      </c>
      <c r="EW21" s="261">
        <v>8</v>
      </c>
      <c r="EX21" s="261">
        <v>9</v>
      </c>
      <c r="EY21" s="258">
        <v>121</v>
      </c>
      <c r="EZ21" s="263">
        <v>145</v>
      </c>
    </row>
    <row r="22" spans="2:156" ht="21" customHeight="1" x14ac:dyDescent="0.2">
      <c r="B22" s="468" t="s">
        <v>20</v>
      </c>
      <c r="C22" s="257">
        <v>0</v>
      </c>
      <c r="D22" s="261">
        <v>0</v>
      </c>
      <c r="E22" s="356">
        <v>0</v>
      </c>
      <c r="F22" s="260">
        <v>0</v>
      </c>
      <c r="G22" s="261">
        <v>23</v>
      </c>
      <c r="H22" s="261">
        <v>17</v>
      </c>
      <c r="I22" s="261">
        <v>7</v>
      </c>
      <c r="J22" s="261">
        <v>7</v>
      </c>
      <c r="K22" s="261">
        <v>7</v>
      </c>
      <c r="L22" s="262">
        <v>61</v>
      </c>
      <c r="M22" s="263">
        <v>61</v>
      </c>
      <c r="N22" s="257">
        <v>0</v>
      </c>
      <c r="O22" s="261">
        <v>0</v>
      </c>
      <c r="P22" s="258">
        <v>0</v>
      </c>
      <c r="Q22" s="260">
        <v>0</v>
      </c>
      <c r="R22" s="261">
        <v>0</v>
      </c>
      <c r="S22" s="261">
        <v>0</v>
      </c>
      <c r="T22" s="261">
        <v>1</v>
      </c>
      <c r="U22" s="261">
        <v>1</v>
      </c>
      <c r="V22" s="261">
        <v>3</v>
      </c>
      <c r="W22" s="258">
        <v>5</v>
      </c>
      <c r="X22" s="263">
        <v>5</v>
      </c>
      <c r="Y22" s="257">
        <v>3</v>
      </c>
      <c r="Z22" s="261">
        <v>1</v>
      </c>
      <c r="AA22" s="258">
        <v>4</v>
      </c>
      <c r="AB22" s="260">
        <v>0</v>
      </c>
      <c r="AC22" s="261">
        <v>23</v>
      </c>
      <c r="AD22" s="261">
        <v>17</v>
      </c>
      <c r="AE22" s="261">
        <v>12</v>
      </c>
      <c r="AF22" s="261">
        <v>9</v>
      </c>
      <c r="AG22" s="261">
        <v>6</v>
      </c>
      <c r="AH22" s="258">
        <v>67</v>
      </c>
      <c r="AI22" s="263">
        <v>71</v>
      </c>
      <c r="AJ22" s="257">
        <v>2</v>
      </c>
      <c r="AK22" s="261">
        <v>4</v>
      </c>
      <c r="AL22" s="258">
        <v>6</v>
      </c>
      <c r="AM22" s="260">
        <v>0</v>
      </c>
      <c r="AN22" s="261">
        <v>3</v>
      </c>
      <c r="AO22" s="261">
        <v>8</v>
      </c>
      <c r="AP22" s="261">
        <v>6</v>
      </c>
      <c r="AQ22" s="261">
        <v>2</v>
      </c>
      <c r="AR22" s="261">
        <v>3</v>
      </c>
      <c r="AS22" s="258">
        <v>22</v>
      </c>
      <c r="AT22" s="263">
        <v>28</v>
      </c>
      <c r="AU22" s="257">
        <v>1</v>
      </c>
      <c r="AV22" s="261">
        <v>5</v>
      </c>
      <c r="AW22" s="258">
        <v>6</v>
      </c>
      <c r="AX22" s="260">
        <v>0</v>
      </c>
      <c r="AY22" s="261">
        <v>19</v>
      </c>
      <c r="AZ22" s="261">
        <v>19</v>
      </c>
      <c r="BA22" s="261">
        <v>24</v>
      </c>
      <c r="BB22" s="261">
        <v>22</v>
      </c>
      <c r="BC22" s="261">
        <v>12</v>
      </c>
      <c r="BD22" s="262">
        <v>96</v>
      </c>
      <c r="BE22" s="263">
        <v>102</v>
      </c>
      <c r="BF22" s="257">
        <v>0</v>
      </c>
      <c r="BG22" s="261">
        <v>0</v>
      </c>
      <c r="BH22" s="258">
        <v>0</v>
      </c>
      <c r="BI22" s="260">
        <v>0</v>
      </c>
      <c r="BJ22" s="261">
        <v>30</v>
      </c>
      <c r="BK22" s="261">
        <v>19</v>
      </c>
      <c r="BL22" s="261">
        <v>12</v>
      </c>
      <c r="BM22" s="261">
        <v>6</v>
      </c>
      <c r="BN22" s="261">
        <v>3</v>
      </c>
      <c r="BO22" s="258">
        <v>70</v>
      </c>
      <c r="BP22" s="263">
        <v>70</v>
      </c>
      <c r="BQ22" s="257">
        <v>3</v>
      </c>
      <c r="BR22" s="261">
        <v>1</v>
      </c>
      <c r="BS22" s="258">
        <v>4</v>
      </c>
      <c r="BT22" s="260">
        <v>0</v>
      </c>
      <c r="BU22" s="261">
        <v>10</v>
      </c>
      <c r="BV22" s="261">
        <v>12</v>
      </c>
      <c r="BW22" s="261">
        <v>4</v>
      </c>
      <c r="BX22" s="261">
        <v>4</v>
      </c>
      <c r="BY22" s="261">
        <v>1</v>
      </c>
      <c r="BZ22" s="258">
        <v>31</v>
      </c>
      <c r="CA22" s="263">
        <v>35</v>
      </c>
      <c r="CB22" s="257">
        <v>0</v>
      </c>
      <c r="CC22" s="261">
        <v>1</v>
      </c>
      <c r="CD22" s="258">
        <v>1</v>
      </c>
      <c r="CE22" s="260">
        <v>0</v>
      </c>
      <c r="CF22" s="261">
        <v>4</v>
      </c>
      <c r="CG22" s="261">
        <v>2</v>
      </c>
      <c r="CH22" s="261">
        <v>3</v>
      </c>
      <c r="CI22" s="261">
        <v>7</v>
      </c>
      <c r="CJ22" s="261">
        <v>1</v>
      </c>
      <c r="CK22" s="258">
        <v>17</v>
      </c>
      <c r="CL22" s="263">
        <v>18</v>
      </c>
      <c r="CM22" s="257">
        <v>0</v>
      </c>
      <c r="CN22" s="261">
        <v>0</v>
      </c>
      <c r="CO22" s="258">
        <v>0</v>
      </c>
      <c r="CP22" s="260">
        <v>0</v>
      </c>
      <c r="CQ22" s="261">
        <v>0</v>
      </c>
      <c r="CR22" s="261">
        <v>0</v>
      </c>
      <c r="CS22" s="261">
        <v>1</v>
      </c>
      <c r="CT22" s="261">
        <v>2</v>
      </c>
      <c r="CU22" s="261">
        <v>0</v>
      </c>
      <c r="CV22" s="258">
        <v>3</v>
      </c>
      <c r="CW22" s="263">
        <v>3</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0</v>
      </c>
      <c r="DU22" s="261">
        <v>29</v>
      </c>
      <c r="DV22" s="258">
        <v>39</v>
      </c>
      <c r="DW22" s="260">
        <v>0</v>
      </c>
      <c r="DX22" s="261">
        <v>40</v>
      </c>
      <c r="DY22" s="261">
        <v>37</v>
      </c>
      <c r="DZ22" s="261">
        <v>23</v>
      </c>
      <c r="EA22" s="261">
        <v>20</v>
      </c>
      <c r="EB22" s="261">
        <v>11</v>
      </c>
      <c r="EC22" s="258">
        <v>131</v>
      </c>
      <c r="ED22" s="263">
        <v>170</v>
      </c>
      <c r="EE22" s="257">
        <v>1</v>
      </c>
      <c r="EF22" s="261">
        <v>2</v>
      </c>
      <c r="EG22" s="258">
        <v>3</v>
      </c>
      <c r="EH22" s="260">
        <v>0</v>
      </c>
      <c r="EI22" s="261">
        <v>4</v>
      </c>
      <c r="EJ22" s="261">
        <v>3</v>
      </c>
      <c r="EK22" s="261">
        <v>8</v>
      </c>
      <c r="EL22" s="261">
        <v>6</v>
      </c>
      <c r="EM22" s="261">
        <v>2</v>
      </c>
      <c r="EN22" s="258">
        <v>23</v>
      </c>
      <c r="EO22" s="263">
        <v>26</v>
      </c>
      <c r="EP22" s="257">
        <v>16</v>
      </c>
      <c r="EQ22" s="261">
        <v>32</v>
      </c>
      <c r="ER22" s="258">
        <v>48</v>
      </c>
      <c r="ES22" s="260">
        <v>0</v>
      </c>
      <c r="ET22" s="261">
        <v>82</v>
      </c>
      <c r="EU22" s="261">
        <v>58</v>
      </c>
      <c r="EV22" s="261">
        <v>27</v>
      </c>
      <c r="EW22" s="261">
        <v>20</v>
      </c>
      <c r="EX22" s="261">
        <v>11</v>
      </c>
      <c r="EY22" s="258">
        <v>198</v>
      </c>
      <c r="EZ22" s="263">
        <v>246</v>
      </c>
    </row>
    <row r="23" spans="2:156" ht="21" customHeight="1" x14ac:dyDescent="0.2">
      <c r="B23" s="468" t="s">
        <v>21</v>
      </c>
      <c r="C23" s="257">
        <v>0</v>
      </c>
      <c r="D23" s="261">
        <v>0</v>
      </c>
      <c r="E23" s="356">
        <v>0</v>
      </c>
      <c r="F23" s="260">
        <v>0</v>
      </c>
      <c r="G23" s="261">
        <v>16</v>
      </c>
      <c r="H23" s="261">
        <v>12</v>
      </c>
      <c r="I23" s="261">
        <v>6</v>
      </c>
      <c r="J23" s="261">
        <v>6</v>
      </c>
      <c r="K23" s="261">
        <v>6</v>
      </c>
      <c r="L23" s="262">
        <v>46</v>
      </c>
      <c r="M23" s="263">
        <v>46</v>
      </c>
      <c r="N23" s="257">
        <v>0</v>
      </c>
      <c r="O23" s="261">
        <v>0</v>
      </c>
      <c r="P23" s="258">
        <v>0</v>
      </c>
      <c r="Q23" s="260">
        <v>0</v>
      </c>
      <c r="R23" s="261">
        <v>0</v>
      </c>
      <c r="S23" s="261">
        <v>0</v>
      </c>
      <c r="T23" s="261">
        <v>0</v>
      </c>
      <c r="U23" s="261">
        <v>0</v>
      </c>
      <c r="V23" s="261">
        <v>2</v>
      </c>
      <c r="W23" s="258">
        <v>2</v>
      </c>
      <c r="X23" s="263">
        <v>2</v>
      </c>
      <c r="Y23" s="257">
        <v>5</v>
      </c>
      <c r="Z23" s="261">
        <v>3</v>
      </c>
      <c r="AA23" s="258">
        <v>8</v>
      </c>
      <c r="AB23" s="260">
        <v>0</v>
      </c>
      <c r="AC23" s="261">
        <v>17</v>
      </c>
      <c r="AD23" s="261">
        <v>17</v>
      </c>
      <c r="AE23" s="261">
        <v>5</v>
      </c>
      <c r="AF23" s="261">
        <v>8</v>
      </c>
      <c r="AG23" s="261">
        <v>6</v>
      </c>
      <c r="AH23" s="258">
        <v>53</v>
      </c>
      <c r="AI23" s="263">
        <v>61</v>
      </c>
      <c r="AJ23" s="257">
        <v>1</v>
      </c>
      <c r="AK23" s="261">
        <v>0</v>
      </c>
      <c r="AL23" s="258">
        <v>1</v>
      </c>
      <c r="AM23" s="260">
        <v>0</v>
      </c>
      <c r="AN23" s="261">
        <v>2</v>
      </c>
      <c r="AO23" s="261">
        <v>2</v>
      </c>
      <c r="AP23" s="261">
        <v>0</v>
      </c>
      <c r="AQ23" s="261">
        <v>0</v>
      </c>
      <c r="AR23" s="261">
        <v>1</v>
      </c>
      <c r="AS23" s="258">
        <v>5</v>
      </c>
      <c r="AT23" s="263">
        <v>6</v>
      </c>
      <c r="AU23" s="257">
        <v>3</v>
      </c>
      <c r="AV23" s="261">
        <v>4</v>
      </c>
      <c r="AW23" s="258">
        <v>7</v>
      </c>
      <c r="AX23" s="260">
        <v>0</v>
      </c>
      <c r="AY23" s="261">
        <v>13</v>
      </c>
      <c r="AZ23" s="261">
        <v>16</v>
      </c>
      <c r="BA23" s="261">
        <v>12</v>
      </c>
      <c r="BB23" s="261">
        <v>12</v>
      </c>
      <c r="BC23" s="261">
        <v>14</v>
      </c>
      <c r="BD23" s="262">
        <v>67</v>
      </c>
      <c r="BE23" s="263">
        <v>74</v>
      </c>
      <c r="BF23" s="257">
        <v>0</v>
      </c>
      <c r="BG23" s="261">
        <v>0</v>
      </c>
      <c r="BH23" s="258">
        <v>0</v>
      </c>
      <c r="BI23" s="260">
        <v>0</v>
      </c>
      <c r="BJ23" s="261">
        <v>21</v>
      </c>
      <c r="BK23" s="261">
        <v>17</v>
      </c>
      <c r="BL23" s="261">
        <v>8</v>
      </c>
      <c r="BM23" s="261">
        <v>2</v>
      </c>
      <c r="BN23" s="261">
        <v>2</v>
      </c>
      <c r="BO23" s="258">
        <v>50</v>
      </c>
      <c r="BP23" s="263">
        <v>50</v>
      </c>
      <c r="BQ23" s="257">
        <v>3</v>
      </c>
      <c r="BR23" s="261">
        <v>1</v>
      </c>
      <c r="BS23" s="258">
        <v>4</v>
      </c>
      <c r="BT23" s="260">
        <v>0</v>
      </c>
      <c r="BU23" s="261">
        <v>7</v>
      </c>
      <c r="BV23" s="261">
        <v>9</v>
      </c>
      <c r="BW23" s="261">
        <v>3</v>
      </c>
      <c r="BX23" s="261">
        <v>0</v>
      </c>
      <c r="BY23" s="261">
        <v>1</v>
      </c>
      <c r="BZ23" s="258">
        <v>20</v>
      </c>
      <c r="CA23" s="263">
        <v>24</v>
      </c>
      <c r="CB23" s="257">
        <v>0</v>
      </c>
      <c r="CC23" s="261">
        <v>1</v>
      </c>
      <c r="CD23" s="258">
        <v>1</v>
      </c>
      <c r="CE23" s="260">
        <v>0</v>
      </c>
      <c r="CF23" s="261">
        <v>2</v>
      </c>
      <c r="CG23" s="261">
        <v>3</v>
      </c>
      <c r="CH23" s="261">
        <v>4</v>
      </c>
      <c r="CI23" s="261">
        <v>3</v>
      </c>
      <c r="CJ23" s="261">
        <v>2</v>
      </c>
      <c r="CK23" s="258">
        <v>14</v>
      </c>
      <c r="CL23" s="263">
        <v>15</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3</v>
      </c>
      <c r="DU23" s="261">
        <v>18</v>
      </c>
      <c r="DV23" s="258">
        <v>31</v>
      </c>
      <c r="DW23" s="260">
        <v>0</v>
      </c>
      <c r="DX23" s="261">
        <v>20</v>
      </c>
      <c r="DY23" s="261">
        <v>38</v>
      </c>
      <c r="DZ23" s="261">
        <v>17</v>
      </c>
      <c r="EA23" s="261">
        <v>11</v>
      </c>
      <c r="EB23" s="261">
        <v>7</v>
      </c>
      <c r="EC23" s="258">
        <v>93</v>
      </c>
      <c r="ED23" s="263">
        <v>124</v>
      </c>
      <c r="EE23" s="257">
        <v>0</v>
      </c>
      <c r="EF23" s="261">
        <v>3</v>
      </c>
      <c r="EG23" s="258">
        <v>3</v>
      </c>
      <c r="EH23" s="260">
        <v>0</v>
      </c>
      <c r="EI23" s="261">
        <v>3</v>
      </c>
      <c r="EJ23" s="261">
        <v>5</v>
      </c>
      <c r="EK23" s="261">
        <v>2</v>
      </c>
      <c r="EL23" s="261">
        <v>4</v>
      </c>
      <c r="EM23" s="261">
        <v>4</v>
      </c>
      <c r="EN23" s="258">
        <v>18</v>
      </c>
      <c r="EO23" s="263">
        <v>21</v>
      </c>
      <c r="EP23" s="257">
        <v>20</v>
      </c>
      <c r="EQ23" s="261">
        <v>18</v>
      </c>
      <c r="ER23" s="258">
        <v>38</v>
      </c>
      <c r="ES23" s="260">
        <v>0</v>
      </c>
      <c r="ET23" s="261">
        <v>58</v>
      </c>
      <c r="EU23" s="261">
        <v>50</v>
      </c>
      <c r="EV23" s="261">
        <v>21</v>
      </c>
      <c r="EW23" s="261">
        <v>11</v>
      </c>
      <c r="EX23" s="261">
        <v>10</v>
      </c>
      <c r="EY23" s="258">
        <v>150</v>
      </c>
      <c r="EZ23" s="263">
        <v>188</v>
      </c>
    </row>
    <row r="24" spans="2:156" ht="21" customHeight="1" x14ac:dyDescent="0.2">
      <c r="B24" s="468" t="s">
        <v>22</v>
      </c>
      <c r="C24" s="257">
        <v>0</v>
      </c>
      <c r="D24" s="261">
        <v>0</v>
      </c>
      <c r="E24" s="356">
        <v>0</v>
      </c>
      <c r="F24" s="260">
        <v>0</v>
      </c>
      <c r="G24" s="261">
        <v>5</v>
      </c>
      <c r="H24" s="261">
        <v>5</v>
      </c>
      <c r="I24" s="261">
        <v>0</v>
      </c>
      <c r="J24" s="261">
        <v>0</v>
      </c>
      <c r="K24" s="261">
        <v>2</v>
      </c>
      <c r="L24" s="262">
        <v>12</v>
      </c>
      <c r="M24" s="263">
        <v>12</v>
      </c>
      <c r="N24" s="257">
        <v>0</v>
      </c>
      <c r="O24" s="261">
        <v>0</v>
      </c>
      <c r="P24" s="258">
        <v>0</v>
      </c>
      <c r="Q24" s="260">
        <v>0</v>
      </c>
      <c r="R24" s="261">
        <v>1</v>
      </c>
      <c r="S24" s="261">
        <v>0</v>
      </c>
      <c r="T24" s="261">
        <v>0</v>
      </c>
      <c r="U24" s="261">
        <v>0</v>
      </c>
      <c r="V24" s="261">
        <v>0</v>
      </c>
      <c r="W24" s="258">
        <v>1</v>
      </c>
      <c r="X24" s="263">
        <v>1</v>
      </c>
      <c r="Y24" s="257">
        <v>0</v>
      </c>
      <c r="Z24" s="261">
        <v>2</v>
      </c>
      <c r="AA24" s="258">
        <v>2</v>
      </c>
      <c r="AB24" s="260">
        <v>0</v>
      </c>
      <c r="AC24" s="261">
        <v>4</v>
      </c>
      <c r="AD24" s="261">
        <v>4</v>
      </c>
      <c r="AE24" s="261">
        <v>3</v>
      </c>
      <c r="AF24" s="261">
        <v>0</v>
      </c>
      <c r="AG24" s="261">
        <v>3</v>
      </c>
      <c r="AH24" s="258">
        <v>14</v>
      </c>
      <c r="AI24" s="263">
        <v>16</v>
      </c>
      <c r="AJ24" s="257">
        <v>0</v>
      </c>
      <c r="AK24" s="261">
        <v>0</v>
      </c>
      <c r="AL24" s="258">
        <v>0</v>
      </c>
      <c r="AM24" s="260">
        <v>0</v>
      </c>
      <c r="AN24" s="261">
        <v>0</v>
      </c>
      <c r="AO24" s="261">
        <v>1</v>
      </c>
      <c r="AP24" s="261">
        <v>0</v>
      </c>
      <c r="AQ24" s="261">
        <v>0</v>
      </c>
      <c r="AR24" s="261">
        <v>0</v>
      </c>
      <c r="AS24" s="258">
        <v>1</v>
      </c>
      <c r="AT24" s="263">
        <v>1</v>
      </c>
      <c r="AU24" s="257">
        <v>2</v>
      </c>
      <c r="AV24" s="261">
        <v>0</v>
      </c>
      <c r="AW24" s="258">
        <v>2</v>
      </c>
      <c r="AX24" s="260">
        <v>0</v>
      </c>
      <c r="AY24" s="261">
        <v>8</v>
      </c>
      <c r="AZ24" s="261">
        <v>9</v>
      </c>
      <c r="BA24" s="261">
        <v>3</v>
      </c>
      <c r="BB24" s="261">
        <v>4</v>
      </c>
      <c r="BC24" s="261">
        <v>4</v>
      </c>
      <c r="BD24" s="262">
        <v>28</v>
      </c>
      <c r="BE24" s="263">
        <v>30</v>
      </c>
      <c r="BF24" s="257">
        <v>0</v>
      </c>
      <c r="BG24" s="261">
        <v>0</v>
      </c>
      <c r="BH24" s="258">
        <v>0</v>
      </c>
      <c r="BI24" s="260">
        <v>0</v>
      </c>
      <c r="BJ24" s="261">
        <v>10</v>
      </c>
      <c r="BK24" s="261">
        <v>6</v>
      </c>
      <c r="BL24" s="261">
        <v>4</v>
      </c>
      <c r="BM24" s="261">
        <v>1</v>
      </c>
      <c r="BN24" s="261">
        <v>3</v>
      </c>
      <c r="BO24" s="258">
        <v>24</v>
      </c>
      <c r="BP24" s="263">
        <v>24</v>
      </c>
      <c r="BQ24" s="257">
        <v>1</v>
      </c>
      <c r="BR24" s="261">
        <v>1</v>
      </c>
      <c r="BS24" s="258">
        <v>2</v>
      </c>
      <c r="BT24" s="260">
        <v>0</v>
      </c>
      <c r="BU24" s="261">
        <v>3</v>
      </c>
      <c r="BV24" s="261">
        <v>2</v>
      </c>
      <c r="BW24" s="261">
        <v>0</v>
      </c>
      <c r="BX24" s="261">
        <v>0</v>
      </c>
      <c r="BY24" s="261">
        <v>2</v>
      </c>
      <c r="BZ24" s="258">
        <v>7</v>
      </c>
      <c r="CA24" s="263">
        <v>9</v>
      </c>
      <c r="CB24" s="257">
        <v>0</v>
      </c>
      <c r="CC24" s="261">
        <v>0</v>
      </c>
      <c r="CD24" s="258">
        <v>0</v>
      </c>
      <c r="CE24" s="260">
        <v>0</v>
      </c>
      <c r="CF24" s="261">
        <v>1</v>
      </c>
      <c r="CG24" s="261">
        <v>2</v>
      </c>
      <c r="CH24" s="261">
        <v>1</v>
      </c>
      <c r="CI24" s="261">
        <v>1</v>
      </c>
      <c r="CJ24" s="261">
        <v>1</v>
      </c>
      <c r="CK24" s="258">
        <v>6</v>
      </c>
      <c r="CL24" s="263">
        <v>6</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2</v>
      </c>
      <c r="DU24" s="261">
        <v>5</v>
      </c>
      <c r="DV24" s="258">
        <v>7</v>
      </c>
      <c r="DW24" s="260">
        <v>0</v>
      </c>
      <c r="DX24" s="261">
        <v>13</v>
      </c>
      <c r="DY24" s="261">
        <v>14</v>
      </c>
      <c r="DZ24" s="261">
        <v>9</v>
      </c>
      <c r="EA24" s="261">
        <v>2</v>
      </c>
      <c r="EB24" s="261">
        <v>5</v>
      </c>
      <c r="EC24" s="258">
        <v>43</v>
      </c>
      <c r="ED24" s="263">
        <v>50</v>
      </c>
      <c r="EE24" s="257">
        <v>0</v>
      </c>
      <c r="EF24" s="261">
        <v>1</v>
      </c>
      <c r="EG24" s="258">
        <v>1</v>
      </c>
      <c r="EH24" s="260">
        <v>0</v>
      </c>
      <c r="EI24" s="261">
        <v>6</v>
      </c>
      <c r="EJ24" s="261">
        <v>5</v>
      </c>
      <c r="EK24" s="261">
        <v>1</v>
      </c>
      <c r="EL24" s="261">
        <v>2</v>
      </c>
      <c r="EM24" s="261">
        <v>1</v>
      </c>
      <c r="EN24" s="258">
        <v>15</v>
      </c>
      <c r="EO24" s="263">
        <v>16</v>
      </c>
      <c r="EP24" s="257">
        <v>3</v>
      </c>
      <c r="EQ24" s="261">
        <v>6</v>
      </c>
      <c r="ER24" s="258">
        <v>9</v>
      </c>
      <c r="ES24" s="260">
        <v>0</v>
      </c>
      <c r="ET24" s="261">
        <v>21</v>
      </c>
      <c r="EU24" s="261">
        <v>17</v>
      </c>
      <c r="EV24" s="261">
        <v>9</v>
      </c>
      <c r="EW24" s="261">
        <v>2</v>
      </c>
      <c r="EX24" s="261">
        <v>5</v>
      </c>
      <c r="EY24" s="258">
        <v>54</v>
      </c>
      <c r="EZ24" s="263">
        <v>63</v>
      </c>
    </row>
    <row r="25" spans="2:156" ht="21" customHeight="1" x14ac:dyDescent="0.2">
      <c r="B25" s="468" t="s">
        <v>23</v>
      </c>
      <c r="C25" s="257">
        <v>0</v>
      </c>
      <c r="D25" s="261">
        <v>0</v>
      </c>
      <c r="E25" s="356">
        <v>0</v>
      </c>
      <c r="F25" s="260">
        <v>0</v>
      </c>
      <c r="G25" s="261">
        <v>6</v>
      </c>
      <c r="H25" s="261">
        <v>9</v>
      </c>
      <c r="I25" s="261">
        <v>6</v>
      </c>
      <c r="J25" s="261">
        <v>2</v>
      </c>
      <c r="K25" s="261">
        <v>1</v>
      </c>
      <c r="L25" s="262">
        <v>24</v>
      </c>
      <c r="M25" s="263">
        <v>24</v>
      </c>
      <c r="N25" s="257">
        <v>0</v>
      </c>
      <c r="O25" s="261">
        <v>0</v>
      </c>
      <c r="P25" s="258">
        <v>0</v>
      </c>
      <c r="Q25" s="260">
        <v>0</v>
      </c>
      <c r="R25" s="261">
        <v>0</v>
      </c>
      <c r="S25" s="261">
        <v>0</v>
      </c>
      <c r="T25" s="261">
        <v>0</v>
      </c>
      <c r="U25" s="261">
        <v>2</v>
      </c>
      <c r="V25" s="261">
        <v>0</v>
      </c>
      <c r="W25" s="258">
        <v>2</v>
      </c>
      <c r="X25" s="263">
        <v>2</v>
      </c>
      <c r="Y25" s="257">
        <v>3</v>
      </c>
      <c r="Z25" s="261">
        <v>3</v>
      </c>
      <c r="AA25" s="258">
        <v>6</v>
      </c>
      <c r="AB25" s="260">
        <v>0</v>
      </c>
      <c r="AC25" s="261">
        <v>6</v>
      </c>
      <c r="AD25" s="261">
        <v>15</v>
      </c>
      <c r="AE25" s="261">
        <v>4</v>
      </c>
      <c r="AF25" s="261">
        <v>4</v>
      </c>
      <c r="AG25" s="261">
        <v>3</v>
      </c>
      <c r="AH25" s="258">
        <v>32</v>
      </c>
      <c r="AI25" s="263">
        <v>38</v>
      </c>
      <c r="AJ25" s="257">
        <v>0</v>
      </c>
      <c r="AK25" s="261">
        <v>1</v>
      </c>
      <c r="AL25" s="258">
        <v>1</v>
      </c>
      <c r="AM25" s="260">
        <v>0</v>
      </c>
      <c r="AN25" s="261">
        <v>0</v>
      </c>
      <c r="AO25" s="261">
        <v>0</v>
      </c>
      <c r="AP25" s="261">
        <v>0</v>
      </c>
      <c r="AQ25" s="261">
        <v>0</v>
      </c>
      <c r="AR25" s="261">
        <v>0</v>
      </c>
      <c r="AS25" s="258">
        <v>0</v>
      </c>
      <c r="AT25" s="263">
        <v>1</v>
      </c>
      <c r="AU25" s="257">
        <v>3</v>
      </c>
      <c r="AV25" s="261">
        <v>0</v>
      </c>
      <c r="AW25" s="258">
        <v>3</v>
      </c>
      <c r="AX25" s="260">
        <v>0</v>
      </c>
      <c r="AY25" s="261">
        <v>16</v>
      </c>
      <c r="AZ25" s="261">
        <v>7</v>
      </c>
      <c r="BA25" s="261">
        <v>10</v>
      </c>
      <c r="BB25" s="261">
        <v>9</v>
      </c>
      <c r="BC25" s="261">
        <v>6</v>
      </c>
      <c r="BD25" s="262">
        <v>48</v>
      </c>
      <c r="BE25" s="263">
        <v>51</v>
      </c>
      <c r="BF25" s="257">
        <v>0</v>
      </c>
      <c r="BG25" s="261">
        <v>0</v>
      </c>
      <c r="BH25" s="258">
        <v>0</v>
      </c>
      <c r="BI25" s="260">
        <v>0</v>
      </c>
      <c r="BJ25" s="261">
        <v>14</v>
      </c>
      <c r="BK25" s="261">
        <v>14</v>
      </c>
      <c r="BL25" s="261">
        <v>6</v>
      </c>
      <c r="BM25" s="261">
        <v>2</v>
      </c>
      <c r="BN25" s="261">
        <v>3</v>
      </c>
      <c r="BO25" s="258">
        <v>39</v>
      </c>
      <c r="BP25" s="263">
        <v>39</v>
      </c>
      <c r="BQ25" s="257">
        <v>0</v>
      </c>
      <c r="BR25" s="261">
        <v>0</v>
      </c>
      <c r="BS25" s="258">
        <v>0</v>
      </c>
      <c r="BT25" s="260">
        <v>0</v>
      </c>
      <c r="BU25" s="261">
        <v>4</v>
      </c>
      <c r="BV25" s="261">
        <v>1</v>
      </c>
      <c r="BW25" s="261">
        <v>2</v>
      </c>
      <c r="BX25" s="261">
        <v>2</v>
      </c>
      <c r="BY25" s="261">
        <v>0</v>
      </c>
      <c r="BZ25" s="258">
        <v>9</v>
      </c>
      <c r="CA25" s="263">
        <v>9</v>
      </c>
      <c r="CB25" s="257">
        <v>0</v>
      </c>
      <c r="CC25" s="261">
        <v>0</v>
      </c>
      <c r="CD25" s="258">
        <v>0</v>
      </c>
      <c r="CE25" s="260">
        <v>0</v>
      </c>
      <c r="CF25" s="261">
        <v>0</v>
      </c>
      <c r="CG25" s="261">
        <v>1</v>
      </c>
      <c r="CH25" s="261">
        <v>6</v>
      </c>
      <c r="CI25" s="261">
        <v>2</v>
      </c>
      <c r="CJ25" s="261">
        <v>0</v>
      </c>
      <c r="CK25" s="258">
        <v>9</v>
      </c>
      <c r="CL25" s="263">
        <v>9</v>
      </c>
      <c r="CM25" s="257">
        <v>1</v>
      </c>
      <c r="CN25" s="261">
        <v>0</v>
      </c>
      <c r="CO25" s="258">
        <v>1</v>
      </c>
      <c r="CP25" s="260">
        <v>0</v>
      </c>
      <c r="CQ25" s="261">
        <v>1</v>
      </c>
      <c r="CR25" s="261">
        <v>0</v>
      </c>
      <c r="CS25" s="261">
        <v>0</v>
      </c>
      <c r="CT25" s="261">
        <v>0</v>
      </c>
      <c r="CU25" s="261">
        <v>0</v>
      </c>
      <c r="CV25" s="258">
        <v>1</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4</v>
      </c>
      <c r="DU25" s="261">
        <v>9</v>
      </c>
      <c r="DV25" s="258">
        <v>13</v>
      </c>
      <c r="DW25" s="260">
        <v>0</v>
      </c>
      <c r="DX25" s="261">
        <v>12</v>
      </c>
      <c r="DY25" s="261">
        <v>23</v>
      </c>
      <c r="DZ25" s="261">
        <v>10</v>
      </c>
      <c r="EA25" s="261">
        <v>6</v>
      </c>
      <c r="EB25" s="261">
        <v>4</v>
      </c>
      <c r="EC25" s="258">
        <v>55</v>
      </c>
      <c r="ED25" s="263">
        <v>68</v>
      </c>
      <c r="EE25" s="257">
        <v>3</v>
      </c>
      <c r="EF25" s="261">
        <v>0</v>
      </c>
      <c r="EG25" s="258">
        <v>3</v>
      </c>
      <c r="EH25" s="260">
        <v>0</v>
      </c>
      <c r="EI25" s="261">
        <v>9</v>
      </c>
      <c r="EJ25" s="261">
        <v>2</v>
      </c>
      <c r="EK25" s="261">
        <v>0</v>
      </c>
      <c r="EL25" s="261">
        <v>4</v>
      </c>
      <c r="EM25" s="261">
        <v>3</v>
      </c>
      <c r="EN25" s="258">
        <v>18</v>
      </c>
      <c r="EO25" s="263">
        <v>21</v>
      </c>
      <c r="EP25" s="257">
        <v>6</v>
      </c>
      <c r="EQ25" s="261">
        <v>11</v>
      </c>
      <c r="ER25" s="258">
        <v>17</v>
      </c>
      <c r="ES25" s="260">
        <v>0</v>
      </c>
      <c r="ET25" s="261">
        <v>29</v>
      </c>
      <c r="EU25" s="261">
        <v>29</v>
      </c>
      <c r="EV25" s="261">
        <v>17</v>
      </c>
      <c r="EW25" s="261">
        <v>6</v>
      </c>
      <c r="EX25" s="261">
        <v>5</v>
      </c>
      <c r="EY25" s="258">
        <v>86</v>
      </c>
      <c r="EZ25" s="263">
        <v>103</v>
      </c>
    </row>
    <row r="26" spans="2:156" ht="21" customHeight="1" x14ac:dyDescent="0.2">
      <c r="B26" s="468" t="s">
        <v>24</v>
      </c>
      <c r="C26" s="257">
        <v>0</v>
      </c>
      <c r="D26" s="261">
        <v>0</v>
      </c>
      <c r="E26" s="356">
        <v>0</v>
      </c>
      <c r="F26" s="260">
        <v>0</v>
      </c>
      <c r="G26" s="261">
        <v>10</v>
      </c>
      <c r="H26" s="261">
        <v>5</v>
      </c>
      <c r="I26" s="261">
        <v>2</v>
      </c>
      <c r="J26" s="261">
        <v>1</v>
      </c>
      <c r="K26" s="261">
        <v>2</v>
      </c>
      <c r="L26" s="262">
        <v>20</v>
      </c>
      <c r="M26" s="263">
        <v>20</v>
      </c>
      <c r="N26" s="257">
        <v>0</v>
      </c>
      <c r="O26" s="261">
        <v>0</v>
      </c>
      <c r="P26" s="258">
        <v>0</v>
      </c>
      <c r="Q26" s="260">
        <v>0</v>
      </c>
      <c r="R26" s="261">
        <v>0</v>
      </c>
      <c r="S26" s="261">
        <v>0</v>
      </c>
      <c r="T26" s="261">
        <v>0</v>
      </c>
      <c r="U26" s="261">
        <v>2</v>
      </c>
      <c r="V26" s="261">
        <v>2</v>
      </c>
      <c r="W26" s="258">
        <v>4</v>
      </c>
      <c r="X26" s="263">
        <v>4</v>
      </c>
      <c r="Y26" s="257">
        <v>1</v>
      </c>
      <c r="Z26" s="261">
        <v>4</v>
      </c>
      <c r="AA26" s="258">
        <v>5</v>
      </c>
      <c r="AB26" s="260">
        <v>0</v>
      </c>
      <c r="AC26" s="261">
        <v>11</v>
      </c>
      <c r="AD26" s="261">
        <v>6</v>
      </c>
      <c r="AE26" s="261">
        <v>2</v>
      </c>
      <c r="AF26" s="261">
        <v>2</v>
      </c>
      <c r="AG26" s="261">
        <v>2</v>
      </c>
      <c r="AH26" s="258">
        <v>23</v>
      </c>
      <c r="AI26" s="263">
        <v>28</v>
      </c>
      <c r="AJ26" s="257">
        <v>0</v>
      </c>
      <c r="AK26" s="261">
        <v>0</v>
      </c>
      <c r="AL26" s="258">
        <v>0</v>
      </c>
      <c r="AM26" s="260">
        <v>0</v>
      </c>
      <c r="AN26" s="261">
        <v>1</v>
      </c>
      <c r="AO26" s="261">
        <v>1</v>
      </c>
      <c r="AP26" s="261">
        <v>1</v>
      </c>
      <c r="AQ26" s="261">
        <v>0</v>
      </c>
      <c r="AR26" s="261">
        <v>0</v>
      </c>
      <c r="AS26" s="258">
        <v>3</v>
      </c>
      <c r="AT26" s="263">
        <v>3</v>
      </c>
      <c r="AU26" s="257">
        <v>3</v>
      </c>
      <c r="AV26" s="261">
        <v>1</v>
      </c>
      <c r="AW26" s="258">
        <v>4</v>
      </c>
      <c r="AX26" s="260">
        <v>0</v>
      </c>
      <c r="AY26" s="261">
        <v>12</v>
      </c>
      <c r="AZ26" s="261">
        <v>10</v>
      </c>
      <c r="BA26" s="261">
        <v>9</v>
      </c>
      <c r="BB26" s="261">
        <v>9</v>
      </c>
      <c r="BC26" s="261">
        <v>6</v>
      </c>
      <c r="BD26" s="262">
        <v>46</v>
      </c>
      <c r="BE26" s="263">
        <v>50</v>
      </c>
      <c r="BF26" s="257">
        <v>0</v>
      </c>
      <c r="BG26" s="261">
        <v>0</v>
      </c>
      <c r="BH26" s="258">
        <v>0</v>
      </c>
      <c r="BI26" s="260">
        <v>0</v>
      </c>
      <c r="BJ26" s="261">
        <v>13</v>
      </c>
      <c r="BK26" s="261">
        <v>11</v>
      </c>
      <c r="BL26" s="261">
        <v>3</v>
      </c>
      <c r="BM26" s="261">
        <v>1</v>
      </c>
      <c r="BN26" s="261">
        <v>1</v>
      </c>
      <c r="BO26" s="258">
        <v>29</v>
      </c>
      <c r="BP26" s="263">
        <v>29</v>
      </c>
      <c r="BQ26" s="257">
        <v>2</v>
      </c>
      <c r="BR26" s="261">
        <v>0</v>
      </c>
      <c r="BS26" s="258">
        <v>2</v>
      </c>
      <c r="BT26" s="260">
        <v>0</v>
      </c>
      <c r="BU26" s="261">
        <v>2</v>
      </c>
      <c r="BV26" s="261">
        <v>5</v>
      </c>
      <c r="BW26" s="261">
        <v>5</v>
      </c>
      <c r="BX26" s="261">
        <v>1</v>
      </c>
      <c r="BY26" s="261">
        <v>0</v>
      </c>
      <c r="BZ26" s="258">
        <v>13</v>
      </c>
      <c r="CA26" s="263">
        <v>15</v>
      </c>
      <c r="CB26" s="257">
        <v>0</v>
      </c>
      <c r="CC26" s="261">
        <v>0</v>
      </c>
      <c r="CD26" s="258">
        <v>0</v>
      </c>
      <c r="CE26" s="260">
        <v>0</v>
      </c>
      <c r="CF26" s="261">
        <v>0</v>
      </c>
      <c r="CG26" s="261">
        <v>4</v>
      </c>
      <c r="CH26" s="261">
        <v>0</v>
      </c>
      <c r="CI26" s="261">
        <v>0</v>
      </c>
      <c r="CJ26" s="261">
        <v>1</v>
      </c>
      <c r="CK26" s="258">
        <v>5</v>
      </c>
      <c r="CL26" s="263">
        <v>5</v>
      </c>
      <c r="CM26" s="257">
        <v>0</v>
      </c>
      <c r="CN26" s="261">
        <v>0</v>
      </c>
      <c r="CO26" s="258">
        <v>0</v>
      </c>
      <c r="CP26" s="260">
        <v>0</v>
      </c>
      <c r="CQ26" s="261">
        <v>1</v>
      </c>
      <c r="CR26" s="261">
        <v>0</v>
      </c>
      <c r="CS26" s="261">
        <v>0</v>
      </c>
      <c r="CT26" s="261">
        <v>0</v>
      </c>
      <c r="CU26" s="261">
        <v>0</v>
      </c>
      <c r="CV26" s="258">
        <v>1</v>
      </c>
      <c r="CW26" s="263">
        <v>1</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0</v>
      </c>
      <c r="DU26" s="261">
        <v>8</v>
      </c>
      <c r="DV26" s="258">
        <v>18</v>
      </c>
      <c r="DW26" s="260">
        <v>0</v>
      </c>
      <c r="DX26" s="261">
        <v>14</v>
      </c>
      <c r="DY26" s="261">
        <v>19</v>
      </c>
      <c r="DZ26" s="261">
        <v>6</v>
      </c>
      <c r="EA26" s="261">
        <v>4</v>
      </c>
      <c r="EB26" s="261">
        <v>2</v>
      </c>
      <c r="EC26" s="258">
        <v>45</v>
      </c>
      <c r="ED26" s="263">
        <v>63</v>
      </c>
      <c r="EE26" s="257">
        <v>3</v>
      </c>
      <c r="EF26" s="261">
        <v>1</v>
      </c>
      <c r="EG26" s="258">
        <v>4</v>
      </c>
      <c r="EH26" s="260">
        <v>0</v>
      </c>
      <c r="EI26" s="261">
        <v>5</v>
      </c>
      <c r="EJ26" s="261">
        <v>3</v>
      </c>
      <c r="EK26" s="261">
        <v>3</v>
      </c>
      <c r="EL26" s="261">
        <v>4</v>
      </c>
      <c r="EM26" s="261">
        <v>1</v>
      </c>
      <c r="EN26" s="258">
        <v>16</v>
      </c>
      <c r="EO26" s="263">
        <v>20</v>
      </c>
      <c r="EP26" s="257">
        <v>12</v>
      </c>
      <c r="EQ26" s="261">
        <v>9</v>
      </c>
      <c r="ER26" s="258">
        <v>21</v>
      </c>
      <c r="ES26" s="260">
        <v>0</v>
      </c>
      <c r="ET26" s="261">
        <v>30</v>
      </c>
      <c r="EU26" s="261">
        <v>28</v>
      </c>
      <c r="EV26" s="261">
        <v>11</v>
      </c>
      <c r="EW26" s="261">
        <v>6</v>
      </c>
      <c r="EX26" s="261">
        <v>4</v>
      </c>
      <c r="EY26" s="258">
        <v>79</v>
      </c>
      <c r="EZ26" s="263">
        <v>100</v>
      </c>
    </row>
    <row r="27" spans="2:156" ht="21" customHeight="1" x14ac:dyDescent="0.2">
      <c r="B27" s="468" t="s">
        <v>25</v>
      </c>
      <c r="C27" s="257">
        <v>0</v>
      </c>
      <c r="D27" s="261">
        <v>0</v>
      </c>
      <c r="E27" s="356">
        <v>0</v>
      </c>
      <c r="F27" s="260">
        <v>0</v>
      </c>
      <c r="G27" s="261">
        <v>5</v>
      </c>
      <c r="H27" s="261">
        <v>3</v>
      </c>
      <c r="I27" s="261">
        <v>4</v>
      </c>
      <c r="J27" s="261">
        <v>2</v>
      </c>
      <c r="K27" s="261">
        <v>0</v>
      </c>
      <c r="L27" s="262">
        <v>14</v>
      </c>
      <c r="M27" s="263">
        <v>14</v>
      </c>
      <c r="N27" s="257">
        <v>0</v>
      </c>
      <c r="O27" s="261">
        <v>0</v>
      </c>
      <c r="P27" s="258">
        <v>0</v>
      </c>
      <c r="Q27" s="260">
        <v>0</v>
      </c>
      <c r="R27" s="261">
        <v>0</v>
      </c>
      <c r="S27" s="261">
        <v>0</v>
      </c>
      <c r="T27" s="261">
        <v>2</v>
      </c>
      <c r="U27" s="261">
        <v>2</v>
      </c>
      <c r="V27" s="261">
        <v>0</v>
      </c>
      <c r="W27" s="258">
        <v>4</v>
      </c>
      <c r="X27" s="263">
        <v>4</v>
      </c>
      <c r="Y27" s="257">
        <v>1</v>
      </c>
      <c r="Z27" s="261">
        <v>4</v>
      </c>
      <c r="AA27" s="258">
        <v>5</v>
      </c>
      <c r="AB27" s="260">
        <v>0</v>
      </c>
      <c r="AC27" s="261">
        <v>4</v>
      </c>
      <c r="AD27" s="261">
        <v>4</v>
      </c>
      <c r="AE27" s="261">
        <v>4</v>
      </c>
      <c r="AF27" s="261">
        <v>3</v>
      </c>
      <c r="AG27" s="261">
        <v>1</v>
      </c>
      <c r="AH27" s="258">
        <v>16</v>
      </c>
      <c r="AI27" s="263">
        <v>21</v>
      </c>
      <c r="AJ27" s="257">
        <v>0</v>
      </c>
      <c r="AK27" s="261">
        <v>2</v>
      </c>
      <c r="AL27" s="258">
        <v>2</v>
      </c>
      <c r="AM27" s="260">
        <v>0</v>
      </c>
      <c r="AN27" s="261">
        <v>0</v>
      </c>
      <c r="AO27" s="261">
        <v>0</v>
      </c>
      <c r="AP27" s="261">
        <v>1</v>
      </c>
      <c r="AQ27" s="261">
        <v>0</v>
      </c>
      <c r="AR27" s="261">
        <v>0</v>
      </c>
      <c r="AS27" s="258">
        <v>1</v>
      </c>
      <c r="AT27" s="263">
        <v>3</v>
      </c>
      <c r="AU27" s="257">
        <v>0</v>
      </c>
      <c r="AV27" s="261">
        <v>1</v>
      </c>
      <c r="AW27" s="258">
        <v>1</v>
      </c>
      <c r="AX27" s="260">
        <v>0</v>
      </c>
      <c r="AY27" s="261">
        <v>4</v>
      </c>
      <c r="AZ27" s="261">
        <v>2</v>
      </c>
      <c r="BA27" s="261">
        <v>5</v>
      </c>
      <c r="BB27" s="261">
        <v>4</v>
      </c>
      <c r="BC27" s="261">
        <v>1</v>
      </c>
      <c r="BD27" s="262">
        <v>16</v>
      </c>
      <c r="BE27" s="263">
        <v>17</v>
      </c>
      <c r="BF27" s="257">
        <v>0</v>
      </c>
      <c r="BG27" s="261">
        <v>0</v>
      </c>
      <c r="BH27" s="258">
        <v>0</v>
      </c>
      <c r="BI27" s="260">
        <v>0</v>
      </c>
      <c r="BJ27" s="261">
        <v>5</v>
      </c>
      <c r="BK27" s="261">
        <v>3</v>
      </c>
      <c r="BL27" s="261">
        <v>2</v>
      </c>
      <c r="BM27" s="261">
        <v>3</v>
      </c>
      <c r="BN27" s="261">
        <v>0</v>
      </c>
      <c r="BO27" s="258">
        <v>13</v>
      </c>
      <c r="BP27" s="263">
        <v>13</v>
      </c>
      <c r="BQ27" s="257">
        <v>2</v>
      </c>
      <c r="BR27" s="261">
        <v>1</v>
      </c>
      <c r="BS27" s="258">
        <v>3</v>
      </c>
      <c r="BT27" s="260">
        <v>0</v>
      </c>
      <c r="BU27" s="261">
        <v>2</v>
      </c>
      <c r="BV27" s="261">
        <v>4</v>
      </c>
      <c r="BW27" s="261">
        <v>4</v>
      </c>
      <c r="BX27" s="261">
        <v>2</v>
      </c>
      <c r="BY27" s="261">
        <v>1</v>
      </c>
      <c r="BZ27" s="258">
        <v>13</v>
      </c>
      <c r="CA27" s="263">
        <v>16</v>
      </c>
      <c r="CB27" s="257">
        <v>0</v>
      </c>
      <c r="CC27" s="261">
        <v>0</v>
      </c>
      <c r="CD27" s="258">
        <v>0</v>
      </c>
      <c r="CE27" s="260">
        <v>0</v>
      </c>
      <c r="CF27" s="261">
        <v>4</v>
      </c>
      <c r="CG27" s="261">
        <v>2</v>
      </c>
      <c r="CH27" s="261">
        <v>0</v>
      </c>
      <c r="CI27" s="261">
        <v>1</v>
      </c>
      <c r="CJ27" s="261">
        <v>0</v>
      </c>
      <c r="CK27" s="258">
        <v>7</v>
      </c>
      <c r="CL27" s="263">
        <v>7</v>
      </c>
      <c r="CM27" s="257">
        <v>0</v>
      </c>
      <c r="CN27" s="261">
        <v>0</v>
      </c>
      <c r="CO27" s="258">
        <v>0</v>
      </c>
      <c r="CP27" s="260">
        <v>0</v>
      </c>
      <c r="CQ27" s="261">
        <v>0</v>
      </c>
      <c r="CR27" s="261">
        <v>0</v>
      </c>
      <c r="CS27" s="261">
        <v>1</v>
      </c>
      <c r="CT27" s="261">
        <v>0</v>
      </c>
      <c r="CU27" s="261">
        <v>0</v>
      </c>
      <c r="CV27" s="258">
        <v>1</v>
      </c>
      <c r="CW27" s="263">
        <v>1</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5</v>
      </c>
      <c r="DU27" s="261">
        <v>8</v>
      </c>
      <c r="DV27" s="258">
        <v>13</v>
      </c>
      <c r="DW27" s="260">
        <v>0</v>
      </c>
      <c r="DX27" s="261">
        <v>9</v>
      </c>
      <c r="DY27" s="261">
        <v>9</v>
      </c>
      <c r="DZ27" s="261">
        <v>8</v>
      </c>
      <c r="EA27" s="261">
        <v>5</v>
      </c>
      <c r="EB27" s="261">
        <v>1</v>
      </c>
      <c r="EC27" s="258">
        <v>32</v>
      </c>
      <c r="ED27" s="263">
        <v>45</v>
      </c>
      <c r="EE27" s="257">
        <v>0</v>
      </c>
      <c r="EF27" s="261">
        <v>1</v>
      </c>
      <c r="EG27" s="258">
        <v>1</v>
      </c>
      <c r="EH27" s="260">
        <v>0</v>
      </c>
      <c r="EI27" s="261">
        <v>3</v>
      </c>
      <c r="EJ27" s="261">
        <v>0</v>
      </c>
      <c r="EK27" s="261">
        <v>2</v>
      </c>
      <c r="EL27" s="261">
        <v>2</v>
      </c>
      <c r="EM27" s="261">
        <v>1</v>
      </c>
      <c r="EN27" s="258">
        <v>8</v>
      </c>
      <c r="EO27" s="263">
        <v>9</v>
      </c>
      <c r="EP27" s="257">
        <v>6</v>
      </c>
      <c r="EQ27" s="261">
        <v>9</v>
      </c>
      <c r="ER27" s="258">
        <v>15</v>
      </c>
      <c r="ES27" s="260">
        <v>0</v>
      </c>
      <c r="ET27" s="261">
        <v>25</v>
      </c>
      <c r="EU27" s="261">
        <v>11</v>
      </c>
      <c r="EV27" s="261">
        <v>10</v>
      </c>
      <c r="EW27" s="261">
        <v>5</v>
      </c>
      <c r="EX27" s="261">
        <v>1</v>
      </c>
      <c r="EY27" s="258">
        <v>52</v>
      </c>
      <c r="EZ27" s="263">
        <v>67</v>
      </c>
    </row>
    <row r="28" spans="2:156" ht="21" customHeight="1" x14ac:dyDescent="0.2">
      <c r="B28" s="468" t="s">
        <v>26</v>
      </c>
      <c r="C28" s="257">
        <v>0</v>
      </c>
      <c r="D28" s="261">
        <v>0</v>
      </c>
      <c r="E28" s="356">
        <v>0</v>
      </c>
      <c r="F28" s="260">
        <v>0</v>
      </c>
      <c r="G28" s="261">
        <v>7</v>
      </c>
      <c r="H28" s="261">
        <v>5</v>
      </c>
      <c r="I28" s="261">
        <v>5</v>
      </c>
      <c r="J28" s="261">
        <v>3</v>
      </c>
      <c r="K28" s="261">
        <v>3</v>
      </c>
      <c r="L28" s="262">
        <v>23</v>
      </c>
      <c r="M28" s="263">
        <v>23</v>
      </c>
      <c r="N28" s="257">
        <v>0</v>
      </c>
      <c r="O28" s="261">
        <v>0</v>
      </c>
      <c r="P28" s="258">
        <v>0</v>
      </c>
      <c r="Q28" s="260">
        <v>0</v>
      </c>
      <c r="R28" s="261">
        <v>0</v>
      </c>
      <c r="S28" s="261">
        <v>0</v>
      </c>
      <c r="T28" s="261">
        <v>0</v>
      </c>
      <c r="U28" s="261">
        <v>1</v>
      </c>
      <c r="V28" s="261">
        <v>0</v>
      </c>
      <c r="W28" s="258">
        <v>1</v>
      </c>
      <c r="X28" s="263">
        <v>1</v>
      </c>
      <c r="Y28" s="257">
        <v>1</v>
      </c>
      <c r="Z28" s="261">
        <v>0</v>
      </c>
      <c r="AA28" s="258">
        <v>1</v>
      </c>
      <c r="AB28" s="260">
        <v>0</v>
      </c>
      <c r="AC28" s="261">
        <v>4</v>
      </c>
      <c r="AD28" s="261">
        <v>3</v>
      </c>
      <c r="AE28" s="261">
        <v>1</v>
      </c>
      <c r="AF28" s="261">
        <v>2</v>
      </c>
      <c r="AG28" s="261">
        <v>3</v>
      </c>
      <c r="AH28" s="258">
        <v>13</v>
      </c>
      <c r="AI28" s="263">
        <v>14</v>
      </c>
      <c r="AJ28" s="257">
        <v>0</v>
      </c>
      <c r="AK28" s="261">
        <v>0</v>
      </c>
      <c r="AL28" s="258">
        <v>0</v>
      </c>
      <c r="AM28" s="260">
        <v>0</v>
      </c>
      <c r="AN28" s="261">
        <v>0</v>
      </c>
      <c r="AO28" s="261">
        <v>1</v>
      </c>
      <c r="AP28" s="261">
        <v>0</v>
      </c>
      <c r="AQ28" s="261">
        <v>0</v>
      </c>
      <c r="AR28" s="261">
        <v>0</v>
      </c>
      <c r="AS28" s="258">
        <v>1</v>
      </c>
      <c r="AT28" s="263">
        <v>1</v>
      </c>
      <c r="AU28" s="257">
        <v>2</v>
      </c>
      <c r="AV28" s="261">
        <v>0</v>
      </c>
      <c r="AW28" s="258">
        <v>2</v>
      </c>
      <c r="AX28" s="260">
        <v>0</v>
      </c>
      <c r="AY28" s="261">
        <v>3</v>
      </c>
      <c r="AZ28" s="261">
        <v>2</v>
      </c>
      <c r="BA28" s="261">
        <v>6</v>
      </c>
      <c r="BB28" s="261">
        <v>4</v>
      </c>
      <c r="BC28" s="261">
        <v>4</v>
      </c>
      <c r="BD28" s="262">
        <v>19</v>
      </c>
      <c r="BE28" s="263">
        <v>21</v>
      </c>
      <c r="BF28" s="257">
        <v>0</v>
      </c>
      <c r="BG28" s="261">
        <v>0</v>
      </c>
      <c r="BH28" s="258">
        <v>0</v>
      </c>
      <c r="BI28" s="260">
        <v>0</v>
      </c>
      <c r="BJ28" s="261">
        <v>5</v>
      </c>
      <c r="BK28" s="261">
        <v>7</v>
      </c>
      <c r="BL28" s="261">
        <v>2</v>
      </c>
      <c r="BM28" s="261">
        <v>1</v>
      </c>
      <c r="BN28" s="261">
        <v>0</v>
      </c>
      <c r="BO28" s="258">
        <v>15</v>
      </c>
      <c r="BP28" s="263">
        <v>15</v>
      </c>
      <c r="BQ28" s="257">
        <v>0</v>
      </c>
      <c r="BR28" s="261">
        <v>0</v>
      </c>
      <c r="BS28" s="258">
        <v>0</v>
      </c>
      <c r="BT28" s="260">
        <v>0</v>
      </c>
      <c r="BU28" s="261">
        <v>3</v>
      </c>
      <c r="BV28" s="261">
        <v>2</v>
      </c>
      <c r="BW28" s="261">
        <v>0</v>
      </c>
      <c r="BX28" s="261">
        <v>1</v>
      </c>
      <c r="BY28" s="261">
        <v>0</v>
      </c>
      <c r="BZ28" s="258">
        <v>6</v>
      </c>
      <c r="CA28" s="263">
        <v>6</v>
      </c>
      <c r="CB28" s="257">
        <v>0</v>
      </c>
      <c r="CC28" s="261">
        <v>0</v>
      </c>
      <c r="CD28" s="258">
        <v>0</v>
      </c>
      <c r="CE28" s="260">
        <v>0</v>
      </c>
      <c r="CF28" s="261">
        <v>2</v>
      </c>
      <c r="CG28" s="261">
        <v>3</v>
      </c>
      <c r="CH28" s="261">
        <v>1</v>
      </c>
      <c r="CI28" s="261">
        <v>0</v>
      </c>
      <c r="CJ28" s="261">
        <v>1</v>
      </c>
      <c r="CK28" s="258">
        <v>7</v>
      </c>
      <c r="CL28" s="263">
        <v>7</v>
      </c>
      <c r="CM28" s="257">
        <v>0</v>
      </c>
      <c r="CN28" s="261">
        <v>0</v>
      </c>
      <c r="CO28" s="258">
        <v>0</v>
      </c>
      <c r="CP28" s="260">
        <v>0</v>
      </c>
      <c r="CQ28" s="261">
        <v>0</v>
      </c>
      <c r="CR28" s="261">
        <v>0</v>
      </c>
      <c r="CS28" s="261">
        <v>2</v>
      </c>
      <c r="CT28" s="261">
        <v>1</v>
      </c>
      <c r="CU28" s="261">
        <v>0</v>
      </c>
      <c r="CV28" s="258">
        <v>3</v>
      </c>
      <c r="CW28" s="263">
        <v>3</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7</v>
      </c>
      <c r="DU28" s="261">
        <v>9</v>
      </c>
      <c r="DV28" s="258">
        <v>16</v>
      </c>
      <c r="DW28" s="260">
        <v>0</v>
      </c>
      <c r="DX28" s="261">
        <v>16</v>
      </c>
      <c r="DY28" s="261">
        <v>11</v>
      </c>
      <c r="DZ28" s="261">
        <v>5</v>
      </c>
      <c r="EA28" s="261">
        <v>5</v>
      </c>
      <c r="EB28" s="261">
        <v>4</v>
      </c>
      <c r="EC28" s="258">
        <v>41</v>
      </c>
      <c r="ED28" s="263">
        <v>57</v>
      </c>
      <c r="EE28" s="257">
        <v>1</v>
      </c>
      <c r="EF28" s="261">
        <v>0</v>
      </c>
      <c r="EG28" s="258">
        <v>1</v>
      </c>
      <c r="EH28" s="260">
        <v>0</v>
      </c>
      <c r="EI28" s="261">
        <v>1</v>
      </c>
      <c r="EJ28" s="261">
        <v>0</v>
      </c>
      <c r="EK28" s="261">
        <v>3</v>
      </c>
      <c r="EL28" s="261">
        <v>0</v>
      </c>
      <c r="EM28" s="261">
        <v>0</v>
      </c>
      <c r="EN28" s="258">
        <v>4</v>
      </c>
      <c r="EO28" s="263">
        <v>5</v>
      </c>
      <c r="EP28" s="257">
        <v>8</v>
      </c>
      <c r="EQ28" s="261">
        <v>9</v>
      </c>
      <c r="ER28" s="258">
        <v>17</v>
      </c>
      <c r="ES28" s="260">
        <v>0</v>
      </c>
      <c r="ET28" s="261">
        <v>22</v>
      </c>
      <c r="EU28" s="261">
        <v>17</v>
      </c>
      <c r="EV28" s="261">
        <v>12</v>
      </c>
      <c r="EW28" s="261">
        <v>5</v>
      </c>
      <c r="EX28" s="261">
        <v>3</v>
      </c>
      <c r="EY28" s="258">
        <v>59</v>
      </c>
      <c r="EZ28" s="263">
        <v>76</v>
      </c>
    </row>
    <row r="29" spans="2:156" ht="21" customHeight="1" x14ac:dyDescent="0.2">
      <c r="B29" s="468" t="s">
        <v>27</v>
      </c>
      <c r="C29" s="257">
        <v>0</v>
      </c>
      <c r="D29" s="261">
        <v>0</v>
      </c>
      <c r="E29" s="356">
        <v>0</v>
      </c>
      <c r="F29" s="260">
        <v>0</v>
      </c>
      <c r="G29" s="261">
        <v>4</v>
      </c>
      <c r="H29" s="261">
        <v>5</v>
      </c>
      <c r="I29" s="261">
        <v>2</v>
      </c>
      <c r="J29" s="261">
        <v>3</v>
      </c>
      <c r="K29" s="261">
        <v>3</v>
      </c>
      <c r="L29" s="262">
        <v>17</v>
      </c>
      <c r="M29" s="263">
        <v>17</v>
      </c>
      <c r="N29" s="257">
        <v>0</v>
      </c>
      <c r="O29" s="261">
        <v>0</v>
      </c>
      <c r="P29" s="258">
        <v>0</v>
      </c>
      <c r="Q29" s="260">
        <v>0</v>
      </c>
      <c r="R29" s="261">
        <v>0</v>
      </c>
      <c r="S29" s="261">
        <v>1</v>
      </c>
      <c r="T29" s="261">
        <v>0</v>
      </c>
      <c r="U29" s="261">
        <v>0</v>
      </c>
      <c r="V29" s="261">
        <v>0</v>
      </c>
      <c r="W29" s="258">
        <v>1</v>
      </c>
      <c r="X29" s="263">
        <v>1</v>
      </c>
      <c r="Y29" s="257">
        <v>1</v>
      </c>
      <c r="Z29" s="261">
        <v>4</v>
      </c>
      <c r="AA29" s="258">
        <v>5</v>
      </c>
      <c r="AB29" s="260">
        <v>0</v>
      </c>
      <c r="AC29" s="261">
        <v>4</v>
      </c>
      <c r="AD29" s="261">
        <v>7</v>
      </c>
      <c r="AE29" s="261">
        <v>3</v>
      </c>
      <c r="AF29" s="261">
        <v>3</v>
      </c>
      <c r="AG29" s="261">
        <v>3</v>
      </c>
      <c r="AH29" s="258">
        <v>20</v>
      </c>
      <c r="AI29" s="263">
        <v>25</v>
      </c>
      <c r="AJ29" s="257">
        <v>0</v>
      </c>
      <c r="AK29" s="261">
        <v>0</v>
      </c>
      <c r="AL29" s="258">
        <v>0</v>
      </c>
      <c r="AM29" s="260">
        <v>0</v>
      </c>
      <c r="AN29" s="261">
        <v>0</v>
      </c>
      <c r="AO29" s="261">
        <v>1</v>
      </c>
      <c r="AP29" s="261">
        <v>0</v>
      </c>
      <c r="AQ29" s="261">
        <v>0</v>
      </c>
      <c r="AR29" s="261">
        <v>0</v>
      </c>
      <c r="AS29" s="258">
        <v>1</v>
      </c>
      <c r="AT29" s="263">
        <v>1</v>
      </c>
      <c r="AU29" s="257">
        <v>1</v>
      </c>
      <c r="AV29" s="261">
        <v>1</v>
      </c>
      <c r="AW29" s="258">
        <v>2</v>
      </c>
      <c r="AX29" s="260">
        <v>0</v>
      </c>
      <c r="AY29" s="261">
        <v>5</v>
      </c>
      <c r="AZ29" s="261">
        <v>7</v>
      </c>
      <c r="BA29" s="261">
        <v>4</v>
      </c>
      <c r="BB29" s="261">
        <v>6</v>
      </c>
      <c r="BC29" s="261">
        <v>4</v>
      </c>
      <c r="BD29" s="262">
        <v>26</v>
      </c>
      <c r="BE29" s="263">
        <v>28</v>
      </c>
      <c r="BF29" s="257">
        <v>0</v>
      </c>
      <c r="BG29" s="261">
        <v>0</v>
      </c>
      <c r="BH29" s="258">
        <v>0</v>
      </c>
      <c r="BI29" s="260">
        <v>0</v>
      </c>
      <c r="BJ29" s="261">
        <v>6</v>
      </c>
      <c r="BK29" s="261">
        <v>5</v>
      </c>
      <c r="BL29" s="261">
        <v>5</v>
      </c>
      <c r="BM29" s="261">
        <v>5</v>
      </c>
      <c r="BN29" s="261">
        <v>1</v>
      </c>
      <c r="BO29" s="258">
        <v>22</v>
      </c>
      <c r="BP29" s="263">
        <v>22</v>
      </c>
      <c r="BQ29" s="257">
        <v>0</v>
      </c>
      <c r="BR29" s="261">
        <v>2</v>
      </c>
      <c r="BS29" s="258">
        <v>2</v>
      </c>
      <c r="BT29" s="260">
        <v>0</v>
      </c>
      <c r="BU29" s="261">
        <v>3</v>
      </c>
      <c r="BV29" s="261">
        <v>3</v>
      </c>
      <c r="BW29" s="261">
        <v>2</v>
      </c>
      <c r="BX29" s="261">
        <v>0</v>
      </c>
      <c r="BY29" s="261">
        <v>0</v>
      </c>
      <c r="BZ29" s="258">
        <v>8</v>
      </c>
      <c r="CA29" s="263">
        <v>10</v>
      </c>
      <c r="CB29" s="257">
        <v>1</v>
      </c>
      <c r="CC29" s="261">
        <v>0</v>
      </c>
      <c r="CD29" s="258">
        <v>1</v>
      </c>
      <c r="CE29" s="260">
        <v>0</v>
      </c>
      <c r="CF29" s="261">
        <v>0</v>
      </c>
      <c r="CG29" s="261">
        <v>0</v>
      </c>
      <c r="CH29" s="261">
        <v>2</v>
      </c>
      <c r="CI29" s="261">
        <v>1</v>
      </c>
      <c r="CJ29" s="261">
        <v>0</v>
      </c>
      <c r="CK29" s="258">
        <v>3</v>
      </c>
      <c r="CL29" s="263">
        <v>4</v>
      </c>
      <c r="CM29" s="257">
        <v>0</v>
      </c>
      <c r="CN29" s="261">
        <v>0</v>
      </c>
      <c r="CO29" s="258">
        <v>0</v>
      </c>
      <c r="CP29" s="260">
        <v>0</v>
      </c>
      <c r="CQ29" s="261">
        <v>0</v>
      </c>
      <c r="CR29" s="261">
        <v>0</v>
      </c>
      <c r="CS29" s="261">
        <v>1</v>
      </c>
      <c r="CT29" s="261">
        <v>0</v>
      </c>
      <c r="CU29" s="261">
        <v>0</v>
      </c>
      <c r="CV29" s="258">
        <v>1</v>
      </c>
      <c r="CW29" s="263">
        <v>1</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8</v>
      </c>
      <c r="DU29" s="261">
        <v>12</v>
      </c>
      <c r="DV29" s="258">
        <v>20</v>
      </c>
      <c r="DW29" s="260">
        <v>0</v>
      </c>
      <c r="DX29" s="261">
        <v>5</v>
      </c>
      <c r="DY29" s="261">
        <v>15</v>
      </c>
      <c r="DZ29" s="261">
        <v>9</v>
      </c>
      <c r="EA29" s="261">
        <v>4</v>
      </c>
      <c r="EB29" s="261">
        <v>4</v>
      </c>
      <c r="EC29" s="258">
        <v>37</v>
      </c>
      <c r="ED29" s="263">
        <v>57</v>
      </c>
      <c r="EE29" s="257">
        <v>1</v>
      </c>
      <c r="EF29" s="261">
        <v>0</v>
      </c>
      <c r="EG29" s="258">
        <v>1</v>
      </c>
      <c r="EH29" s="260">
        <v>0</v>
      </c>
      <c r="EI29" s="261">
        <v>2</v>
      </c>
      <c r="EJ29" s="261">
        <v>0</v>
      </c>
      <c r="EK29" s="261">
        <v>0</v>
      </c>
      <c r="EL29" s="261">
        <v>3</v>
      </c>
      <c r="EM29" s="261">
        <v>0</v>
      </c>
      <c r="EN29" s="258">
        <v>5</v>
      </c>
      <c r="EO29" s="263">
        <v>6</v>
      </c>
      <c r="EP29" s="257">
        <v>9</v>
      </c>
      <c r="EQ29" s="261">
        <v>15</v>
      </c>
      <c r="ER29" s="258">
        <v>24</v>
      </c>
      <c r="ES29" s="260">
        <v>0</v>
      </c>
      <c r="ET29" s="261">
        <v>11</v>
      </c>
      <c r="EU29" s="261">
        <v>15</v>
      </c>
      <c r="EV29" s="261">
        <v>9</v>
      </c>
      <c r="EW29" s="261">
        <v>5</v>
      </c>
      <c r="EX29" s="261">
        <v>4</v>
      </c>
      <c r="EY29" s="258">
        <v>44</v>
      </c>
      <c r="EZ29" s="263">
        <v>68</v>
      </c>
    </row>
    <row r="30" spans="2:156" ht="21" customHeight="1" x14ac:dyDescent="0.2">
      <c r="B30" s="468" t="s">
        <v>28</v>
      </c>
      <c r="C30" s="257">
        <v>0</v>
      </c>
      <c r="D30" s="261">
        <v>0</v>
      </c>
      <c r="E30" s="356">
        <v>0</v>
      </c>
      <c r="F30" s="260">
        <v>0</v>
      </c>
      <c r="G30" s="261">
        <v>0</v>
      </c>
      <c r="H30" s="261">
        <v>0</v>
      </c>
      <c r="I30" s="261">
        <v>2</v>
      </c>
      <c r="J30" s="261">
        <v>0</v>
      </c>
      <c r="K30" s="261">
        <v>0</v>
      </c>
      <c r="L30" s="262">
        <v>2</v>
      </c>
      <c r="M30" s="263">
        <v>2</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1</v>
      </c>
      <c r="AD30" s="261">
        <v>0</v>
      </c>
      <c r="AE30" s="261">
        <v>1</v>
      </c>
      <c r="AF30" s="261">
        <v>0</v>
      </c>
      <c r="AG30" s="261">
        <v>0</v>
      </c>
      <c r="AH30" s="258">
        <v>2</v>
      </c>
      <c r="AI30" s="263">
        <v>2</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1</v>
      </c>
      <c r="BA30" s="261">
        <v>2</v>
      </c>
      <c r="BB30" s="261">
        <v>0</v>
      </c>
      <c r="BC30" s="261">
        <v>1</v>
      </c>
      <c r="BD30" s="262">
        <v>7</v>
      </c>
      <c r="BE30" s="263">
        <v>7</v>
      </c>
      <c r="BF30" s="257">
        <v>0</v>
      </c>
      <c r="BG30" s="261">
        <v>0</v>
      </c>
      <c r="BH30" s="258">
        <v>0</v>
      </c>
      <c r="BI30" s="260">
        <v>0</v>
      </c>
      <c r="BJ30" s="261">
        <v>0</v>
      </c>
      <c r="BK30" s="261">
        <v>4</v>
      </c>
      <c r="BL30" s="261">
        <v>0</v>
      </c>
      <c r="BM30" s="261">
        <v>0</v>
      </c>
      <c r="BN30" s="261">
        <v>0</v>
      </c>
      <c r="BO30" s="258">
        <v>4</v>
      </c>
      <c r="BP30" s="263">
        <v>4</v>
      </c>
      <c r="BQ30" s="257">
        <v>0</v>
      </c>
      <c r="BR30" s="261">
        <v>0</v>
      </c>
      <c r="BS30" s="258">
        <v>0</v>
      </c>
      <c r="BT30" s="260">
        <v>0</v>
      </c>
      <c r="BU30" s="261">
        <v>1</v>
      </c>
      <c r="BV30" s="261">
        <v>0</v>
      </c>
      <c r="BW30" s="261">
        <v>1</v>
      </c>
      <c r="BX30" s="261">
        <v>0</v>
      </c>
      <c r="BY30" s="261">
        <v>0</v>
      </c>
      <c r="BZ30" s="258">
        <v>2</v>
      </c>
      <c r="CA30" s="263">
        <v>2</v>
      </c>
      <c r="CB30" s="257">
        <v>0</v>
      </c>
      <c r="CC30" s="261">
        <v>0</v>
      </c>
      <c r="CD30" s="258">
        <v>0</v>
      </c>
      <c r="CE30" s="260">
        <v>0</v>
      </c>
      <c r="CF30" s="261">
        <v>0</v>
      </c>
      <c r="CG30" s="261">
        <v>1</v>
      </c>
      <c r="CH30" s="261">
        <v>0</v>
      </c>
      <c r="CI30" s="261">
        <v>0</v>
      </c>
      <c r="CJ30" s="261">
        <v>0</v>
      </c>
      <c r="CK30" s="258">
        <v>1</v>
      </c>
      <c r="CL30" s="263">
        <v>1</v>
      </c>
      <c r="CM30" s="257">
        <v>0</v>
      </c>
      <c r="CN30" s="261">
        <v>0</v>
      </c>
      <c r="CO30" s="258">
        <v>0</v>
      </c>
      <c r="CP30" s="260">
        <v>0</v>
      </c>
      <c r="CQ30" s="261">
        <v>0</v>
      </c>
      <c r="CR30" s="261">
        <v>1</v>
      </c>
      <c r="CS30" s="261">
        <v>1</v>
      </c>
      <c r="CT30" s="261">
        <v>0</v>
      </c>
      <c r="CU30" s="261">
        <v>0</v>
      </c>
      <c r="CV30" s="258">
        <v>2</v>
      </c>
      <c r="CW30" s="263">
        <v>2</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0</v>
      </c>
      <c r="DV30" s="258">
        <v>0</v>
      </c>
      <c r="DW30" s="260">
        <v>0</v>
      </c>
      <c r="DX30" s="261">
        <v>3</v>
      </c>
      <c r="DY30" s="261">
        <v>5</v>
      </c>
      <c r="DZ30" s="261">
        <v>2</v>
      </c>
      <c r="EA30" s="261">
        <v>0</v>
      </c>
      <c r="EB30" s="261">
        <v>0</v>
      </c>
      <c r="EC30" s="258">
        <v>10</v>
      </c>
      <c r="ED30" s="263">
        <v>10</v>
      </c>
      <c r="EE30" s="257">
        <v>0</v>
      </c>
      <c r="EF30" s="261">
        <v>0</v>
      </c>
      <c r="EG30" s="258">
        <v>0</v>
      </c>
      <c r="EH30" s="260">
        <v>0</v>
      </c>
      <c r="EI30" s="261">
        <v>3</v>
      </c>
      <c r="EJ30" s="261">
        <v>0</v>
      </c>
      <c r="EK30" s="261">
        <v>1</v>
      </c>
      <c r="EL30" s="261">
        <v>0</v>
      </c>
      <c r="EM30" s="261">
        <v>0</v>
      </c>
      <c r="EN30" s="258">
        <v>4</v>
      </c>
      <c r="EO30" s="263">
        <v>4</v>
      </c>
      <c r="EP30" s="257">
        <v>0</v>
      </c>
      <c r="EQ30" s="261">
        <v>0</v>
      </c>
      <c r="ER30" s="258">
        <v>0</v>
      </c>
      <c r="ES30" s="260">
        <v>0</v>
      </c>
      <c r="ET30" s="261">
        <v>7</v>
      </c>
      <c r="EU30" s="261">
        <v>7</v>
      </c>
      <c r="EV30" s="261">
        <v>3</v>
      </c>
      <c r="EW30" s="261">
        <v>0</v>
      </c>
      <c r="EX30" s="261">
        <v>0</v>
      </c>
      <c r="EY30" s="258">
        <v>17</v>
      </c>
      <c r="EZ30" s="263">
        <v>17</v>
      </c>
    </row>
    <row r="31" spans="2:156" ht="21" customHeight="1" x14ac:dyDescent="0.2">
      <c r="B31" s="468" t="s">
        <v>29</v>
      </c>
      <c r="C31" s="257">
        <v>0</v>
      </c>
      <c r="D31" s="261">
        <v>0</v>
      </c>
      <c r="E31" s="356">
        <v>0</v>
      </c>
      <c r="F31" s="260">
        <v>0</v>
      </c>
      <c r="G31" s="261">
        <v>0</v>
      </c>
      <c r="H31" s="261">
        <v>2</v>
      </c>
      <c r="I31" s="261">
        <v>0</v>
      </c>
      <c r="J31" s="261">
        <v>1</v>
      </c>
      <c r="K31" s="261">
        <v>1</v>
      </c>
      <c r="L31" s="262">
        <v>4</v>
      </c>
      <c r="M31" s="263">
        <v>4</v>
      </c>
      <c r="N31" s="257">
        <v>0</v>
      </c>
      <c r="O31" s="261">
        <v>0</v>
      </c>
      <c r="P31" s="258">
        <v>0</v>
      </c>
      <c r="Q31" s="260">
        <v>0</v>
      </c>
      <c r="R31" s="261">
        <v>0</v>
      </c>
      <c r="S31" s="261">
        <v>0</v>
      </c>
      <c r="T31" s="261">
        <v>0</v>
      </c>
      <c r="U31" s="261">
        <v>0</v>
      </c>
      <c r="V31" s="261">
        <v>0</v>
      </c>
      <c r="W31" s="258">
        <v>0</v>
      </c>
      <c r="X31" s="263">
        <v>0</v>
      </c>
      <c r="Y31" s="257">
        <v>0</v>
      </c>
      <c r="Z31" s="261">
        <v>1</v>
      </c>
      <c r="AA31" s="258">
        <v>1</v>
      </c>
      <c r="AB31" s="260">
        <v>0</v>
      </c>
      <c r="AC31" s="261">
        <v>1</v>
      </c>
      <c r="AD31" s="261">
        <v>1</v>
      </c>
      <c r="AE31" s="261">
        <v>1</v>
      </c>
      <c r="AF31" s="261">
        <v>1</v>
      </c>
      <c r="AG31" s="261">
        <v>0</v>
      </c>
      <c r="AH31" s="258">
        <v>4</v>
      </c>
      <c r="AI31" s="263">
        <v>5</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2</v>
      </c>
      <c r="BA31" s="261">
        <v>2</v>
      </c>
      <c r="BB31" s="261">
        <v>0</v>
      </c>
      <c r="BC31" s="261">
        <v>2</v>
      </c>
      <c r="BD31" s="262">
        <v>6</v>
      </c>
      <c r="BE31" s="263">
        <v>6</v>
      </c>
      <c r="BF31" s="257">
        <v>0</v>
      </c>
      <c r="BG31" s="261">
        <v>0</v>
      </c>
      <c r="BH31" s="258">
        <v>0</v>
      </c>
      <c r="BI31" s="260">
        <v>0</v>
      </c>
      <c r="BJ31" s="261">
        <v>0</v>
      </c>
      <c r="BK31" s="261">
        <v>3</v>
      </c>
      <c r="BL31" s="261">
        <v>2</v>
      </c>
      <c r="BM31" s="261">
        <v>0</v>
      </c>
      <c r="BN31" s="261">
        <v>0</v>
      </c>
      <c r="BO31" s="258">
        <v>5</v>
      </c>
      <c r="BP31" s="263">
        <v>5</v>
      </c>
      <c r="BQ31" s="257">
        <v>1</v>
      </c>
      <c r="BR31" s="261">
        <v>0</v>
      </c>
      <c r="BS31" s="258">
        <v>1</v>
      </c>
      <c r="BT31" s="260">
        <v>0</v>
      </c>
      <c r="BU31" s="261">
        <v>0</v>
      </c>
      <c r="BV31" s="261">
        <v>0</v>
      </c>
      <c r="BW31" s="261">
        <v>0</v>
      </c>
      <c r="BX31" s="261">
        <v>0</v>
      </c>
      <c r="BY31" s="261">
        <v>0</v>
      </c>
      <c r="BZ31" s="258">
        <v>0</v>
      </c>
      <c r="CA31" s="263">
        <v>1</v>
      </c>
      <c r="CB31" s="257">
        <v>1</v>
      </c>
      <c r="CC31" s="261">
        <v>0</v>
      </c>
      <c r="CD31" s="258">
        <v>1</v>
      </c>
      <c r="CE31" s="260">
        <v>0</v>
      </c>
      <c r="CF31" s="261">
        <v>0</v>
      </c>
      <c r="CG31" s="261">
        <v>0</v>
      </c>
      <c r="CH31" s="261">
        <v>2</v>
      </c>
      <c r="CI31" s="261">
        <v>0</v>
      </c>
      <c r="CJ31" s="261">
        <v>0</v>
      </c>
      <c r="CK31" s="258">
        <v>2</v>
      </c>
      <c r="CL31" s="263">
        <v>3</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3</v>
      </c>
      <c r="DU31" s="261">
        <v>0</v>
      </c>
      <c r="DV31" s="258">
        <v>3</v>
      </c>
      <c r="DW31" s="260">
        <v>0</v>
      </c>
      <c r="DX31" s="261">
        <v>0</v>
      </c>
      <c r="DY31" s="261">
        <v>3</v>
      </c>
      <c r="DZ31" s="261">
        <v>5</v>
      </c>
      <c r="EA31" s="261">
        <v>1</v>
      </c>
      <c r="EB31" s="261">
        <v>1</v>
      </c>
      <c r="EC31" s="258">
        <v>10</v>
      </c>
      <c r="ED31" s="263">
        <v>13</v>
      </c>
      <c r="EE31" s="257">
        <v>0</v>
      </c>
      <c r="EF31" s="261">
        <v>0</v>
      </c>
      <c r="EG31" s="258">
        <v>0</v>
      </c>
      <c r="EH31" s="260">
        <v>0</v>
      </c>
      <c r="EI31" s="261">
        <v>0</v>
      </c>
      <c r="EJ31" s="261">
        <v>1</v>
      </c>
      <c r="EK31" s="261">
        <v>1</v>
      </c>
      <c r="EL31" s="261">
        <v>0</v>
      </c>
      <c r="EM31" s="261">
        <v>1</v>
      </c>
      <c r="EN31" s="258">
        <v>3</v>
      </c>
      <c r="EO31" s="263">
        <v>3</v>
      </c>
      <c r="EP31" s="257">
        <v>6</v>
      </c>
      <c r="EQ31" s="261">
        <v>1</v>
      </c>
      <c r="ER31" s="258">
        <v>7</v>
      </c>
      <c r="ES31" s="260">
        <v>0</v>
      </c>
      <c r="ET31" s="261">
        <v>1</v>
      </c>
      <c r="EU31" s="261">
        <v>4</v>
      </c>
      <c r="EV31" s="261">
        <v>4</v>
      </c>
      <c r="EW31" s="261">
        <v>1</v>
      </c>
      <c r="EX31" s="261">
        <v>1</v>
      </c>
      <c r="EY31" s="258">
        <v>11</v>
      </c>
      <c r="EZ31" s="263">
        <v>18</v>
      </c>
    </row>
    <row r="32" spans="2:156" ht="21" customHeight="1" x14ac:dyDescent="0.2">
      <c r="B32" s="468" t="s">
        <v>30</v>
      </c>
      <c r="C32" s="257">
        <v>0</v>
      </c>
      <c r="D32" s="261">
        <v>0</v>
      </c>
      <c r="E32" s="356">
        <v>0</v>
      </c>
      <c r="F32" s="260">
        <v>0</v>
      </c>
      <c r="G32" s="261">
        <v>2</v>
      </c>
      <c r="H32" s="261">
        <v>2</v>
      </c>
      <c r="I32" s="261">
        <v>0</v>
      </c>
      <c r="J32" s="261">
        <v>1</v>
      </c>
      <c r="K32" s="261">
        <v>0</v>
      </c>
      <c r="L32" s="262">
        <v>5</v>
      </c>
      <c r="M32" s="263">
        <v>5</v>
      </c>
      <c r="N32" s="257">
        <v>0</v>
      </c>
      <c r="O32" s="261">
        <v>0</v>
      </c>
      <c r="P32" s="258">
        <v>0</v>
      </c>
      <c r="Q32" s="260">
        <v>0</v>
      </c>
      <c r="R32" s="261">
        <v>0</v>
      </c>
      <c r="S32" s="261">
        <v>0</v>
      </c>
      <c r="T32" s="261">
        <v>0</v>
      </c>
      <c r="U32" s="261">
        <v>0</v>
      </c>
      <c r="V32" s="261">
        <v>0</v>
      </c>
      <c r="W32" s="258">
        <v>0</v>
      </c>
      <c r="X32" s="263">
        <v>0</v>
      </c>
      <c r="Y32" s="257">
        <v>0</v>
      </c>
      <c r="Z32" s="261">
        <v>1</v>
      </c>
      <c r="AA32" s="258">
        <v>1</v>
      </c>
      <c r="AB32" s="260">
        <v>0</v>
      </c>
      <c r="AC32" s="261">
        <v>2</v>
      </c>
      <c r="AD32" s="261">
        <v>0</v>
      </c>
      <c r="AE32" s="261">
        <v>1</v>
      </c>
      <c r="AF32" s="261">
        <v>1</v>
      </c>
      <c r="AG32" s="261">
        <v>0</v>
      </c>
      <c r="AH32" s="258">
        <v>4</v>
      </c>
      <c r="AI32" s="263">
        <v>5</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2</v>
      </c>
      <c r="BA32" s="261">
        <v>0</v>
      </c>
      <c r="BB32" s="261">
        <v>2</v>
      </c>
      <c r="BC32" s="261">
        <v>0</v>
      </c>
      <c r="BD32" s="262">
        <v>6</v>
      </c>
      <c r="BE32" s="263">
        <v>6</v>
      </c>
      <c r="BF32" s="257">
        <v>0</v>
      </c>
      <c r="BG32" s="261">
        <v>0</v>
      </c>
      <c r="BH32" s="258">
        <v>0</v>
      </c>
      <c r="BI32" s="260">
        <v>0</v>
      </c>
      <c r="BJ32" s="261">
        <v>0</v>
      </c>
      <c r="BK32" s="261">
        <v>2</v>
      </c>
      <c r="BL32" s="261">
        <v>0</v>
      </c>
      <c r="BM32" s="261">
        <v>1</v>
      </c>
      <c r="BN32" s="261">
        <v>0</v>
      </c>
      <c r="BO32" s="258">
        <v>3</v>
      </c>
      <c r="BP32" s="263">
        <v>3</v>
      </c>
      <c r="BQ32" s="257">
        <v>1</v>
      </c>
      <c r="BR32" s="261">
        <v>0</v>
      </c>
      <c r="BS32" s="258">
        <v>1</v>
      </c>
      <c r="BT32" s="260">
        <v>0</v>
      </c>
      <c r="BU32" s="261">
        <v>0</v>
      </c>
      <c r="BV32" s="261">
        <v>0</v>
      </c>
      <c r="BW32" s="261">
        <v>0</v>
      </c>
      <c r="BX32" s="261">
        <v>0</v>
      </c>
      <c r="BY32" s="261">
        <v>0</v>
      </c>
      <c r="BZ32" s="258">
        <v>0</v>
      </c>
      <c r="CA32" s="263">
        <v>1</v>
      </c>
      <c r="CB32" s="257">
        <v>0</v>
      </c>
      <c r="CC32" s="261">
        <v>0</v>
      </c>
      <c r="CD32" s="258">
        <v>0</v>
      </c>
      <c r="CE32" s="260">
        <v>0</v>
      </c>
      <c r="CF32" s="261">
        <v>0</v>
      </c>
      <c r="CG32" s="261">
        <v>0</v>
      </c>
      <c r="CH32" s="261">
        <v>0</v>
      </c>
      <c r="CI32" s="261">
        <v>1</v>
      </c>
      <c r="CJ32" s="261">
        <v>0</v>
      </c>
      <c r="CK32" s="258">
        <v>1</v>
      </c>
      <c r="CL32" s="263">
        <v>1</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2</v>
      </c>
      <c r="DU32" s="261">
        <v>1</v>
      </c>
      <c r="DV32" s="258">
        <v>3</v>
      </c>
      <c r="DW32" s="260">
        <v>0</v>
      </c>
      <c r="DX32" s="261">
        <v>1</v>
      </c>
      <c r="DY32" s="261">
        <v>2</v>
      </c>
      <c r="DZ32" s="261">
        <v>2</v>
      </c>
      <c r="EA32" s="261">
        <v>1</v>
      </c>
      <c r="EB32" s="261">
        <v>0</v>
      </c>
      <c r="EC32" s="258">
        <v>6</v>
      </c>
      <c r="ED32" s="263">
        <v>9</v>
      </c>
      <c r="EE32" s="257">
        <v>0</v>
      </c>
      <c r="EF32" s="261">
        <v>0</v>
      </c>
      <c r="EG32" s="258">
        <v>0</v>
      </c>
      <c r="EH32" s="260">
        <v>0</v>
      </c>
      <c r="EI32" s="261">
        <v>1</v>
      </c>
      <c r="EJ32" s="261">
        <v>1</v>
      </c>
      <c r="EK32" s="261">
        <v>0</v>
      </c>
      <c r="EL32" s="261">
        <v>0</v>
      </c>
      <c r="EM32" s="261">
        <v>0</v>
      </c>
      <c r="EN32" s="258">
        <v>2</v>
      </c>
      <c r="EO32" s="263">
        <v>2</v>
      </c>
      <c r="EP32" s="257">
        <v>3</v>
      </c>
      <c r="EQ32" s="261">
        <v>2</v>
      </c>
      <c r="ER32" s="258">
        <v>5</v>
      </c>
      <c r="ES32" s="260">
        <v>0</v>
      </c>
      <c r="ET32" s="261">
        <v>3</v>
      </c>
      <c r="EU32" s="261">
        <v>2</v>
      </c>
      <c r="EV32" s="261">
        <v>2</v>
      </c>
      <c r="EW32" s="261">
        <v>1</v>
      </c>
      <c r="EX32" s="261">
        <v>0</v>
      </c>
      <c r="EY32" s="258">
        <v>8</v>
      </c>
      <c r="EZ32" s="263">
        <v>13</v>
      </c>
    </row>
    <row r="33" spans="2:156" ht="21" customHeight="1" x14ac:dyDescent="0.2">
      <c r="B33" s="468" t="s">
        <v>31</v>
      </c>
      <c r="C33" s="257">
        <v>0</v>
      </c>
      <c r="D33" s="261">
        <v>0</v>
      </c>
      <c r="E33" s="356">
        <v>0</v>
      </c>
      <c r="F33" s="260">
        <v>0</v>
      </c>
      <c r="G33" s="261">
        <v>0</v>
      </c>
      <c r="H33" s="261">
        <v>0</v>
      </c>
      <c r="I33" s="261">
        <v>0</v>
      </c>
      <c r="J33" s="261">
        <v>0</v>
      </c>
      <c r="K33" s="261">
        <v>0</v>
      </c>
      <c r="L33" s="262">
        <v>0</v>
      </c>
      <c r="M33" s="263">
        <v>0</v>
      </c>
      <c r="N33" s="257">
        <v>0</v>
      </c>
      <c r="O33" s="261">
        <v>0</v>
      </c>
      <c r="P33" s="258">
        <v>0</v>
      </c>
      <c r="Q33" s="260">
        <v>0</v>
      </c>
      <c r="R33" s="261">
        <v>0</v>
      </c>
      <c r="S33" s="261">
        <v>1</v>
      </c>
      <c r="T33" s="261">
        <v>0</v>
      </c>
      <c r="U33" s="261">
        <v>0</v>
      </c>
      <c r="V33" s="261">
        <v>0</v>
      </c>
      <c r="W33" s="258">
        <v>1</v>
      </c>
      <c r="X33" s="263">
        <v>1</v>
      </c>
      <c r="Y33" s="257">
        <v>0</v>
      </c>
      <c r="Z33" s="261">
        <v>0</v>
      </c>
      <c r="AA33" s="258">
        <v>0</v>
      </c>
      <c r="AB33" s="260">
        <v>0</v>
      </c>
      <c r="AC33" s="261">
        <v>0</v>
      </c>
      <c r="AD33" s="261">
        <v>0</v>
      </c>
      <c r="AE33" s="261">
        <v>1</v>
      </c>
      <c r="AF33" s="261">
        <v>0</v>
      </c>
      <c r="AG33" s="261">
        <v>0</v>
      </c>
      <c r="AH33" s="258">
        <v>1</v>
      </c>
      <c r="AI33" s="263">
        <v>1</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1</v>
      </c>
      <c r="BC33" s="261">
        <v>1</v>
      </c>
      <c r="BD33" s="262">
        <v>3</v>
      </c>
      <c r="BE33" s="263">
        <v>3</v>
      </c>
      <c r="BF33" s="257">
        <v>0</v>
      </c>
      <c r="BG33" s="261">
        <v>0</v>
      </c>
      <c r="BH33" s="258">
        <v>0</v>
      </c>
      <c r="BI33" s="260">
        <v>0</v>
      </c>
      <c r="BJ33" s="261">
        <v>2</v>
      </c>
      <c r="BK33" s="261">
        <v>1</v>
      </c>
      <c r="BL33" s="261">
        <v>0</v>
      </c>
      <c r="BM33" s="261">
        <v>0</v>
      </c>
      <c r="BN33" s="261">
        <v>0</v>
      </c>
      <c r="BO33" s="258">
        <v>3</v>
      </c>
      <c r="BP33" s="263">
        <v>3</v>
      </c>
      <c r="BQ33" s="257">
        <v>0</v>
      </c>
      <c r="BR33" s="261">
        <v>0</v>
      </c>
      <c r="BS33" s="258">
        <v>0</v>
      </c>
      <c r="BT33" s="260">
        <v>0</v>
      </c>
      <c r="BU33" s="261">
        <v>1</v>
      </c>
      <c r="BV33" s="261">
        <v>1</v>
      </c>
      <c r="BW33" s="261">
        <v>1</v>
      </c>
      <c r="BX33" s="261">
        <v>0</v>
      </c>
      <c r="BY33" s="261">
        <v>0</v>
      </c>
      <c r="BZ33" s="258">
        <v>3</v>
      </c>
      <c r="CA33" s="263">
        <v>3</v>
      </c>
      <c r="CB33" s="257">
        <v>0</v>
      </c>
      <c r="CC33" s="261">
        <v>0</v>
      </c>
      <c r="CD33" s="258">
        <v>0</v>
      </c>
      <c r="CE33" s="260">
        <v>0</v>
      </c>
      <c r="CF33" s="261">
        <v>0</v>
      </c>
      <c r="CG33" s="261">
        <v>0</v>
      </c>
      <c r="CH33" s="261">
        <v>0</v>
      </c>
      <c r="CI33" s="261">
        <v>1</v>
      </c>
      <c r="CJ33" s="261">
        <v>0</v>
      </c>
      <c r="CK33" s="258">
        <v>1</v>
      </c>
      <c r="CL33" s="263">
        <v>1</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0</v>
      </c>
      <c r="DV33" s="258">
        <v>2</v>
      </c>
      <c r="DW33" s="260">
        <v>0</v>
      </c>
      <c r="DX33" s="261">
        <v>1</v>
      </c>
      <c r="DY33" s="261">
        <v>2</v>
      </c>
      <c r="DZ33" s="261">
        <v>4</v>
      </c>
      <c r="EA33" s="261">
        <v>1</v>
      </c>
      <c r="EB33" s="261">
        <v>0</v>
      </c>
      <c r="EC33" s="258">
        <v>8</v>
      </c>
      <c r="ED33" s="263">
        <v>10</v>
      </c>
      <c r="EE33" s="257">
        <v>0</v>
      </c>
      <c r="EF33" s="261">
        <v>0</v>
      </c>
      <c r="EG33" s="258">
        <v>0</v>
      </c>
      <c r="EH33" s="260">
        <v>0</v>
      </c>
      <c r="EI33" s="261">
        <v>0</v>
      </c>
      <c r="EJ33" s="261">
        <v>0</v>
      </c>
      <c r="EK33" s="261">
        <v>0</v>
      </c>
      <c r="EL33" s="261">
        <v>0</v>
      </c>
      <c r="EM33" s="261">
        <v>0</v>
      </c>
      <c r="EN33" s="258">
        <v>0</v>
      </c>
      <c r="EO33" s="263">
        <v>0</v>
      </c>
      <c r="EP33" s="257">
        <v>2</v>
      </c>
      <c r="EQ33" s="261">
        <v>0</v>
      </c>
      <c r="ER33" s="258">
        <v>2</v>
      </c>
      <c r="ES33" s="260">
        <v>0</v>
      </c>
      <c r="ET33" s="261">
        <v>3</v>
      </c>
      <c r="EU33" s="261">
        <v>3</v>
      </c>
      <c r="EV33" s="261">
        <v>4</v>
      </c>
      <c r="EW33" s="261">
        <v>1</v>
      </c>
      <c r="EX33" s="261">
        <v>0</v>
      </c>
      <c r="EY33" s="258">
        <v>11</v>
      </c>
      <c r="EZ33" s="263">
        <v>13</v>
      </c>
    </row>
    <row r="34" spans="2:156" ht="21" customHeight="1" x14ac:dyDescent="0.2">
      <c r="B34" s="468" t="s">
        <v>32</v>
      </c>
      <c r="C34" s="257">
        <v>0</v>
      </c>
      <c r="D34" s="261">
        <v>0</v>
      </c>
      <c r="E34" s="356">
        <v>0</v>
      </c>
      <c r="F34" s="260">
        <v>0</v>
      </c>
      <c r="G34" s="261">
        <v>2</v>
      </c>
      <c r="H34" s="261">
        <v>0</v>
      </c>
      <c r="I34" s="261">
        <v>0</v>
      </c>
      <c r="J34" s="261">
        <v>0</v>
      </c>
      <c r="K34" s="261">
        <v>1</v>
      </c>
      <c r="L34" s="262">
        <v>3</v>
      </c>
      <c r="M34" s="263">
        <v>3</v>
      </c>
      <c r="N34" s="257">
        <v>0</v>
      </c>
      <c r="O34" s="261">
        <v>0</v>
      </c>
      <c r="P34" s="258">
        <v>0</v>
      </c>
      <c r="Q34" s="260">
        <v>0</v>
      </c>
      <c r="R34" s="261">
        <v>0</v>
      </c>
      <c r="S34" s="261">
        <v>0</v>
      </c>
      <c r="T34" s="261">
        <v>0</v>
      </c>
      <c r="U34" s="261">
        <v>0</v>
      </c>
      <c r="V34" s="261">
        <v>1</v>
      </c>
      <c r="W34" s="258">
        <v>1</v>
      </c>
      <c r="X34" s="263">
        <v>1</v>
      </c>
      <c r="Y34" s="257">
        <v>0</v>
      </c>
      <c r="Z34" s="261">
        <v>0</v>
      </c>
      <c r="AA34" s="258">
        <v>0</v>
      </c>
      <c r="AB34" s="260">
        <v>0</v>
      </c>
      <c r="AC34" s="261">
        <v>3</v>
      </c>
      <c r="AD34" s="261">
        <v>4</v>
      </c>
      <c r="AE34" s="261">
        <v>0</v>
      </c>
      <c r="AF34" s="261">
        <v>0</v>
      </c>
      <c r="AG34" s="261">
        <v>0</v>
      </c>
      <c r="AH34" s="258">
        <v>7</v>
      </c>
      <c r="AI34" s="263">
        <v>7</v>
      </c>
      <c r="AJ34" s="257">
        <v>0</v>
      </c>
      <c r="AK34" s="261">
        <v>0</v>
      </c>
      <c r="AL34" s="258">
        <v>0</v>
      </c>
      <c r="AM34" s="260">
        <v>0</v>
      </c>
      <c r="AN34" s="261">
        <v>0</v>
      </c>
      <c r="AO34" s="261">
        <v>1</v>
      </c>
      <c r="AP34" s="261">
        <v>0</v>
      </c>
      <c r="AQ34" s="261">
        <v>0</v>
      </c>
      <c r="AR34" s="261">
        <v>0</v>
      </c>
      <c r="AS34" s="258">
        <v>1</v>
      </c>
      <c r="AT34" s="263">
        <v>1</v>
      </c>
      <c r="AU34" s="257">
        <v>0</v>
      </c>
      <c r="AV34" s="261">
        <v>0</v>
      </c>
      <c r="AW34" s="258">
        <v>0</v>
      </c>
      <c r="AX34" s="260">
        <v>0</v>
      </c>
      <c r="AY34" s="261">
        <v>1</v>
      </c>
      <c r="AZ34" s="261">
        <v>3</v>
      </c>
      <c r="BA34" s="261">
        <v>2</v>
      </c>
      <c r="BB34" s="261">
        <v>1</v>
      </c>
      <c r="BC34" s="261">
        <v>1</v>
      </c>
      <c r="BD34" s="262">
        <v>8</v>
      </c>
      <c r="BE34" s="263">
        <v>8</v>
      </c>
      <c r="BF34" s="257">
        <v>0</v>
      </c>
      <c r="BG34" s="261">
        <v>0</v>
      </c>
      <c r="BH34" s="258">
        <v>0</v>
      </c>
      <c r="BI34" s="260">
        <v>0</v>
      </c>
      <c r="BJ34" s="261">
        <v>1</v>
      </c>
      <c r="BK34" s="261">
        <v>6</v>
      </c>
      <c r="BL34" s="261">
        <v>1</v>
      </c>
      <c r="BM34" s="261">
        <v>0</v>
      </c>
      <c r="BN34" s="261">
        <v>0</v>
      </c>
      <c r="BO34" s="258">
        <v>8</v>
      </c>
      <c r="BP34" s="263">
        <v>8</v>
      </c>
      <c r="BQ34" s="257">
        <v>0</v>
      </c>
      <c r="BR34" s="261">
        <v>0</v>
      </c>
      <c r="BS34" s="258">
        <v>0</v>
      </c>
      <c r="BT34" s="260">
        <v>0</v>
      </c>
      <c r="BU34" s="261">
        <v>0</v>
      </c>
      <c r="BV34" s="261">
        <v>1</v>
      </c>
      <c r="BW34" s="261">
        <v>1</v>
      </c>
      <c r="BX34" s="261">
        <v>0</v>
      </c>
      <c r="BY34" s="261">
        <v>0</v>
      </c>
      <c r="BZ34" s="258">
        <v>2</v>
      </c>
      <c r="CA34" s="263">
        <v>2</v>
      </c>
      <c r="CB34" s="257">
        <v>0</v>
      </c>
      <c r="CC34" s="261">
        <v>0</v>
      </c>
      <c r="CD34" s="258">
        <v>0</v>
      </c>
      <c r="CE34" s="260">
        <v>0</v>
      </c>
      <c r="CF34" s="261">
        <v>1</v>
      </c>
      <c r="CG34" s="261">
        <v>1</v>
      </c>
      <c r="CH34" s="261">
        <v>1</v>
      </c>
      <c r="CI34" s="261">
        <v>0</v>
      </c>
      <c r="CJ34" s="261">
        <v>0</v>
      </c>
      <c r="CK34" s="258">
        <v>3</v>
      </c>
      <c r="CL34" s="263">
        <v>3</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4</v>
      </c>
      <c r="DY34" s="261">
        <v>8</v>
      </c>
      <c r="DZ34" s="261">
        <v>3</v>
      </c>
      <c r="EA34" s="261">
        <v>0</v>
      </c>
      <c r="EB34" s="261">
        <v>1</v>
      </c>
      <c r="EC34" s="258">
        <v>16</v>
      </c>
      <c r="ED34" s="263">
        <v>19</v>
      </c>
      <c r="EE34" s="257">
        <v>0</v>
      </c>
      <c r="EF34" s="261">
        <v>0</v>
      </c>
      <c r="EG34" s="258">
        <v>0</v>
      </c>
      <c r="EH34" s="260">
        <v>0</v>
      </c>
      <c r="EI34" s="261">
        <v>1</v>
      </c>
      <c r="EJ34" s="261">
        <v>2</v>
      </c>
      <c r="EK34" s="261">
        <v>1</v>
      </c>
      <c r="EL34" s="261">
        <v>1</v>
      </c>
      <c r="EM34" s="261">
        <v>1</v>
      </c>
      <c r="EN34" s="258">
        <v>6</v>
      </c>
      <c r="EO34" s="263">
        <v>6</v>
      </c>
      <c r="EP34" s="257">
        <v>0</v>
      </c>
      <c r="EQ34" s="261">
        <v>3</v>
      </c>
      <c r="ER34" s="258">
        <v>3</v>
      </c>
      <c r="ES34" s="260">
        <v>0</v>
      </c>
      <c r="ET34" s="261">
        <v>7</v>
      </c>
      <c r="EU34" s="261">
        <v>12</v>
      </c>
      <c r="EV34" s="261">
        <v>3</v>
      </c>
      <c r="EW34" s="261">
        <v>0</v>
      </c>
      <c r="EX34" s="261">
        <v>1</v>
      </c>
      <c r="EY34" s="258">
        <v>23</v>
      </c>
      <c r="EZ34" s="263">
        <v>26</v>
      </c>
    </row>
    <row r="35" spans="2:156" ht="21" customHeight="1" x14ac:dyDescent="0.2">
      <c r="B35" s="468" t="s">
        <v>33</v>
      </c>
      <c r="C35" s="257">
        <v>0</v>
      </c>
      <c r="D35" s="261">
        <v>0</v>
      </c>
      <c r="E35" s="356">
        <v>0</v>
      </c>
      <c r="F35" s="260">
        <v>0</v>
      </c>
      <c r="G35" s="261">
        <v>1</v>
      </c>
      <c r="H35" s="261">
        <v>1</v>
      </c>
      <c r="I35" s="261">
        <v>1</v>
      </c>
      <c r="J35" s="261">
        <v>0</v>
      </c>
      <c r="K35" s="261">
        <v>0</v>
      </c>
      <c r="L35" s="262">
        <v>3</v>
      </c>
      <c r="M35" s="263">
        <v>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0</v>
      </c>
      <c r="AG35" s="261">
        <v>0</v>
      </c>
      <c r="AH35" s="258">
        <v>2</v>
      </c>
      <c r="AI35" s="263">
        <v>2</v>
      </c>
      <c r="AJ35" s="257">
        <v>3</v>
      </c>
      <c r="AK35" s="261">
        <v>2</v>
      </c>
      <c r="AL35" s="258">
        <v>5</v>
      </c>
      <c r="AM35" s="260">
        <v>0</v>
      </c>
      <c r="AN35" s="261">
        <v>0</v>
      </c>
      <c r="AO35" s="261">
        <v>0</v>
      </c>
      <c r="AP35" s="261">
        <v>2</v>
      </c>
      <c r="AQ35" s="261">
        <v>0</v>
      </c>
      <c r="AR35" s="261">
        <v>0</v>
      </c>
      <c r="AS35" s="258">
        <v>2</v>
      </c>
      <c r="AT35" s="263">
        <v>7</v>
      </c>
      <c r="AU35" s="257">
        <v>0</v>
      </c>
      <c r="AV35" s="261">
        <v>0</v>
      </c>
      <c r="AW35" s="258">
        <v>0</v>
      </c>
      <c r="AX35" s="260">
        <v>0</v>
      </c>
      <c r="AY35" s="261">
        <v>1</v>
      </c>
      <c r="AZ35" s="261">
        <v>1</v>
      </c>
      <c r="BA35" s="261">
        <v>2</v>
      </c>
      <c r="BB35" s="261">
        <v>0</v>
      </c>
      <c r="BC35" s="261">
        <v>0</v>
      </c>
      <c r="BD35" s="262">
        <v>4</v>
      </c>
      <c r="BE35" s="263">
        <v>4</v>
      </c>
      <c r="BF35" s="257">
        <v>0</v>
      </c>
      <c r="BG35" s="261">
        <v>0</v>
      </c>
      <c r="BH35" s="258">
        <v>0</v>
      </c>
      <c r="BI35" s="260">
        <v>0</v>
      </c>
      <c r="BJ35" s="261">
        <v>1</v>
      </c>
      <c r="BK35" s="261">
        <v>0</v>
      </c>
      <c r="BL35" s="261">
        <v>0</v>
      </c>
      <c r="BM35" s="261">
        <v>0</v>
      </c>
      <c r="BN35" s="261">
        <v>0</v>
      </c>
      <c r="BO35" s="258">
        <v>1</v>
      </c>
      <c r="BP35" s="263">
        <v>1</v>
      </c>
      <c r="BQ35" s="257">
        <v>0</v>
      </c>
      <c r="BR35" s="261">
        <v>1</v>
      </c>
      <c r="BS35" s="258">
        <v>1</v>
      </c>
      <c r="BT35" s="260">
        <v>0</v>
      </c>
      <c r="BU35" s="261">
        <v>2</v>
      </c>
      <c r="BV35" s="261">
        <v>0</v>
      </c>
      <c r="BW35" s="261">
        <v>0</v>
      </c>
      <c r="BX35" s="261">
        <v>0</v>
      </c>
      <c r="BY35" s="261">
        <v>0</v>
      </c>
      <c r="BZ35" s="258">
        <v>2</v>
      </c>
      <c r="CA35" s="263">
        <v>3</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v>
      </c>
      <c r="DU35" s="261">
        <v>1</v>
      </c>
      <c r="DV35" s="258">
        <v>3</v>
      </c>
      <c r="DW35" s="260">
        <v>0</v>
      </c>
      <c r="DX35" s="261">
        <v>1</v>
      </c>
      <c r="DY35" s="261">
        <v>1</v>
      </c>
      <c r="DZ35" s="261">
        <v>1</v>
      </c>
      <c r="EA35" s="261">
        <v>0</v>
      </c>
      <c r="EB35" s="261">
        <v>0</v>
      </c>
      <c r="EC35" s="258">
        <v>3</v>
      </c>
      <c r="ED35" s="263">
        <v>6</v>
      </c>
      <c r="EE35" s="257">
        <v>0</v>
      </c>
      <c r="EF35" s="261">
        <v>0</v>
      </c>
      <c r="EG35" s="258">
        <v>0</v>
      </c>
      <c r="EH35" s="260">
        <v>0</v>
      </c>
      <c r="EI35" s="261">
        <v>0</v>
      </c>
      <c r="EJ35" s="261">
        <v>1</v>
      </c>
      <c r="EK35" s="261">
        <v>0</v>
      </c>
      <c r="EL35" s="261">
        <v>0</v>
      </c>
      <c r="EM35" s="261">
        <v>0</v>
      </c>
      <c r="EN35" s="258">
        <v>1</v>
      </c>
      <c r="EO35" s="263">
        <v>1</v>
      </c>
      <c r="EP35" s="257">
        <v>3</v>
      </c>
      <c r="EQ35" s="261">
        <v>3</v>
      </c>
      <c r="ER35" s="258">
        <v>6</v>
      </c>
      <c r="ES35" s="260">
        <v>0</v>
      </c>
      <c r="ET35" s="261">
        <v>3</v>
      </c>
      <c r="EU35" s="261">
        <v>1</v>
      </c>
      <c r="EV35" s="261">
        <v>2</v>
      </c>
      <c r="EW35" s="261">
        <v>0</v>
      </c>
      <c r="EX35" s="261">
        <v>0</v>
      </c>
      <c r="EY35" s="258">
        <v>6</v>
      </c>
      <c r="EZ35" s="263">
        <v>12</v>
      </c>
    </row>
    <row r="36" spans="2:156" ht="21" customHeight="1" x14ac:dyDescent="0.2">
      <c r="B36" s="468" t="s">
        <v>34</v>
      </c>
      <c r="C36" s="257">
        <v>0</v>
      </c>
      <c r="D36" s="261">
        <v>0</v>
      </c>
      <c r="E36" s="356">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1</v>
      </c>
      <c r="AG36" s="261">
        <v>0</v>
      </c>
      <c r="AH36" s="258">
        <v>3</v>
      </c>
      <c r="AI36" s="263">
        <v>3</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3</v>
      </c>
      <c r="BA36" s="261">
        <v>0</v>
      </c>
      <c r="BB36" s="261">
        <v>0</v>
      </c>
      <c r="BC36" s="261">
        <v>2</v>
      </c>
      <c r="BD36" s="262">
        <v>5</v>
      </c>
      <c r="BE36" s="263">
        <v>5</v>
      </c>
      <c r="BF36" s="257">
        <v>0</v>
      </c>
      <c r="BG36" s="261">
        <v>0</v>
      </c>
      <c r="BH36" s="258">
        <v>0</v>
      </c>
      <c r="BI36" s="260">
        <v>0</v>
      </c>
      <c r="BJ36" s="261">
        <v>0</v>
      </c>
      <c r="BK36" s="261">
        <v>3</v>
      </c>
      <c r="BL36" s="261">
        <v>0</v>
      </c>
      <c r="BM36" s="261">
        <v>0</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2</v>
      </c>
      <c r="DY36" s="261">
        <v>5</v>
      </c>
      <c r="DZ36" s="261">
        <v>1</v>
      </c>
      <c r="EA36" s="261">
        <v>1</v>
      </c>
      <c r="EB36" s="261">
        <v>0</v>
      </c>
      <c r="EC36" s="258">
        <v>9</v>
      </c>
      <c r="ED36" s="263">
        <v>10</v>
      </c>
      <c r="EE36" s="257">
        <v>0</v>
      </c>
      <c r="EF36" s="261">
        <v>0</v>
      </c>
      <c r="EG36" s="258">
        <v>0</v>
      </c>
      <c r="EH36" s="260">
        <v>0</v>
      </c>
      <c r="EI36" s="261">
        <v>0</v>
      </c>
      <c r="EJ36" s="261">
        <v>1</v>
      </c>
      <c r="EK36" s="261">
        <v>0</v>
      </c>
      <c r="EL36" s="261">
        <v>0</v>
      </c>
      <c r="EM36" s="261">
        <v>2</v>
      </c>
      <c r="EN36" s="258">
        <v>3</v>
      </c>
      <c r="EO36" s="263">
        <v>3</v>
      </c>
      <c r="EP36" s="257">
        <v>0</v>
      </c>
      <c r="EQ36" s="261">
        <v>1</v>
      </c>
      <c r="ER36" s="258">
        <v>1</v>
      </c>
      <c r="ES36" s="260">
        <v>0</v>
      </c>
      <c r="ET36" s="261">
        <v>2</v>
      </c>
      <c r="EU36" s="261">
        <v>7</v>
      </c>
      <c r="EV36" s="261">
        <v>0</v>
      </c>
      <c r="EW36" s="261">
        <v>1</v>
      </c>
      <c r="EX36" s="261">
        <v>0</v>
      </c>
      <c r="EY36" s="258">
        <v>10</v>
      </c>
      <c r="EZ36" s="263">
        <v>11</v>
      </c>
    </row>
    <row r="37" spans="2:156" ht="21" customHeight="1" x14ac:dyDescent="0.2">
      <c r="B37" s="468" t="s">
        <v>35</v>
      </c>
      <c r="C37" s="257">
        <v>0</v>
      </c>
      <c r="D37" s="261">
        <v>0</v>
      </c>
      <c r="E37" s="356">
        <v>0</v>
      </c>
      <c r="F37" s="260">
        <v>0</v>
      </c>
      <c r="G37" s="261">
        <v>3</v>
      </c>
      <c r="H37" s="261">
        <v>1</v>
      </c>
      <c r="I37" s="261">
        <v>2</v>
      </c>
      <c r="J37" s="261">
        <v>1</v>
      </c>
      <c r="K37" s="261">
        <v>1</v>
      </c>
      <c r="L37" s="262">
        <v>8</v>
      </c>
      <c r="M37" s="263">
        <v>8</v>
      </c>
      <c r="N37" s="257">
        <v>0</v>
      </c>
      <c r="O37" s="261">
        <v>0</v>
      </c>
      <c r="P37" s="258">
        <v>0</v>
      </c>
      <c r="Q37" s="260">
        <v>0</v>
      </c>
      <c r="R37" s="261">
        <v>0</v>
      </c>
      <c r="S37" s="261">
        <v>1</v>
      </c>
      <c r="T37" s="261">
        <v>0</v>
      </c>
      <c r="U37" s="261">
        <v>1</v>
      </c>
      <c r="V37" s="261">
        <v>1</v>
      </c>
      <c r="W37" s="258">
        <v>3</v>
      </c>
      <c r="X37" s="263">
        <v>3</v>
      </c>
      <c r="Y37" s="257">
        <v>0</v>
      </c>
      <c r="Z37" s="261">
        <v>0</v>
      </c>
      <c r="AA37" s="258">
        <v>0</v>
      </c>
      <c r="AB37" s="260">
        <v>0</v>
      </c>
      <c r="AC37" s="261">
        <v>2</v>
      </c>
      <c r="AD37" s="261">
        <v>0</v>
      </c>
      <c r="AE37" s="261">
        <v>1</v>
      </c>
      <c r="AF37" s="261">
        <v>0</v>
      </c>
      <c r="AG37" s="261">
        <v>0</v>
      </c>
      <c r="AH37" s="258">
        <v>3</v>
      </c>
      <c r="AI37" s="263">
        <v>3</v>
      </c>
      <c r="AJ37" s="257">
        <v>1</v>
      </c>
      <c r="AK37" s="261">
        <v>0</v>
      </c>
      <c r="AL37" s="258">
        <v>1</v>
      </c>
      <c r="AM37" s="260">
        <v>0</v>
      </c>
      <c r="AN37" s="261">
        <v>2</v>
      </c>
      <c r="AO37" s="261">
        <v>0</v>
      </c>
      <c r="AP37" s="261">
        <v>0</v>
      </c>
      <c r="AQ37" s="261">
        <v>0</v>
      </c>
      <c r="AR37" s="261">
        <v>0</v>
      </c>
      <c r="AS37" s="258">
        <v>2</v>
      </c>
      <c r="AT37" s="263">
        <v>3</v>
      </c>
      <c r="AU37" s="257">
        <v>1</v>
      </c>
      <c r="AV37" s="261">
        <v>0</v>
      </c>
      <c r="AW37" s="258">
        <v>1</v>
      </c>
      <c r="AX37" s="260">
        <v>0</v>
      </c>
      <c r="AY37" s="261">
        <v>9</v>
      </c>
      <c r="AZ37" s="261">
        <v>4</v>
      </c>
      <c r="BA37" s="261">
        <v>4</v>
      </c>
      <c r="BB37" s="261">
        <v>4</v>
      </c>
      <c r="BC37" s="261">
        <v>2</v>
      </c>
      <c r="BD37" s="262">
        <v>23</v>
      </c>
      <c r="BE37" s="263">
        <v>24</v>
      </c>
      <c r="BF37" s="257">
        <v>0</v>
      </c>
      <c r="BG37" s="261">
        <v>0</v>
      </c>
      <c r="BH37" s="258">
        <v>0</v>
      </c>
      <c r="BI37" s="260">
        <v>0</v>
      </c>
      <c r="BJ37" s="261">
        <v>3</v>
      </c>
      <c r="BK37" s="261">
        <v>3</v>
      </c>
      <c r="BL37" s="261">
        <v>3</v>
      </c>
      <c r="BM37" s="261">
        <v>0</v>
      </c>
      <c r="BN37" s="261">
        <v>0</v>
      </c>
      <c r="BO37" s="258">
        <v>9</v>
      </c>
      <c r="BP37" s="263">
        <v>9</v>
      </c>
      <c r="BQ37" s="257">
        <v>1</v>
      </c>
      <c r="BR37" s="261">
        <v>1</v>
      </c>
      <c r="BS37" s="258">
        <v>2</v>
      </c>
      <c r="BT37" s="260">
        <v>0</v>
      </c>
      <c r="BU37" s="261">
        <v>2</v>
      </c>
      <c r="BV37" s="261">
        <v>0</v>
      </c>
      <c r="BW37" s="261">
        <v>1</v>
      </c>
      <c r="BX37" s="261">
        <v>1</v>
      </c>
      <c r="BY37" s="261">
        <v>0</v>
      </c>
      <c r="BZ37" s="258">
        <v>4</v>
      </c>
      <c r="CA37" s="263">
        <v>6</v>
      </c>
      <c r="CB37" s="257">
        <v>0</v>
      </c>
      <c r="CC37" s="261">
        <v>0</v>
      </c>
      <c r="CD37" s="258">
        <v>0</v>
      </c>
      <c r="CE37" s="260">
        <v>0</v>
      </c>
      <c r="CF37" s="261">
        <v>1</v>
      </c>
      <c r="CG37" s="261">
        <v>0</v>
      </c>
      <c r="CH37" s="261">
        <v>0</v>
      </c>
      <c r="CI37" s="261">
        <v>0</v>
      </c>
      <c r="CJ37" s="261">
        <v>0</v>
      </c>
      <c r="CK37" s="258">
        <v>1</v>
      </c>
      <c r="CL37" s="263">
        <v>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2</v>
      </c>
      <c r="DV37" s="258">
        <v>2</v>
      </c>
      <c r="DW37" s="260">
        <v>0</v>
      </c>
      <c r="DX37" s="261">
        <v>6</v>
      </c>
      <c r="DY37" s="261">
        <v>3</v>
      </c>
      <c r="DZ37" s="261">
        <v>5</v>
      </c>
      <c r="EA37" s="261">
        <v>3</v>
      </c>
      <c r="EB37" s="261">
        <v>1</v>
      </c>
      <c r="EC37" s="258">
        <v>18</v>
      </c>
      <c r="ED37" s="263">
        <v>20</v>
      </c>
      <c r="EE37" s="257">
        <v>1</v>
      </c>
      <c r="EF37" s="261">
        <v>1</v>
      </c>
      <c r="EG37" s="258">
        <v>2</v>
      </c>
      <c r="EH37" s="260">
        <v>0</v>
      </c>
      <c r="EI37" s="261">
        <v>6</v>
      </c>
      <c r="EJ37" s="261">
        <v>2</v>
      </c>
      <c r="EK37" s="261">
        <v>1</v>
      </c>
      <c r="EL37" s="261">
        <v>3</v>
      </c>
      <c r="EM37" s="261">
        <v>1</v>
      </c>
      <c r="EN37" s="258">
        <v>13</v>
      </c>
      <c r="EO37" s="263">
        <v>15</v>
      </c>
      <c r="EP37" s="257">
        <v>2</v>
      </c>
      <c r="EQ37" s="261">
        <v>3</v>
      </c>
      <c r="ER37" s="258">
        <v>5</v>
      </c>
      <c r="ES37" s="260">
        <v>0</v>
      </c>
      <c r="ET37" s="261">
        <v>11</v>
      </c>
      <c r="EU37" s="261">
        <v>5</v>
      </c>
      <c r="EV37" s="261">
        <v>5</v>
      </c>
      <c r="EW37" s="261">
        <v>3</v>
      </c>
      <c r="EX37" s="261">
        <v>1</v>
      </c>
      <c r="EY37" s="258">
        <v>25</v>
      </c>
      <c r="EZ37" s="263">
        <v>30</v>
      </c>
    </row>
    <row r="38" spans="2:156" ht="21" customHeight="1" x14ac:dyDescent="0.2">
      <c r="B38" s="468" t="s">
        <v>36</v>
      </c>
      <c r="C38" s="257">
        <v>0</v>
      </c>
      <c r="D38" s="261">
        <v>0</v>
      </c>
      <c r="E38" s="356">
        <v>0</v>
      </c>
      <c r="F38" s="260">
        <v>0</v>
      </c>
      <c r="G38" s="261">
        <v>1</v>
      </c>
      <c r="H38" s="261">
        <v>0</v>
      </c>
      <c r="I38" s="261">
        <v>1</v>
      </c>
      <c r="J38" s="261">
        <v>0</v>
      </c>
      <c r="K38" s="261">
        <v>1</v>
      </c>
      <c r="L38" s="262">
        <v>3</v>
      </c>
      <c r="M38" s="263">
        <v>3</v>
      </c>
      <c r="N38" s="257">
        <v>0</v>
      </c>
      <c r="O38" s="261">
        <v>0</v>
      </c>
      <c r="P38" s="258">
        <v>0</v>
      </c>
      <c r="Q38" s="260">
        <v>0</v>
      </c>
      <c r="R38" s="261">
        <v>0</v>
      </c>
      <c r="S38" s="261">
        <v>0</v>
      </c>
      <c r="T38" s="261">
        <v>0</v>
      </c>
      <c r="U38" s="261">
        <v>1</v>
      </c>
      <c r="V38" s="261">
        <v>0</v>
      </c>
      <c r="W38" s="258">
        <v>1</v>
      </c>
      <c r="X38" s="263">
        <v>1</v>
      </c>
      <c r="Y38" s="257">
        <v>1</v>
      </c>
      <c r="Z38" s="261">
        <v>0</v>
      </c>
      <c r="AA38" s="258">
        <v>1</v>
      </c>
      <c r="AB38" s="260">
        <v>0</v>
      </c>
      <c r="AC38" s="261">
        <v>1</v>
      </c>
      <c r="AD38" s="261">
        <v>0</v>
      </c>
      <c r="AE38" s="261">
        <v>2</v>
      </c>
      <c r="AF38" s="261">
        <v>1</v>
      </c>
      <c r="AG38" s="261">
        <v>0</v>
      </c>
      <c r="AH38" s="258">
        <v>4</v>
      </c>
      <c r="AI38" s="263">
        <v>5</v>
      </c>
      <c r="AJ38" s="257">
        <v>0</v>
      </c>
      <c r="AK38" s="261">
        <v>1</v>
      </c>
      <c r="AL38" s="258">
        <v>1</v>
      </c>
      <c r="AM38" s="260">
        <v>0</v>
      </c>
      <c r="AN38" s="261">
        <v>0</v>
      </c>
      <c r="AO38" s="261">
        <v>1</v>
      </c>
      <c r="AP38" s="261">
        <v>1</v>
      </c>
      <c r="AQ38" s="261">
        <v>1</v>
      </c>
      <c r="AR38" s="261">
        <v>0</v>
      </c>
      <c r="AS38" s="258">
        <v>3</v>
      </c>
      <c r="AT38" s="263">
        <v>4</v>
      </c>
      <c r="AU38" s="257">
        <v>0</v>
      </c>
      <c r="AV38" s="261">
        <v>0</v>
      </c>
      <c r="AW38" s="258">
        <v>0</v>
      </c>
      <c r="AX38" s="260">
        <v>0</v>
      </c>
      <c r="AY38" s="261">
        <v>2</v>
      </c>
      <c r="AZ38" s="261">
        <v>1</v>
      </c>
      <c r="BA38" s="261">
        <v>2</v>
      </c>
      <c r="BB38" s="261">
        <v>2</v>
      </c>
      <c r="BC38" s="261">
        <v>1</v>
      </c>
      <c r="BD38" s="262">
        <v>8</v>
      </c>
      <c r="BE38" s="263">
        <v>8</v>
      </c>
      <c r="BF38" s="257">
        <v>0</v>
      </c>
      <c r="BG38" s="261">
        <v>0</v>
      </c>
      <c r="BH38" s="258">
        <v>0</v>
      </c>
      <c r="BI38" s="260">
        <v>0</v>
      </c>
      <c r="BJ38" s="261">
        <v>1</v>
      </c>
      <c r="BK38" s="261">
        <v>2</v>
      </c>
      <c r="BL38" s="261">
        <v>0</v>
      </c>
      <c r="BM38" s="261">
        <v>0</v>
      </c>
      <c r="BN38" s="261">
        <v>0</v>
      </c>
      <c r="BO38" s="258">
        <v>3</v>
      </c>
      <c r="BP38" s="263">
        <v>3</v>
      </c>
      <c r="BQ38" s="257">
        <v>1</v>
      </c>
      <c r="BR38" s="261">
        <v>1</v>
      </c>
      <c r="BS38" s="258">
        <v>2</v>
      </c>
      <c r="BT38" s="260">
        <v>0</v>
      </c>
      <c r="BU38" s="261">
        <v>0</v>
      </c>
      <c r="BV38" s="261">
        <v>0</v>
      </c>
      <c r="BW38" s="261">
        <v>0</v>
      </c>
      <c r="BX38" s="261">
        <v>1</v>
      </c>
      <c r="BY38" s="261">
        <v>0</v>
      </c>
      <c r="BZ38" s="258">
        <v>1</v>
      </c>
      <c r="CA38" s="263">
        <v>3</v>
      </c>
      <c r="CB38" s="257">
        <v>0</v>
      </c>
      <c r="CC38" s="261">
        <v>0</v>
      </c>
      <c r="CD38" s="258">
        <v>0</v>
      </c>
      <c r="CE38" s="260">
        <v>0</v>
      </c>
      <c r="CF38" s="261">
        <v>0</v>
      </c>
      <c r="CG38" s="261">
        <v>1</v>
      </c>
      <c r="CH38" s="261">
        <v>0</v>
      </c>
      <c r="CI38" s="261">
        <v>1</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1</v>
      </c>
      <c r="DU38" s="261">
        <v>0</v>
      </c>
      <c r="DV38" s="258">
        <v>1</v>
      </c>
      <c r="DW38" s="260">
        <v>0</v>
      </c>
      <c r="DX38" s="261">
        <v>6</v>
      </c>
      <c r="DY38" s="261">
        <v>4</v>
      </c>
      <c r="DZ38" s="261">
        <v>2</v>
      </c>
      <c r="EA38" s="261">
        <v>3</v>
      </c>
      <c r="EB38" s="261">
        <v>0</v>
      </c>
      <c r="EC38" s="258">
        <v>15</v>
      </c>
      <c r="ED38" s="263">
        <v>16</v>
      </c>
      <c r="EE38" s="257">
        <v>0</v>
      </c>
      <c r="EF38" s="261">
        <v>0</v>
      </c>
      <c r="EG38" s="258">
        <v>0</v>
      </c>
      <c r="EH38" s="260">
        <v>0</v>
      </c>
      <c r="EI38" s="261">
        <v>1</v>
      </c>
      <c r="EJ38" s="261">
        <v>1</v>
      </c>
      <c r="EK38" s="261">
        <v>1</v>
      </c>
      <c r="EL38" s="261">
        <v>0</v>
      </c>
      <c r="EM38" s="261">
        <v>0</v>
      </c>
      <c r="EN38" s="258">
        <v>3</v>
      </c>
      <c r="EO38" s="263">
        <v>3</v>
      </c>
      <c r="EP38" s="257">
        <v>2</v>
      </c>
      <c r="EQ38" s="261">
        <v>2</v>
      </c>
      <c r="ER38" s="258">
        <v>4</v>
      </c>
      <c r="ES38" s="260">
        <v>0</v>
      </c>
      <c r="ET38" s="261">
        <v>9</v>
      </c>
      <c r="EU38" s="261">
        <v>5</v>
      </c>
      <c r="EV38" s="261">
        <v>2</v>
      </c>
      <c r="EW38" s="261">
        <v>4</v>
      </c>
      <c r="EX38" s="261">
        <v>1</v>
      </c>
      <c r="EY38" s="258">
        <v>21</v>
      </c>
      <c r="EZ38" s="263">
        <v>25</v>
      </c>
    </row>
    <row r="39" spans="2:156" ht="21" customHeight="1" thickBot="1" x14ac:dyDescent="0.25">
      <c r="B39" s="469" t="s">
        <v>37</v>
      </c>
      <c r="C39" s="264">
        <v>0</v>
      </c>
      <c r="D39" s="268">
        <v>0</v>
      </c>
      <c r="E39" s="357">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1</v>
      </c>
      <c r="BL39" s="268">
        <v>0</v>
      </c>
      <c r="BM39" s="268">
        <v>0</v>
      </c>
      <c r="BN39" s="268">
        <v>0</v>
      </c>
      <c r="BO39" s="265">
        <v>1</v>
      </c>
      <c r="BP39" s="270">
        <v>1</v>
      </c>
      <c r="BQ39" s="264">
        <v>0</v>
      </c>
      <c r="BR39" s="268">
        <v>0</v>
      </c>
      <c r="BS39" s="265">
        <v>0</v>
      </c>
      <c r="BT39" s="267">
        <v>0</v>
      </c>
      <c r="BU39" s="268">
        <v>1</v>
      </c>
      <c r="BV39" s="268">
        <v>0</v>
      </c>
      <c r="BW39" s="268">
        <v>0</v>
      </c>
      <c r="BX39" s="268">
        <v>0</v>
      </c>
      <c r="BY39" s="268">
        <v>0</v>
      </c>
      <c r="BZ39" s="265">
        <v>1</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1</v>
      </c>
      <c r="DY39" s="268">
        <v>1</v>
      </c>
      <c r="DZ39" s="268">
        <v>0</v>
      </c>
      <c r="EA39" s="268">
        <v>0</v>
      </c>
      <c r="EB39" s="268">
        <v>0</v>
      </c>
      <c r="EC39" s="265">
        <v>2</v>
      </c>
      <c r="ED39" s="270">
        <v>2</v>
      </c>
      <c r="EE39" s="264">
        <v>0</v>
      </c>
      <c r="EF39" s="268">
        <v>0</v>
      </c>
      <c r="EG39" s="265">
        <v>0</v>
      </c>
      <c r="EH39" s="267">
        <v>0</v>
      </c>
      <c r="EI39" s="268">
        <v>0</v>
      </c>
      <c r="EJ39" s="268">
        <v>0</v>
      </c>
      <c r="EK39" s="268">
        <v>0</v>
      </c>
      <c r="EL39" s="268">
        <v>0</v>
      </c>
      <c r="EM39" s="268">
        <v>0</v>
      </c>
      <c r="EN39" s="265">
        <v>0</v>
      </c>
      <c r="EO39" s="270">
        <v>0</v>
      </c>
      <c r="EP39" s="264">
        <v>0</v>
      </c>
      <c r="EQ39" s="268">
        <v>0</v>
      </c>
      <c r="ER39" s="265">
        <v>0</v>
      </c>
      <c r="ES39" s="267">
        <v>0</v>
      </c>
      <c r="ET39" s="268">
        <v>1</v>
      </c>
      <c r="EU39" s="268">
        <v>1</v>
      </c>
      <c r="EV39" s="268">
        <v>0</v>
      </c>
      <c r="EW39" s="268">
        <v>0</v>
      </c>
      <c r="EX39" s="268">
        <v>0</v>
      </c>
      <c r="EY39" s="265">
        <v>2</v>
      </c>
      <c r="EZ39" s="270">
        <v>2</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39">
        <f>第１表!F2</f>
        <v>6</v>
      </c>
      <c r="J1" s="539"/>
      <c r="K1" s="235">
        <f>第１表!G2</f>
        <v>1</v>
      </c>
      <c r="L1" s="543">
        <f>IF(K1&lt;3,K1+12-2,K1-2)</f>
        <v>11</v>
      </c>
      <c r="M1" s="543"/>
    </row>
    <row r="2" spans="2:156" ht="24" customHeight="1" thickBot="1" x14ac:dyDescent="0.25">
      <c r="B2" s="271" t="s">
        <v>152</v>
      </c>
      <c r="G2" s="234"/>
      <c r="H2" s="235"/>
      <c r="J2" s="324"/>
      <c r="K2" s="324"/>
    </row>
    <row r="3" spans="2:156" ht="21" customHeight="1" thickBot="1" x14ac:dyDescent="0.25">
      <c r="B3" s="556"/>
      <c r="C3" s="547" t="s">
        <v>70</v>
      </c>
      <c r="D3" s="548"/>
      <c r="E3" s="548"/>
      <c r="F3" s="548"/>
      <c r="G3" s="548"/>
      <c r="H3" s="548"/>
      <c r="I3" s="548"/>
      <c r="J3" s="548"/>
      <c r="K3" s="548"/>
      <c r="L3" s="548"/>
      <c r="M3" s="549"/>
      <c r="N3" s="547" t="s">
        <v>71</v>
      </c>
      <c r="O3" s="548"/>
      <c r="P3" s="548"/>
      <c r="Q3" s="548"/>
      <c r="R3" s="548"/>
      <c r="S3" s="548"/>
      <c r="T3" s="548"/>
      <c r="U3" s="548"/>
      <c r="V3" s="548"/>
      <c r="W3" s="548"/>
      <c r="X3" s="549"/>
      <c r="Y3" s="547" t="s">
        <v>72</v>
      </c>
      <c r="Z3" s="548"/>
      <c r="AA3" s="548"/>
      <c r="AB3" s="548"/>
      <c r="AC3" s="548"/>
      <c r="AD3" s="548"/>
      <c r="AE3" s="548"/>
      <c r="AF3" s="548"/>
      <c r="AG3" s="548"/>
      <c r="AH3" s="548"/>
      <c r="AI3" s="549"/>
      <c r="AJ3" s="547" t="s">
        <v>73</v>
      </c>
      <c r="AK3" s="548"/>
      <c r="AL3" s="548"/>
      <c r="AM3" s="548"/>
      <c r="AN3" s="548"/>
      <c r="AO3" s="548"/>
      <c r="AP3" s="548"/>
      <c r="AQ3" s="548"/>
      <c r="AR3" s="548"/>
      <c r="AS3" s="548"/>
      <c r="AT3" s="549"/>
      <c r="AU3" s="547" t="s">
        <v>74</v>
      </c>
      <c r="AV3" s="548"/>
      <c r="AW3" s="548"/>
      <c r="AX3" s="548"/>
      <c r="AY3" s="548"/>
      <c r="AZ3" s="548"/>
      <c r="BA3" s="548"/>
      <c r="BB3" s="548"/>
      <c r="BC3" s="548"/>
      <c r="BD3" s="548"/>
      <c r="BE3" s="549"/>
      <c r="BF3" s="547" t="s">
        <v>75</v>
      </c>
      <c r="BG3" s="548"/>
      <c r="BH3" s="548"/>
      <c r="BI3" s="548"/>
      <c r="BJ3" s="548"/>
      <c r="BK3" s="548"/>
      <c r="BL3" s="548"/>
      <c r="BM3" s="548"/>
      <c r="BN3" s="548"/>
      <c r="BO3" s="548"/>
      <c r="BP3" s="549"/>
      <c r="BQ3" s="547" t="s">
        <v>76</v>
      </c>
      <c r="BR3" s="548"/>
      <c r="BS3" s="548"/>
      <c r="BT3" s="548"/>
      <c r="BU3" s="548"/>
      <c r="BV3" s="548"/>
      <c r="BW3" s="548"/>
      <c r="BX3" s="548"/>
      <c r="BY3" s="548"/>
      <c r="BZ3" s="548"/>
      <c r="CA3" s="549"/>
      <c r="CB3" s="547" t="s">
        <v>77</v>
      </c>
      <c r="CC3" s="548"/>
      <c r="CD3" s="548"/>
      <c r="CE3" s="548"/>
      <c r="CF3" s="548"/>
      <c r="CG3" s="548"/>
      <c r="CH3" s="548"/>
      <c r="CI3" s="548"/>
      <c r="CJ3" s="548"/>
      <c r="CK3" s="548"/>
      <c r="CL3" s="549"/>
      <c r="CM3" s="547" t="s">
        <v>78</v>
      </c>
      <c r="CN3" s="548"/>
      <c r="CO3" s="548"/>
      <c r="CP3" s="548"/>
      <c r="CQ3" s="548"/>
      <c r="CR3" s="548"/>
      <c r="CS3" s="548"/>
      <c r="CT3" s="548"/>
      <c r="CU3" s="548"/>
      <c r="CV3" s="548"/>
      <c r="CW3" s="549"/>
      <c r="CX3" s="547" t="s">
        <v>79</v>
      </c>
      <c r="CY3" s="548"/>
      <c r="CZ3" s="548"/>
      <c r="DA3" s="548"/>
      <c r="DB3" s="548"/>
      <c r="DC3" s="548"/>
      <c r="DD3" s="548"/>
      <c r="DE3" s="548"/>
      <c r="DF3" s="548"/>
      <c r="DG3" s="548"/>
      <c r="DH3" s="549"/>
      <c r="DI3" s="547" t="s">
        <v>150</v>
      </c>
      <c r="DJ3" s="548"/>
      <c r="DK3" s="548"/>
      <c r="DL3" s="548"/>
      <c r="DM3" s="548"/>
      <c r="DN3" s="548"/>
      <c r="DO3" s="548"/>
      <c r="DP3" s="548"/>
      <c r="DQ3" s="548"/>
      <c r="DR3" s="548"/>
      <c r="DS3" s="549"/>
      <c r="DT3" s="547" t="s">
        <v>80</v>
      </c>
      <c r="DU3" s="548"/>
      <c r="DV3" s="548"/>
      <c r="DW3" s="548"/>
      <c r="DX3" s="548"/>
      <c r="DY3" s="548"/>
      <c r="DZ3" s="548"/>
      <c r="EA3" s="548"/>
      <c r="EB3" s="548"/>
      <c r="EC3" s="548"/>
      <c r="ED3" s="549"/>
      <c r="EE3" s="547" t="s">
        <v>68</v>
      </c>
      <c r="EF3" s="548"/>
      <c r="EG3" s="548"/>
      <c r="EH3" s="548"/>
      <c r="EI3" s="548"/>
      <c r="EJ3" s="548"/>
      <c r="EK3" s="548"/>
      <c r="EL3" s="548"/>
      <c r="EM3" s="548"/>
      <c r="EN3" s="548"/>
      <c r="EO3" s="549"/>
      <c r="EP3" s="544" t="s">
        <v>69</v>
      </c>
      <c r="EQ3" s="545"/>
      <c r="ER3" s="545"/>
      <c r="ES3" s="545"/>
      <c r="ET3" s="545"/>
      <c r="EU3" s="545"/>
      <c r="EV3" s="545"/>
      <c r="EW3" s="545"/>
      <c r="EX3" s="545"/>
      <c r="EY3" s="545"/>
      <c r="EZ3" s="546"/>
    </row>
    <row r="4" spans="2:156" ht="21" customHeight="1" x14ac:dyDescent="0.2">
      <c r="B4" s="557"/>
      <c r="C4" s="555" t="s">
        <v>61</v>
      </c>
      <c r="D4" s="551"/>
      <c r="E4" s="552"/>
      <c r="F4" s="550" t="s">
        <v>62</v>
      </c>
      <c r="G4" s="551"/>
      <c r="H4" s="551"/>
      <c r="I4" s="551"/>
      <c r="J4" s="551"/>
      <c r="K4" s="551"/>
      <c r="L4" s="559"/>
      <c r="M4" s="553" t="s">
        <v>52</v>
      </c>
      <c r="N4" s="555" t="s">
        <v>61</v>
      </c>
      <c r="O4" s="551"/>
      <c r="P4" s="552"/>
      <c r="Q4" s="550" t="s">
        <v>62</v>
      </c>
      <c r="R4" s="551"/>
      <c r="S4" s="551"/>
      <c r="T4" s="551"/>
      <c r="U4" s="551"/>
      <c r="V4" s="551"/>
      <c r="W4" s="552"/>
      <c r="X4" s="553" t="s">
        <v>52</v>
      </c>
      <c r="Y4" s="555" t="s">
        <v>61</v>
      </c>
      <c r="Z4" s="551"/>
      <c r="AA4" s="552"/>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2"/>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c r="DI4" s="555" t="s">
        <v>61</v>
      </c>
      <c r="DJ4" s="551"/>
      <c r="DK4" s="552"/>
      <c r="DL4" s="550" t="s">
        <v>62</v>
      </c>
      <c r="DM4" s="551"/>
      <c r="DN4" s="551"/>
      <c r="DO4" s="551"/>
      <c r="DP4" s="551"/>
      <c r="DQ4" s="551"/>
      <c r="DR4" s="552"/>
      <c r="DS4" s="553" t="s">
        <v>52</v>
      </c>
      <c r="DT4" s="555" t="s">
        <v>61</v>
      </c>
      <c r="DU4" s="551"/>
      <c r="DV4" s="552"/>
      <c r="DW4" s="550" t="s">
        <v>62</v>
      </c>
      <c r="DX4" s="551"/>
      <c r="DY4" s="551"/>
      <c r="DZ4" s="551"/>
      <c r="EA4" s="551"/>
      <c r="EB4" s="551"/>
      <c r="EC4" s="552"/>
      <c r="ED4" s="553" t="s">
        <v>52</v>
      </c>
      <c r="EE4" s="555" t="s">
        <v>61</v>
      </c>
      <c r="EF4" s="551"/>
      <c r="EG4" s="552"/>
      <c r="EH4" s="550" t="s">
        <v>62</v>
      </c>
      <c r="EI4" s="551"/>
      <c r="EJ4" s="551"/>
      <c r="EK4" s="551"/>
      <c r="EL4" s="551"/>
      <c r="EM4" s="551"/>
      <c r="EN4" s="552"/>
      <c r="EO4" s="553" t="s">
        <v>52</v>
      </c>
      <c r="EP4" s="555" t="s">
        <v>61</v>
      </c>
      <c r="EQ4" s="551"/>
      <c r="ER4" s="552"/>
      <c r="ES4" s="550" t="s">
        <v>62</v>
      </c>
      <c r="ET4" s="551"/>
      <c r="EU4" s="551"/>
      <c r="EV4" s="551"/>
      <c r="EW4" s="551"/>
      <c r="EX4" s="551"/>
      <c r="EY4" s="552"/>
      <c r="EZ4" s="553" t="s">
        <v>52</v>
      </c>
    </row>
    <row r="5" spans="2:156" ht="30" customHeight="1" thickBot="1" x14ac:dyDescent="0.25">
      <c r="B5" s="558"/>
      <c r="C5" s="325" t="s">
        <v>43</v>
      </c>
      <c r="D5" s="243" t="s">
        <v>160</v>
      </c>
      <c r="E5" s="354" t="s">
        <v>45</v>
      </c>
      <c r="F5" s="248" t="s">
        <v>83</v>
      </c>
      <c r="G5" s="243" t="s">
        <v>47</v>
      </c>
      <c r="H5" s="243" t="s">
        <v>48</v>
      </c>
      <c r="I5" s="243" t="s">
        <v>49</v>
      </c>
      <c r="J5" s="243" t="s">
        <v>50</v>
      </c>
      <c r="K5" s="243" t="s">
        <v>51</v>
      </c>
      <c r="L5" s="249" t="s">
        <v>45</v>
      </c>
      <c r="M5" s="554"/>
      <c r="N5" s="325" t="s">
        <v>43</v>
      </c>
      <c r="O5" s="243" t="s">
        <v>44</v>
      </c>
      <c r="P5" s="246" t="s">
        <v>45</v>
      </c>
      <c r="Q5" s="248" t="s">
        <v>83</v>
      </c>
      <c r="R5" s="243" t="s">
        <v>47</v>
      </c>
      <c r="S5" s="243" t="s">
        <v>48</v>
      </c>
      <c r="T5" s="243" t="s">
        <v>49</v>
      </c>
      <c r="U5" s="243" t="s">
        <v>50</v>
      </c>
      <c r="V5" s="243" t="s">
        <v>51</v>
      </c>
      <c r="W5" s="246" t="s">
        <v>45</v>
      </c>
      <c r="X5" s="554"/>
      <c r="Y5" s="325" t="s">
        <v>43</v>
      </c>
      <c r="Z5" s="243" t="s">
        <v>44</v>
      </c>
      <c r="AA5" s="246" t="s">
        <v>45</v>
      </c>
      <c r="AB5" s="248" t="s">
        <v>83</v>
      </c>
      <c r="AC5" s="243" t="s">
        <v>47</v>
      </c>
      <c r="AD5" s="243" t="s">
        <v>48</v>
      </c>
      <c r="AE5" s="243" t="s">
        <v>49</v>
      </c>
      <c r="AF5" s="243" t="s">
        <v>50</v>
      </c>
      <c r="AG5" s="243" t="s">
        <v>51</v>
      </c>
      <c r="AH5" s="246" t="s">
        <v>45</v>
      </c>
      <c r="AI5" s="554"/>
      <c r="AJ5" s="325" t="s">
        <v>43</v>
      </c>
      <c r="AK5" s="243" t="s">
        <v>44</v>
      </c>
      <c r="AL5" s="246" t="s">
        <v>45</v>
      </c>
      <c r="AM5" s="248" t="s">
        <v>83</v>
      </c>
      <c r="AN5" s="243" t="s">
        <v>47</v>
      </c>
      <c r="AO5" s="243" t="s">
        <v>48</v>
      </c>
      <c r="AP5" s="243" t="s">
        <v>49</v>
      </c>
      <c r="AQ5" s="243" t="s">
        <v>50</v>
      </c>
      <c r="AR5" s="243" t="s">
        <v>51</v>
      </c>
      <c r="AS5" s="246" t="s">
        <v>45</v>
      </c>
      <c r="AT5" s="554"/>
      <c r="AU5" s="325" t="s">
        <v>43</v>
      </c>
      <c r="AV5" s="243" t="s">
        <v>44</v>
      </c>
      <c r="AW5" s="246" t="s">
        <v>45</v>
      </c>
      <c r="AX5" s="248" t="s">
        <v>83</v>
      </c>
      <c r="AY5" s="243" t="s">
        <v>47</v>
      </c>
      <c r="AZ5" s="243" t="s">
        <v>48</v>
      </c>
      <c r="BA5" s="243" t="s">
        <v>49</v>
      </c>
      <c r="BB5" s="243" t="s">
        <v>50</v>
      </c>
      <c r="BC5" s="243" t="s">
        <v>51</v>
      </c>
      <c r="BD5" s="249" t="s">
        <v>45</v>
      </c>
      <c r="BE5" s="554"/>
      <c r="BF5" s="325" t="s">
        <v>43</v>
      </c>
      <c r="BG5" s="243" t="s">
        <v>44</v>
      </c>
      <c r="BH5" s="246" t="s">
        <v>45</v>
      </c>
      <c r="BI5" s="248" t="s">
        <v>83</v>
      </c>
      <c r="BJ5" s="243" t="s">
        <v>47</v>
      </c>
      <c r="BK5" s="243" t="s">
        <v>48</v>
      </c>
      <c r="BL5" s="243" t="s">
        <v>49</v>
      </c>
      <c r="BM5" s="243" t="s">
        <v>50</v>
      </c>
      <c r="BN5" s="243" t="s">
        <v>51</v>
      </c>
      <c r="BO5" s="246" t="s">
        <v>45</v>
      </c>
      <c r="BP5" s="554"/>
      <c r="BQ5" s="325" t="s">
        <v>43</v>
      </c>
      <c r="BR5" s="243" t="s">
        <v>44</v>
      </c>
      <c r="BS5" s="246" t="s">
        <v>45</v>
      </c>
      <c r="BT5" s="248" t="s">
        <v>83</v>
      </c>
      <c r="BU5" s="243" t="s">
        <v>47</v>
      </c>
      <c r="BV5" s="243" t="s">
        <v>48</v>
      </c>
      <c r="BW5" s="243" t="s">
        <v>49</v>
      </c>
      <c r="BX5" s="243" t="s">
        <v>50</v>
      </c>
      <c r="BY5" s="243" t="s">
        <v>51</v>
      </c>
      <c r="BZ5" s="246" t="s">
        <v>45</v>
      </c>
      <c r="CA5" s="554"/>
      <c r="CB5" s="325" t="s">
        <v>43</v>
      </c>
      <c r="CC5" s="243" t="s">
        <v>44</v>
      </c>
      <c r="CD5" s="246" t="s">
        <v>45</v>
      </c>
      <c r="CE5" s="248" t="s">
        <v>83</v>
      </c>
      <c r="CF5" s="243" t="s">
        <v>47</v>
      </c>
      <c r="CG5" s="243" t="s">
        <v>48</v>
      </c>
      <c r="CH5" s="243" t="s">
        <v>49</v>
      </c>
      <c r="CI5" s="243" t="s">
        <v>50</v>
      </c>
      <c r="CJ5" s="243" t="s">
        <v>51</v>
      </c>
      <c r="CK5" s="246" t="s">
        <v>45</v>
      </c>
      <c r="CL5" s="554"/>
      <c r="CM5" s="325" t="s">
        <v>43</v>
      </c>
      <c r="CN5" s="243" t="s">
        <v>44</v>
      </c>
      <c r="CO5" s="246" t="s">
        <v>45</v>
      </c>
      <c r="CP5" s="248" t="s">
        <v>83</v>
      </c>
      <c r="CQ5" s="243" t="s">
        <v>47</v>
      </c>
      <c r="CR5" s="243" t="s">
        <v>48</v>
      </c>
      <c r="CS5" s="243" t="s">
        <v>49</v>
      </c>
      <c r="CT5" s="243" t="s">
        <v>50</v>
      </c>
      <c r="CU5" s="243" t="s">
        <v>51</v>
      </c>
      <c r="CV5" s="246" t="s">
        <v>45</v>
      </c>
      <c r="CW5" s="554"/>
      <c r="CX5" s="325" t="s">
        <v>43</v>
      </c>
      <c r="CY5" s="243" t="s">
        <v>44</v>
      </c>
      <c r="CZ5" s="246" t="s">
        <v>45</v>
      </c>
      <c r="DA5" s="248" t="s">
        <v>83</v>
      </c>
      <c r="DB5" s="243" t="s">
        <v>47</v>
      </c>
      <c r="DC5" s="243" t="s">
        <v>48</v>
      </c>
      <c r="DD5" s="243" t="s">
        <v>49</v>
      </c>
      <c r="DE5" s="243" t="s">
        <v>50</v>
      </c>
      <c r="DF5" s="243" t="s">
        <v>51</v>
      </c>
      <c r="DG5" s="246" t="s">
        <v>45</v>
      </c>
      <c r="DH5" s="554"/>
      <c r="DI5" s="325" t="s">
        <v>43</v>
      </c>
      <c r="DJ5" s="243" t="s">
        <v>44</v>
      </c>
      <c r="DK5" s="246" t="s">
        <v>45</v>
      </c>
      <c r="DL5" s="248" t="s">
        <v>83</v>
      </c>
      <c r="DM5" s="243" t="s">
        <v>47</v>
      </c>
      <c r="DN5" s="243" t="s">
        <v>48</v>
      </c>
      <c r="DO5" s="243" t="s">
        <v>49</v>
      </c>
      <c r="DP5" s="243" t="s">
        <v>50</v>
      </c>
      <c r="DQ5" s="243" t="s">
        <v>51</v>
      </c>
      <c r="DR5" s="246" t="s">
        <v>45</v>
      </c>
      <c r="DS5" s="554"/>
      <c r="DT5" s="325" t="s">
        <v>43</v>
      </c>
      <c r="DU5" s="243" t="s">
        <v>44</v>
      </c>
      <c r="DV5" s="246" t="s">
        <v>45</v>
      </c>
      <c r="DW5" s="248" t="s">
        <v>83</v>
      </c>
      <c r="DX5" s="243" t="s">
        <v>47</v>
      </c>
      <c r="DY5" s="243" t="s">
        <v>48</v>
      </c>
      <c r="DZ5" s="243" t="s">
        <v>49</v>
      </c>
      <c r="EA5" s="243" t="s">
        <v>50</v>
      </c>
      <c r="EB5" s="243" t="s">
        <v>51</v>
      </c>
      <c r="EC5" s="246" t="s">
        <v>45</v>
      </c>
      <c r="ED5" s="554"/>
      <c r="EE5" s="325" t="s">
        <v>43</v>
      </c>
      <c r="EF5" s="243" t="s">
        <v>44</v>
      </c>
      <c r="EG5" s="246" t="s">
        <v>45</v>
      </c>
      <c r="EH5" s="248" t="s">
        <v>83</v>
      </c>
      <c r="EI5" s="243" t="s">
        <v>47</v>
      </c>
      <c r="EJ5" s="243" t="s">
        <v>48</v>
      </c>
      <c r="EK5" s="243" t="s">
        <v>49</v>
      </c>
      <c r="EL5" s="243" t="s">
        <v>50</v>
      </c>
      <c r="EM5" s="243" t="s">
        <v>51</v>
      </c>
      <c r="EN5" s="246" t="s">
        <v>45</v>
      </c>
      <c r="EO5" s="554"/>
      <c r="EP5" s="325" t="s">
        <v>43</v>
      </c>
      <c r="EQ5" s="243" t="s">
        <v>44</v>
      </c>
      <c r="ER5" s="246" t="s">
        <v>45</v>
      </c>
      <c r="ES5" s="248" t="s">
        <v>83</v>
      </c>
      <c r="ET5" s="243" t="s">
        <v>47</v>
      </c>
      <c r="EU5" s="243" t="s">
        <v>48</v>
      </c>
      <c r="EV5" s="243" t="s">
        <v>49</v>
      </c>
      <c r="EW5" s="243" t="s">
        <v>50</v>
      </c>
      <c r="EX5" s="243" t="s">
        <v>51</v>
      </c>
      <c r="EY5" s="246" t="s">
        <v>45</v>
      </c>
      <c r="EZ5" s="554"/>
    </row>
    <row r="6" spans="2:156" ht="21" customHeight="1" x14ac:dyDescent="0.2">
      <c r="B6" s="466" t="s">
        <v>4</v>
      </c>
      <c r="C6" s="250">
        <v>0</v>
      </c>
      <c r="D6" s="254">
        <v>0</v>
      </c>
      <c r="E6" s="355">
        <v>0</v>
      </c>
      <c r="F6" s="253">
        <v>0</v>
      </c>
      <c r="G6" s="254">
        <v>1149</v>
      </c>
      <c r="H6" s="254">
        <v>1329</v>
      </c>
      <c r="I6" s="254">
        <v>652</v>
      </c>
      <c r="J6" s="254">
        <v>595</v>
      </c>
      <c r="K6" s="254">
        <v>420</v>
      </c>
      <c r="L6" s="255">
        <v>4145</v>
      </c>
      <c r="M6" s="256">
        <v>4145</v>
      </c>
      <c r="N6" s="250">
        <v>0</v>
      </c>
      <c r="O6" s="254">
        <v>2</v>
      </c>
      <c r="P6" s="251">
        <v>2</v>
      </c>
      <c r="Q6" s="253">
        <v>0</v>
      </c>
      <c r="R6" s="254">
        <v>13</v>
      </c>
      <c r="S6" s="254">
        <v>33</v>
      </c>
      <c r="T6" s="254">
        <v>57</v>
      </c>
      <c r="U6" s="254">
        <v>130</v>
      </c>
      <c r="V6" s="254">
        <v>197</v>
      </c>
      <c r="W6" s="251">
        <v>430</v>
      </c>
      <c r="X6" s="256">
        <v>432</v>
      </c>
      <c r="Y6" s="250">
        <v>229</v>
      </c>
      <c r="Z6" s="254">
        <v>478</v>
      </c>
      <c r="AA6" s="251">
        <v>707</v>
      </c>
      <c r="AB6" s="253">
        <v>0</v>
      </c>
      <c r="AC6" s="254">
        <v>962</v>
      </c>
      <c r="AD6" s="254">
        <v>1285</v>
      </c>
      <c r="AE6" s="254">
        <v>734</v>
      </c>
      <c r="AF6" s="254">
        <v>605</v>
      </c>
      <c r="AG6" s="254">
        <v>390</v>
      </c>
      <c r="AH6" s="251">
        <v>3976</v>
      </c>
      <c r="AI6" s="256">
        <v>4683</v>
      </c>
      <c r="AJ6" s="250">
        <v>20</v>
      </c>
      <c r="AK6" s="254">
        <v>68</v>
      </c>
      <c r="AL6" s="251">
        <v>88</v>
      </c>
      <c r="AM6" s="253">
        <v>0</v>
      </c>
      <c r="AN6" s="254">
        <v>99</v>
      </c>
      <c r="AO6" s="254">
        <v>153</v>
      </c>
      <c r="AP6" s="254">
        <v>87</v>
      </c>
      <c r="AQ6" s="254">
        <v>78</v>
      </c>
      <c r="AR6" s="254">
        <v>42</v>
      </c>
      <c r="AS6" s="251">
        <v>459</v>
      </c>
      <c r="AT6" s="256">
        <v>547</v>
      </c>
      <c r="AU6" s="250">
        <v>299</v>
      </c>
      <c r="AV6" s="254">
        <v>354</v>
      </c>
      <c r="AW6" s="251">
        <v>653</v>
      </c>
      <c r="AX6" s="253">
        <v>0</v>
      </c>
      <c r="AY6" s="254">
        <v>1288</v>
      </c>
      <c r="AZ6" s="254">
        <v>1640</v>
      </c>
      <c r="BA6" s="254">
        <v>1394</v>
      </c>
      <c r="BB6" s="254">
        <v>1444</v>
      </c>
      <c r="BC6" s="254">
        <v>1038</v>
      </c>
      <c r="BD6" s="255">
        <v>6804</v>
      </c>
      <c r="BE6" s="256">
        <v>7457</v>
      </c>
      <c r="BF6" s="250">
        <v>0</v>
      </c>
      <c r="BG6" s="254">
        <v>0</v>
      </c>
      <c r="BH6" s="251">
        <v>0</v>
      </c>
      <c r="BI6" s="253">
        <v>0</v>
      </c>
      <c r="BJ6" s="254">
        <v>1400</v>
      </c>
      <c r="BK6" s="254">
        <v>1226</v>
      </c>
      <c r="BL6" s="254">
        <v>597</v>
      </c>
      <c r="BM6" s="254">
        <v>338</v>
      </c>
      <c r="BN6" s="254">
        <v>154</v>
      </c>
      <c r="BO6" s="251">
        <v>3715</v>
      </c>
      <c r="BP6" s="256">
        <v>3715</v>
      </c>
      <c r="BQ6" s="250">
        <v>126</v>
      </c>
      <c r="BR6" s="254">
        <v>176</v>
      </c>
      <c r="BS6" s="251">
        <v>302</v>
      </c>
      <c r="BT6" s="253">
        <v>0</v>
      </c>
      <c r="BU6" s="254">
        <v>362</v>
      </c>
      <c r="BV6" s="254">
        <v>506</v>
      </c>
      <c r="BW6" s="254">
        <v>291</v>
      </c>
      <c r="BX6" s="254">
        <v>178</v>
      </c>
      <c r="BY6" s="254">
        <v>68</v>
      </c>
      <c r="BZ6" s="251">
        <v>1405</v>
      </c>
      <c r="CA6" s="256">
        <v>1707</v>
      </c>
      <c r="CB6" s="250">
        <v>2</v>
      </c>
      <c r="CC6" s="254">
        <v>16</v>
      </c>
      <c r="CD6" s="251">
        <v>18</v>
      </c>
      <c r="CE6" s="253">
        <v>0</v>
      </c>
      <c r="CF6" s="254">
        <v>180</v>
      </c>
      <c r="CG6" s="254">
        <v>258</v>
      </c>
      <c r="CH6" s="254">
        <v>266</v>
      </c>
      <c r="CI6" s="254">
        <v>181</v>
      </c>
      <c r="CJ6" s="254">
        <v>99</v>
      </c>
      <c r="CK6" s="251">
        <v>984</v>
      </c>
      <c r="CL6" s="256">
        <v>1002</v>
      </c>
      <c r="CM6" s="250">
        <v>1</v>
      </c>
      <c r="CN6" s="254">
        <v>4</v>
      </c>
      <c r="CO6" s="251">
        <v>5</v>
      </c>
      <c r="CP6" s="253">
        <v>0</v>
      </c>
      <c r="CQ6" s="254">
        <v>27</v>
      </c>
      <c r="CR6" s="254">
        <v>49</v>
      </c>
      <c r="CS6" s="254">
        <v>45</v>
      </c>
      <c r="CT6" s="254">
        <v>53</v>
      </c>
      <c r="CU6" s="254">
        <v>27</v>
      </c>
      <c r="CV6" s="251">
        <v>201</v>
      </c>
      <c r="CW6" s="256">
        <v>206</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26</v>
      </c>
      <c r="DU6" s="254">
        <v>1318</v>
      </c>
      <c r="DV6" s="251">
        <v>1944</v>
      </c>
      <c r="DW6" s="253">
        <v>0</v>
      </c>
      <c r="DX6" s="254">
        <v>1691</v>
      </c>
      <c r="DY6" s="254">
        <v>2788</v>
      </c>
      <c r="DZ6" s="254">
        <v>1604</v>
      </c>
      <c r="EA6" s="254">
        <v>1246</v>
      </c>
      <c r="EB6" s="254">
        <v>732</v>
      </c>
      <c r="EC6" s="251">
        <v>8061</v>
      </c>
      <c r="ED6" s="256">
        <v>10005</v>
      </c>
      <c r="EE6" s="250">
        <v>207</v>
      </c>
      <c r="EF6" s="254">
        <v>149</v>
      </c>
      <c r="EG6" s="251">
        <v>356</v>
      </c>
      <c r="EH6" s="253">
        <v>0</v>
      </c>
      <c r="EI6" s="254">
        <v>621</v>
      </c>
      <c r="EJ6" s="254">
        <v>646</v>
      </c>
      <c r="EK6" s="254">
        <v>577</v>
      </c>
      <c r="EL6" s="254">
        <v>654</v>
      </c>
      <c r="EM6" s="254">
        <v>403</v>
      </c>
      <c r="EN6" s="251">
        <v>2901</v>
      </c>
      <c r="EO6" s="256">
        <v>3257</v>
      </c>
      <c r="EP6" s="250">
        <v>913</v>
      </c>
      <c r="EQ6" s="254">
        <v>1715</v>
      </c>
      <c r="ER6" s="251">
        <v>2628</v>
      </c>
      <c r="ES6" s="253">
        <v>0</v>
      </c>
      <c r="ET6" s="254">
        <v>3880</v>
      </c>
      <c r="EU6" s="254">
        <v>3949</v>
      </c>
      <c r="EV6" s="254">
        <v>1933</v>
      </c>
      <c r="EW6" s="254">
        <v>1351</v>
      </c>
      <c r="EX6" s="254">
        <v>758</v>
      </c>
      <c r="EY6" s="251">
        <v>11871</v>
      </c>
      <c r="EZ6" s="256">
        <v>14499</v>
      </c>
    </row>
    <row r="7" spans="2:156" ht="21" customHeight="1" x14ac:dyDescent="0.2">
      <c r="B7" s="467" t="s">
        <v>5</v>
      </c>
      <c r="C7" s="257">
        <v>0</v>
      </c>
      <c r="D7" s="261">
        <v>0</v>
      </c>
      <c r="E7" s="356">
        <v>0</v>
      </c>
      <c r="F7" s="260">
        <v>0</v>
      </c>
      <c r="G7" s="261">
        <v>456</v>
      </c>
      <c r="H7" s="261">
        <v>691</v>
      </c>
      <c r="I7" s="261">
        <v>297</v>
      </c>
      <c r="J7" s="261">
        <v>266</v>
      </c>
      <c r="K7" s="261">
        <v>182</v>
      </c>
      <c r="L7" s="262">
        <v>1892</v>
      </c>
      <c r="M7" s="263">
        <v>1892</v>
      </c>
      <c r="N7" s="257">
        <v>0</v>
      </c>
      <c r="O7" s="261">
        <v>2</v>
      </c>
      <c r="P7" s="258">
        <v>2</v>
      </c>
      <c r="Q7" s="260">
        <v>0</v>
      </c>
      <c r="R7" s="261">
        <v>4</v>
      </c>
      <c r="S7" s="261">
        <v>12</v>
      </c>
      <c r="T7" s="261">
        <v>25</v>
      </c>
      <c r="U7" s="261">
        <v>47</v>
      </c>
      <c r="V7" s="261">
        <v>105</v>
      </c>
      <c r="W7" s="258">
        <v>193</v>
      </c>
      <c r="X7" s="263">
        <v>195</v>
      </c>
      <c r="Y7" s="257">
        <v>105</v>
      </c>
      <c r="Z7" s="261">
        <v>243</v>
      </c>
      <c r="AA7" s="258">
        <v>348</v>
      </c>
      <c r="AB7" s="260">
        <v>0</v>
      </c>
      <c r="AC7" s="261">
        <v>342</v>
      </c>
      <c r="AD7" s="261">
        <v>695</v>
      </c>
      <c r="AE7" s="261">
        <v>353</v>
      </c>
      <c r="AF7" s="261">
        <v>282</v>
      </c>
      <c r="AG7" s="261">
        <v>180</v>
      </c>
      <c r="AH7" s="258">
        <v>1852</v>
      </c>
      <c r="AI7" s="263">
        <v>2200</v>
      </c>
      <c r="AJ7" s="257">
        <v>8</v>
      </c>
      <c r="AK7" s="261">
        <v>37</v>
      </c>
      <c r="AL7" s="258">
        <v>45</v>
      </c>
      <c r="AM7" s="260">
        <v>0</v>
      </c>
      <c r="AN7" s="261">
        <v>33</v>
      </c>
      <c r="AO7" s="261">
        <v>75</v>
      </c>
      <c r="AP7" s="261">
        <v>35</v>
      </c>
      <c r="AQ7" s="261">
        <v>37</v>
      </c>
      <c r="AR7" s="261">
        <v>14</v>
      </c>
      <c r="AS7" s="258">
        <v>194</v>
      </c>
      <c r="AT7" s="263">
        <v>239</v>
      </c>
      <c r="AU7" s="257">
        <v>137</v>
      </c>
      <c r="AV7" s="261">
        <v>182</v>
      </c>
      <c r="AW7" s="258">
        <v>319</v>
      </c>
      <c r="AX7" s="260">
        <v>0</v>
      </c>
      <c r="AY7" s="261">
        <v>505</v>
      </c>
      <c r="AZ7" s="261">
        <v>793</v>
      </c>
      <c r="BA7" s="261">
        <v>622</v>
      </c>
      <c r="BB7" s="261">
        <v>642</v>
      </c>
      <c r="BC7" s="261">
        <v>422</v>
      </c>
      <c r="BD7" s="262">
        <v>2984</v>
      </c>
      <c r="BE7" s="263">
        <v>3303</v>
      </c>
      <c r="BF7" s="257">
        <v>0</v>
      </c>
      <c r="BG7" s="261">
        <v>0</v>
      </c>
      <c r="BH7" s="258">
        <v>0</v>
      </c>
      <c r="BI7" s="260">
        <v>0</v>
      </c>
      <c r="BJ7" s="261">
        <v>452</v>
      </c>
      <c r="BK7" s="261">
        <v>545</v>
      </c>
      <c r="BL7" s="261">
        <v>234</v>
      </c>
      <c r="BM7" s="261">
        <v>132</v>
      </c>
      <c r="BN7" s="261">
        <v>64</v>
      </c>
      <c r="BO7" s="258">
        <v>1427</v>
      </c>
      <c r="BP7" s="263">
        <v>1427</v>
      </c>
      <c r="BQ7" s="257">
        <v>60</v>
      </c>
      <c r="BR7" s="261">
        <v>94</v>
      </c>
      <c r="BS7" s="258">
        <v>154</v>
      </c>
      <c r="BT7" s="260">
        <v>0</v>
      </c>
      <c r="BU7" s="261">
        <v>115</v>
      </c>
      <c r="BV7" s="261">
        <v>251</v>
      </c>
      <c r="BW7" s="261">
        <v>127</v>
      </c>
      <c r="BX7" s="261">
        <v>79</v>
      </c>
      <c r="BY7" s="261">
        <v>30</v>
      </c>
      <c r="BZ7" s="258">
        <v>602</v>
      </c>
      <c r="CA7" s="263">
        <v>756</v>
      </c>
      <c r="CB7" s="257">
        <v>1</v>
      </c>
      <c r="CC7" s="261">
        <v>6</v>
      </c>
      <c r="CD7" s="258">
        <v>7</v>
      </c>
      <c r="CE7" s="260">
        <v>0</v>
      </c>
      <c r="CF7" s="261">
        <v>54</v>
      </c>
      <c r="CG7" s="261">
        <v>105</v>
      </c>
      <c r="CH7" s="261">
        <v>104</v>
      </c>
      <c r="CI7" s="261">
        <v>65</v>
      </c>
      <c r="CJ7" s="261">
        <v>42</v>
      </c>
      <c r="CK7" s="258">
        <v>370</v>
      </c>
      <c r="CL7" s="263">
        <v>377</v>
      </c>
      <c r="CM7" s="257">
        <v>1</v>
      </c>
      <c r="CN7" s="261">
        <v>4</v>
      </c>
      <c r="CO7" s="258">
        <v>5</v>
      </c>
      <c r="CP7" s="260">
        <v>0</v>
      </c>
      <c r="CQ7" s="261">
        <v>9</v>
      </c>
      <c r="CR7" s="261">
        <v>33</v>
      </c>
      <c r="CS7" s="261">
        <v>27</v>
      </c>
      <c r="CT7" s="261">
        <v>34</v>
      </c>
      <c r="CU7" s="261">
        <v>12</v>
      </c>
      <c r="CV7" s="258">
        <v>115</v>
      </c>
      <c r="CW7" s="263">
        <v>120</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33</v>
      </c>
      <c r="DU7" s="261">
        <v>602</v>
      </c>
      <c r="DV7" s="258">
        <v>835</v>
      </c>
      <c r="DW7" s="260">
        <v>0</v>
      </c>
      <c r="DX7" s="261">
        <v>513</v>
      </c>
      <c r="DY7" s="261">
        <v>1323</v>
      </c>
      <c r="DZ7" s="261">
        <v>669</v>
      </c>
      <c r="EA7" s="261">
        <v>546</v>
      </c>
      <c r="EB7" s="261">
        <v>312</v>
      </c>
      <c r="EC7" s="258">
        <v>3363</v>
      </c>
      <c r="ED7" s="263">
        <v>4198</v>
      </c>
      <c r="EE7" s="257">
        <v>89</v>
      </c>
      <c r="EF7" s="261">
        <v>76</v>
      </c>
      <c r="EG7" s="258">
        <v>165</v>
      </c>
      <c r="EH7" s="260">
        <v>0</v>
      </c>
      <c r="EI7" s="261">
        <v>255</v>
      </c>
      <c r="EJ7" s="261">
        <v>327</v>
      </c>
      <c r="EK7" s="261">
        <v>273</v>
      </c>
      <c r="EL7" s="261">
        <v>292</v>
      </c>
      <c r="EM7" s="261">
        <v>159</v>
      </c>
      <c r="EN7" s="258">
        <v>1306</v>
      </c>
      <c r="EO7" s="263">
        <v>1471</v>
      </c>
      <c r="EP7" s="257">
        <v>372</v>
      </c>
      <c r="EQ7" s="261">
        <v>822</v>
      </c>
      <c r="ER7" s="258">
        <v>1194</v>
      </c>
      <c r="ES7" s="260">
        <v>0</v>
      </c>
      <c r="ET7" s="261">
        <v>1369</v>
      </c>
      <c r="EU7" s="261">
        <v>1929</v>
      </c>
      <c r="EV7" s="261">
        <v>856</v>
      </c>
      <c r="EW7" s="261">
        <v>591</v>
      </c>
      <c r="EX7" s="261">
        <v>337</v>
      </c>
      <c r="EY7" s="258">
        <v>5082</v>
      </c>
      <c r="EZ7" s="263">
        <v>6276</v>
      </c>
    </row>
    <row r="8" spans="2:156" ht="21" customHeight="1" x14ac:dyDescent="0.2">
      <c r="B8" s="468" t="s">
        <v>6</v>
      </c>
      <c r="C8" s="257">
        <v>0</v>
      </c>
      <c r="D8" s="261">
        <v>0</v>
      </c>
      <c r="E8" s="356">
        <v>0</v>
      </c>
      <c r="F8" s="260">
        <v>0</v>
      </c>
      <c r="G8" s="261">
        <v>218</v>
      </c>
      <c r="H8" s="261">
        <v>178</v>
      </c>
      <c r="I8" s="261">
        <v>94</v>
      </c>
      <c r="J8" s="261">
        <v>92</v>
      </c>
      <c r="K8" s="261">
        <v>67</v>
      </c>
      <c r="L8" s="262">
        <v>649</v>
      </c>
      <c r="M8" s="263">
        <v>649</v>
      </c>
      <c r="N8" s="257">
        <v>0</v>
      </c>
      <c r="O8" s="261">
        <v>0</v>
      </c>
      <c r="P8" s="258">
        <v>0</v>
      </c>
      <c r="Q8" s="260">
        <v>0</v>
      </c>
      <c r="R8" s="261">
        <v>1</v>
      </c>
      <c r="S8" s="261">
        <v>10</v>
      </c>
      <c r="T8" s="261">
        <v>13</v>
      </c>
      <c r="U8" s="261">
        <v>28</v>
      </c>
      <c r="V8" s="261">
        <v>22</v>
      </c>
      <c r="W8" s="258">
        <v>74</v>
      </c>
      <c r="X8" s="263">
        <v>74</v>
      </c>
      <c r="Y8" s="257">
        <v>40</v>
      </c>
      <c r="Z8" s="261">
        <v>83</v>
      </c>
      <c r="AA8" s="258">
        <v>123</v>
      </c>
      <c r="AB8" s="260">
        <v>0</v>
      </c>
      <c r="AC8" s="261">
        <v>232</v>
      </c>
      <c r="AD8" s="261">
        <v>188</v>
      </c>
      <c r="AE8" s="261">
        <v>128</v>
      </c>
      <c r="AF8" s="261">
        <v>103</v>
      </c>
      <c r="AG8" s="261">
        <v>55</v>
      </c>
      <c r="AH8" s="258">
        <v>706</v>
      </c>
      <c r="AI8" s="263">
        <v>829</v>
      </c>
      <c r="AJ8" s="257">
        <v>4</v>
      </c>
      <c r="AK8" s="261">
        <v>5</v>
      </c>
      <c r="AL8" s="258">
        <v>9</v>
      </c>
      <c r="AM8" s="260">
        <v>0</v>
      </c>
      <c r="AN8" s="261">
        <v>18</v>
      </c>
      <c r="AO8" s="261">
        <v>14</v>
      </c>
      <c r="AP8" s="261">
        <v>17</v>
      </c>
      <c r="AQ8" s="261">
        <v>9</v>
      </c>
      <c r="AR8" s="261">
        <v>5</v>
      </c>
      <c r="AS8" s="258">
        <v>63</v>
      </c>
      <c r="AT8" s="263">
        <v>72</v>
      </c>
      <c r="AU8" s="257">
        <v>48</v>
      </c>
      <c r="AV8" s="261">
        <v>58</v>
      </c>
      <c r="AW8" s="258">
        <v>106</v>
      </c>
      <c r="AX8" s="260">
        <v>0</v>
      </c>
      <c r="AY8" s="261">
        <v>267</v>
      </c>
      <c r="AZ8" s="261">
        <v>287</v>
      </c>
      <c r="BA8" s="261">
        <v>240</v>
      </c>
      <c r="BB8" s="261">
        <v>271</v>
      </c>
      <c r="BC8" s="261">
        <v>209</v>
      </c>
      <c r="BD8" s="262">
        <v>1274</v>
      </c>
      <c r="BE8" s="263">
        <v>1380</v>
      </c>
      <c r="BF8" s="257">
        <v>0</v>
      </c>
      <c r="BG8" s="261">
        <v>0</v>
      </c>
      <c r="BH8" s="258">
        <v>0</v>
      </c>
      <c r="BI8" s="260">
        <v>0</v>
      </c>
      <c r="BJ8" s="261">
        <v>270</v>
      </c>
      <c r="BK8" s="261">
        <v>176</v>
      </c>
      <c r="BL8" s="261">
        <v>94</v>
      </c>
      <c r="BM8" s="261">
        <v>48</v>
      </c>
      <c r="BN8" s="261">
        <v>25</v>
      </c>
      <c r="BO8" s="258">
        <v>613</v>
      </c>
      <c r="BP8" s="263">
        <v>613</v>
      </c>
      <c r="BQ8" s="257">
        <v>11</v>
      </c>
      <c r="BR8" s="261">
        <v>16</v>
      </c>
      <c r="BS8" s="258">
        <v>27</v>
      </c>
      <c r="BT8" s="260">
        <v>0</v>
      </c>
      <c r="BU8" s="261">
        <v>61</v>
      </c>
      <c r="BV8" s="261">
        <v>63</v>
      </c>
      <c r="BW8" s="261">
        <v>42</v>
      </c>
      <c r="BX8" s="261">
        <v>26</v>
      </c>
      <c r="BY8" s="261">
        <v>8</v>
      </c>
      <c r="BZ8" s="258">
        <v>200</v>
      </c>
      <c r="CA8" s="263">
        <v>227</v>
      </c>
      <c r="CB8" s="257">
        <v>0</v>
      </c>
      <c r="CC8" s="261">
        <v>2</v>
      </c>
      <c r="CD8" s="258">
        <v>2</v>
      </c>
      <c r="CE8" s="260">
        <v>0</v>
      </c>
      <c r="CF8" s="261">
        <v>26</v>
      </c>
      <c r="CG8" s="261">
        <v>36</v>
      </c>
      <c r="CH8" s="261">
        <v>44</v>
      </c>
      <c r="CI8" s="261">
        <v>23</v>
      </c>
      <c r="CJ8" s="261">
        <v>13</v>
      </c>
      <c r="CK8" s="258">
        <v>142</v>
      </c>
      <c r="CL8" s="263">
        <v>144</v>
      </c>
      <c r="CM8" s="257">
        <v>0</v>
      </c>
      <c r="CN8" s="261">
        <v>0</v>
      </c>
      <c r="CO8" s="258">
        <v>0</v>
      </c>
      <c r="CP8" s="260">
        <v>0</v>
      </c>
      <c r="CQ8" s="261">
        <v>5</v>
      </c>
      <c r="CR8" s="261">
        <v>6</v>
      </c>
      <c r="CS8" s="261">
        <v>8</v>
      </c>
      <c r="CT8" s="261">
        <v>5</v>
      </c>
      <c r="CU8" s="261">
        <v>4</v>
      </c>
      <c r="CV8" s="258">
        <v>28</v>
      </c>
      <c r="CW8" s="263">
        <v>28</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8</v>
      </c>
      <c r="DU8" s="261">
        <v>188</v>
      </c>
      <c r="DV8" s="258">
        <v>306</v>
      </c>
      <c r="DW8" s="260">
        <v>0</v>
      </c>
      <c r="DX8" s="261">
        <v>368</v>
      </c>
      <c r="DY8" s="261">
        <v>423</v>
      </c>
      <c r="DZ8" s="261">
        <v>263</v>
      </c>
      <c r="EA8" s="261">
        <v>204</v>
      </c>
      <c r="EB8" s="261">
        <v>115</v>
      </c>
      <c r="EC8" s="258">
        <v>1373</v>
      </c>
      <c r="ED8" s="263">
        <v>1679</v>
      </c>
      <c r="EE8" s="257">
        <v>34</v>
      </c>
      <c r="EF8" s="261">
        <v>21</v>
      </c>
      <c r="EG8" s="258">
        <v>55</v>
      </c>
      <c r="EH8" s="260">
        <v>0</v>
      </c>
      <c r="EI8" s="261">
        <v>120</v>
      </c>
      <c r="EJ8" s="261">
        <v>106</v>
      </c>
      <c r="EK8" s="261">
        <v>83</v>
      </c>
      <c r="EL8" s="261">
        <v>127</v>
      </c>
      <c r="EM8" s="261">
        <v>80</v>
      </c>
      <c r="EN8" s="258">
        <v>516</v>
      </c>
      <c r="EO8" s="263">
        <v>571</v>
      </c>
      <c r="EP8" s="257">
        <v>155</v>
      </c>
      <c r="EQ8" s="261">
        <v>250</v>
      </c>
      <c r="ER8" s="258">
        <v>405</v>
      </c>
      <c r="ES8" s="260">
        <v>0</v>
      </c>
      <c r="ET8" s="261">
        <v>761</v>
      </c>
      <c r="EU8" s="261">
        <v>568</v>
      </c>
      <c r="EV8" s="261">
        <v>304</v>
      </c>
      <c r="EW8" s="261">
        <v>219</v>
      </c>
      <c r="EX8" s="261">
        <v>114</v>
      </c>
      <c r="EY8" s="258">
        <v>1966</v>
      </c>
      <c r="EZ8" s="263">
        <v>2371</v>
      </c>
    </row>
    <row r="9" spans="2:156" ht="21" customHeight="1" x14ac:dyDescent="0.2">
      <c r="B9" s="468" t="s">
        <v>14</v>
      </c>
      <c r="C9" s="257">
        <v>0</v>
      </c>
      <c r="D9" s="261">
        <v>0</v>
      </c>
      <c r="E9" s="356">
        <v>0</v>
      </c>
      <c r="F9" s="260">
        <v>0</v>
      </c>
      <c r="G9" s="261">
        <v>50</v>
      </c>
      <c r="H9" s="261">
        <v>82</v>
      </c>
      <c r="I9" s="261">
        <v>33</v>
      </c>
      <c r="J9" s="261">
        <v>43</v>
      </c>
      <c r="K9" s="261">
        <v>26</v>
      </c>
      <c r="L9" s="262">
        <v>234</v>
      </c>
      <c r="M9" s="263">
        <v>234</v>
      </c>
      <c r="N9" s="257">
        <v>0</v>
      </c>
      <c r="O9" s="261">
        <v>0</v>
      </c>
      <c r="P9" s="258">
        <v>0</v>
      </c>
      <c r="Q9" s="260">
        <v>0</v>
      </c>
      <c r="R9" s="261">
        <v>1</v>
      </c>
      <c r="S9" s="261">
        <v>2</v>
      </c>
      <c r="T9" s="261">
        <v>2</v>
      </c>
      <c r="U9" s="261">
        <v>13</v>
      </c>
      <c r="V9" s="261">
        <v>11</v>
      </c>
      <c r="W9" s="258">
        <v>29</v>
      </c>
      <c r="X9" s="263">
        <v>29</v>
      </c>
      <c r="Y9" s="257">
        <v>4</v>
      </c>
      <c r="Z9" s="261">
        <v>21</v>
      </c>
      <c r="AA9" s="258">
        <v>25</v>
      </c>
      <c r="AB9" s="260">
        <v>0</v>
      </c>
      <c r="AC9" s="261">
        <v>34</v>
      </c>
      <c r="AD9" s="261">
        <v>67</v>
      </c>
      <c r="AE9" s="261">
        <v>33</v>
      </c>
      <c r="AF9" s="261">
        <v>39</v>
      </c>
      <c r="AG9" s="261">
        <v>30</v>
      </c>
      <c r="AH9" s="258">
        <v>203</v>
      </c>
      <c r="AI9" s="263">
        <v>228</v>
      </c>
      <c r="AJ9" s="257">
        <v>0</v>
      </c>
      <c r="AK9" s="261">
        <v>4</v>
      </c>
      <c r="AL9" s="258">
        <v>4</v>
      </c>
      <c r="AM9" s="260">
        <v>0</v>
      </c>
      <c r="AN9" s="261">
        <v>4</v>
      </c>
      <c r="AO9" s="261">
        <v>3</v>
      </c>
      <c r="AP9" s="261">
        <v>4</v>
      </c>
      <c r="AQ9" s="261">
        <v>0</v>
      </c>
      <c r="AR9" s="261">
        <v>1</v>
      </c>
      <c r="AS9" s="258">
        <v>12</v>
      </c>
      <c r="AT9" s="263">
        <v>16</v>
      </c>
      <c r="AU9" s="257">
        <v>10</v>
      </c>
      <c r="AV9" s="261">
        <v>23</v>
      </c>
      <c r="AW9" s="258">
        <v>33</v>
      </c>
      <c r="AX9" s="260">
        <v>0</v>
      </c>
      <c r="AY9" s="261">
        <v>72</v>
      </c>
      <c r="AZ9" s="261">
        <v>96</v>
      </c>
      <c r="BA9" s="261">
        <v>83</v>
      </c>
      <c r="BB9" s="261">
        <v>85</v>
      </c>
      <c r="BC9" s="261">
        <v>63</v>
      </c>
      <c r="BD9" s="262">
        <v>399</v>
      </c>
      <c r="BE9" s="263">
        <v>432</v>
      </c>
      <c r="BF9" s="257">
        <v>0</v>
      </c>
      <c r="BG9" s="261">
        <v>0</v>
      </c>
      <c r="BH9" s="258">
        <v>0</v>
      </c>
      <c r="BI9" s="260">
        <v>0</v>
      </c>
      <c r="BJ9" s="261">
        <v>100</v>
      </c>
      <c r="BK9" s="261">
        <v>96</v>
      </c>
      <c r="BL9" s="261">
        <v>68</v>
      </c>
      <c r="BM9" s="261">
        <v>23</v>
      </c>
      <c r="BN9" s="261">
        <v>14</v>
      </c>
      <c r="BO9" s="258">
        <v>301</v>
      </c>
      <c r="BP9" s="263">
        <v>301</v>
      </c>
      <c r="BQ9" s="257">
        <v>6</v>
      </c>
      <c r="BR9" s="261">
        <v>10</v>
      </c>
      <c r="BS9" s="258">
        <v>16</v>
      </c>
      <c r="BT9" s="260">
        <v>0</v>
      </c>
      <c r="BU9" s="261">
        <v>10</v>
      </c>
      <c r="BV9" s="261">
        <v>21</v>
      </c>
      <c r="BW9" s="261">
        <v>13</v>
      </c>
      <c r="BX9" s="261">
        <v>10</v>
      </c>
      <c r="BY9" s="261">
        <v>3</v>
      </c>
      <c r="BZ9" s="258">
        <v>57</v>
      </c>
      <c r="CA9" s="263">
        <v>73</v>
      </c>
      <c r="CB9" s="257">
        <v>0</v>
      </c>
      <c r="CC9" s="261">
        <v>0</v>
      </c>
      <c r="CD9" s="258">
        <v>0</v>
      </c>
      <c r="CE9" s="260">
        <v>0</v>
      </c>
      <c r="CF9" s="261">
        <v>12</v>
      </c>
      <c r="CG9" s="261">
        <v>26</v>
      </c>
      <c r="CH9" s="261">
        <v>19</v>
      </c>
      <c r="CI9" s="261">
        <v>19</v>
      </c>
      <c r="CJ9" s="261">
        <v>8</v>
      </c>
      <c r="CK9" s="258">
        <v>84</v>
      </c>
      <c r="CL9" s="263">
        <v>84</v>
      </c>
      <c r="CM9" s="257">
        <v>0</v>
      </c>
      <c r="CN9" s="261">
        <v>0</v>
      </c>
      <c r="CO9" s="258">
        <v>0</v>
      </c>
      <c r="CP9" s="260">
        <v>0</v>
      </c>
      <c r="CQ9" s="261">
        <v>0</v>
      </c>
      <c r="CR9" s="261">
        <v>1</v>
      </c>
      <c r="CS9" s="261">
        <v>1</v>
      </c>
      <c r="CT9" s="261">
        <v>1</v>
      </c>
      <c r="CU9" s="261">
        <v>0</v>
      </c>
      <c r="CV9" s="258">
        <v>3</v>
      </c>
      <c r="CW9" s="263">
        <v>3</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1</v>
      </c>
      <c r="DU9" s="261">
        <v>85</v>
      </c>
      <c r="DV9" s="258">
        <v>116</v>
      </c>
      <c r="DW9" s="260">
        <v>0</v>
      </c>
      <c r="DX9" s="261">
        <v>78</v>
      </c>
      <c r="DY9" s="261">
        <v>187</v>
      </c>
      <c r="DZ9" s="261">
        <v>120</v>
      </c>
      <c r="EA9" s="261">
        <v>73</v>
      </c>
      <c r="EB9" s="261">
        <v>49</v>
      </c>
      <c r="EC9" s="258">
        <v>507</v>
      </c>
      <c r="ED9" s="263">
        <v>623</v>
      </c>
      <c r="EE9" s="257">
        <v>7</v>
      </c>
      <c r="EF9" s="261">
        <v>8</v>
      </c>
      <c r="EG9" s="258">
        <v>15</v>
      </c>
      <c r="EH9" s="260">
        <v>0</v>
      </c>
      <c r="EI9" s="261">
        <v>37</v>
      </c>
      <c r="EJ9" s="261">
        <v>33</v>
      </c>
      <c r="EK9" s="261">
        <v>32</v>
      </c>
      <c r="EL9" s="261">
        <v>26</v>
      </c>
      <c r="EM9" s="261">
        <v>17</v>
      </c>
      <c r="EN9" s="258">
        <v>145</v>
      </c>
      <c r="EO9" s="263">
        <v>160</v>
      </c>
      <c r="EP9" s="257">
        <v>39</v>
      </c>
      <c r="EQ9" s="261">
        <v>104</v>
      </c>
      <c r="ER9" s="258">
        <v>143</v>
      </c>
      <c r="ES9" s="260">
        <v>0</v>
      </c>
      <c r="ET9" s="261">
        <v>192</v>
      </c>
      <c r="EU9" s="261">
        <v>273</v>
      </c>
      <c r="EV9" s="261">
        <v>136</v>
      </c>
      <c r="EW9" s="261">
        <v>83</v>
      </c>
      <c r="EX9" s="261">
        <v>46</v>
      </c>
      <c r="EY9" s="258">
        <v>730</v>
      </c>
      <c r="EZ9" s="263">
        <v>873</v>
      </c>
    </row>
    <row r="10" spans="2:156" ht="21" customHeight="1" x14ac:dyDescent="0.2">
      <c r="B10" s="468" t="s">
        <v>7</v>
      </c>
      <c r="C10" s="257">
        <v>0</v>
      </c>
      <c r="D10" s="261">
        <v>0</v>
      </c>
      <c r="E10" s="356">
        <v>0</v>
      </c>
      <c r="F10" s="260">
        <v>0</v>
      </c>
      <c r="G10" s="261">
        <v>53</v>
      </c>
      <c r="H10" s="261">
        <v>44</v>
      </c>
      <c r="I10" s="261">
        <v>17</v>
      </c>
      <c r="J10" s="261">
        <v>22</v>
      </c>
      <c r="K10" s="261">
        <v>16</v>
      </c>
      <c r="L10" s="262">
        <v>152</v>
      </c>
      <c r="M10" s="263">
        <v>152</v>
      </c>
      <c r="N10" s="257">
        <v>0</v>
      </c>
      <c r="O10" s="261">
        <v>0</v>
      </c>
      <c r="P10" s="258">
        <v>0</v>
      </c>
      <c r="Q10" s="260">
        <v>0</v>
      </c>
      <c r="R10" s="261">
        <v>1</v>
      </c>
      <c r="S10" s="261">
        <v>1</v>
      </c>
      <c r="T10" s="261">
        <v>3</v>
      </c>
      <c r="U10" s="261">
        <v>6</v>
      </c>
      <c r="V10" s="261">
        <v>7</v>
      </c>
      <c r="W10" s="258">
        <v>18</v>
      </c>
      <c r="X10" s="263">
        <v>18</v>
      </c>
      <c r="Y10" s="257">
        <v>2</v>
      </c>
      <c r="Z10" s="261">
        <v>2</v>
      </c>
      <c r="AA10" s="258">
        <v>4</v>
      </c>
      <c r="AB10" s="260">
        <v>0</v>
      </c>
      <c r="AC10" s="261">
        <v>27</v>
      </c>
      <c r="AD10" s="261">
        <v>25</v>
      </c>
      <c r="AE10" s="261">
        <v>19</v>
      </c>
      <c r="AF10" s="261">
        <v>20</v>
      </c>
      <c r="AG10" s="261">
        <v>12</v>
      </c>
      <c r="AH10" s="258">
        <v>103</v>
      </c>
      <c r="AI10" s="263">
        <v>107</v>
      </c>
      <c r="AJ10" s="257">
        <v>1</v>
      </c>
      <c r="AK10" s="261">
        <v>0</v>
      </c>
      <c r="AL10" s="258">
        <v>1</v>
      </c>
      <c r="AM10" s="260">
        <v>0</v>
      </c>
      <c r="AN10" s="261">
        <v>3</v>
      </c>
      <c r="AO10" s="261">
        <v>8</v>
      </c>
      <c r="AP10" s="261">
        <v>2</v>
      </c>
      <c r="AQ10" s="261">
        <v>4</v>
      </c>
      <c r="AR10" s="261">
        <v>0</v>
      </c>
      <c r="AS10" s="258">
        <v>17</v>
      </c>
      <c r="AT10" s="263">
        <v>18</v>
      </c>
      <c r="AU10" s="257">
        <v>15</v>
      </c>
      <c r="AV10" s="261">
        <v>6</v>
      </c>
      <c r="AW10" s="258">
        <v>21</v>
      </c>
      <c r="AX10" s="260">
        <v>0</v>
      </c>
      <c r="AY10" s="261">
        <v>69</v>
      </c>
      <c r="AZ10" s="261">
        <v>51</v>
      </c>
      <c r="BA10" s="261">
        <v>42</v>
      </c>
      <c r="BB10" s="261">
        <v>48</v>
      </c>
      <c r="BC10" s="261">
        <v>34</v>
      </c>
      <c r="BD10" s="262">
        <v>244</v>
      </c>
      <c r="BE10" s="263">
        <v>265</v>
      </c>
      <c r="BF10" s="257">
        <v>0</v>
      </c>
      <c r="BG10" s="261">
        <v>0</v>
      </c>
      <c r="BH10" s="258">
        <v>0</v>
      </c>
      <c r="BI10" s="260">
        <v>0</v>
      </c>
      <c r="BJ10" s="261">
        <v>79</v>
      </c>
      <c r="BK10" s="261">
        <v>35</v>
      </c>
      <c r="BL10" s="261">
        <v>15</v>
      </c>
      <c r="BM10" s="261">
        <v>10</v>
      </c>
      <c r="BN10" s="261">
        <v>6</v>
      </c>
      <c r="BO10" s="258">
        <v>145</v>
      </c>
      <c r="BP10" s="263">
        <v>145</v>
      </c>
      <c r="BQ10" s="257">
        <v>3</v>
      </c>
      <c r="BR10" s="261">
        <v>4</v>
      </c>
      <c r="BS10" s="258">
        <v>7</v>
      </c>
      <c r="BT10" s="260">
        <v>0</v>
      </c>
      <c r="BU10" s="261">
        <v>18</v>
      </c>
      <c r="BV10" s="261">
        <v>13</v>
      </c>
      <c r="BW10" s="261">
        <v>8</v>
      </c>
      <c r="BX10" s="261">
        <v>5</v>
      </c>
      <c r="BY10" s="261">
        <v>2</v>
      </c>
      <c r="BZ10" s="258">
        <v>46</v>
      </c>
      <c r="CA10" s="263">
        <v>53</v>
      </c>
      <c r="CB10" s="257">
        <v>0</v>
      </c>
      <c r="CC10" s="261">
        <v>0</v>
      </c>
      <c r="CD10" s="258">
        <v>0</v>
      </c>
      <c r="CE10" s="260">
        <v>0</v>
      </c>
      <c r="CF10" s="261">
        <v>10</v>
      </c>
      <c r="CG10" s="261">
        <v>12</v>
      </c>
      <c r="CH10" s="261">
        <v>5</v>
      </c>
      <c r="CI10" s="261">
        <v>10</v>
      </c>
      <c r="CJ10" s="261">
        <v>6</v>
      </c>
      <c r="CK10" s="258">
        <v>43</v>
      </c>
      <c r="CL10" s="263">
        <v>43</v>
      </c>
      <c r="CM10" s="257">
        <v>0</v>
      </c>
      <c r="CN10" s="261">
        <v>0</v>
      </c>
      <c r="CO10" s="258">
        <v>0</v>
      </c>
      <c r="CP10" s="260">
        <v>0</v>
      </c>
      <c r="CQ10" s="261">
        <v>0</v>
      </c>
      <c r="CR10" s="261">
        <v>0</v>
      </c>
      <c r="CS10" s="261">
        <v>0</v>
      </c>
      <c r="CT10" s="261">
        <v>1</v>
      </c>
      <c r="CU10" s="261">
        <v>0</v>
      </c>
      <c r="CV10" s="258">
        <v>1</v>
      </c>
      <c r="CW10" s="263">
        <v>1</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1</v>
      </c>
      <c r="DU10" s="261">
        <v>26</v>
      </c>
      <c r="DV10" s="258">
        <v>37</v>
      </c>
      <c r="DW10" s="260">
        <v>0</v>
      </c>
      <c r="DX10" s="261">
        <v>86</v>
      </c>
      <c r="DY10" s="261">
        <v>85</v>
      </c>
      <c r="DZ10" s="261">
        <v>43</v>
      </c>
      <c r="EA10" s="261">
        <v>45</v>
      </c>
      <c r="EB10" s="261">
        <v>24</v>
      </c>
      <c r="EC10" s="258">
        <v>283</v>
      </c>
      <c r="ED10" s="263">
        <v>320</v>
      </c>
      <c r="EE10" s="257">
        <v>15</v>
      </c>
      <c r="EF10" s="261">
        <v>2</v>
      </c>
      <c r="EG10" s="258">
        <v>17</v>
      </c>
      <c r="EH10" s="260">
        <v>0</v>
      </c>
      <c r="EI10" s="261">
        <v>34</v>
      </c>
      <c r="EJ10" s="261">
        <v>18</v>
      </c>
      <c r="EK10" s="261">
        <v>20</v>
      </c>
      <c r="EL10" s="261">
        <v>17</v>
      </c>
      <c r="EM10" s="261">
        <v>15</v>
      </c>
      <c r="EN10" s="258">
        <v>104</v>
      </c>
      <c r="EO10" s="263">
        <v>121</v>
      </c>
      <c r="EP10" s="257">
        <v>16</v>
      </c>
      <c r="EQ10" s="261">
        <v>30</v>
      </c>
      <c r="ER10" s="258">
        <v>46</v>
      </c>
      <c r="ES10" s="260">
        <v>0</v>
      </c>
      <c r="ET10" s="261">
        <v>179</v>
      </c>
      <c r="EU10" s="261">
        <v>122</v>
      </c>
      <c r="EV10" s="261">
        <v>47</v>
      </c>
      <c r="EW10" s="261">
        <v>47</v>
      </c>
      <c r="EX10" s="261">
        <v>27</v>
      </c>
      <c r="EY10" s="258">
        <v>422</v>
      </c>
      <c r="EZ10" s="263">
        <v>468</v>
      </c>
    </row>
    <row r="11" spans="2:156" ht="21" customHeight="1" x14ac:dyDescent="0.2">
      <c r="B11" s="468" t="s">
        <v>8</v>
      </c>
      <c r="C11" s="257">
        <v>0</v>
      </c>
      <c r="D11" s="261">
        <v>0</v>
      </c>
      <c r="E11" s="356">
        <v>0</v>
      </c>
      <c r="F11" s="260">
        <v>0</v>
      </c>
      <c r="G11" s="261">
        <v>21</v>
      </c>
      <c r="H11" s="261">
        <v>24</v>
      </c>
      <c r="I11" s="261">
        <v>17</v>
      </c>
      <c r="J11" s="261">
        <v>11</v>
      </c>
      <c r="K11" s="261">
        <v>7</v>
      </c>
      <c r="L11" s="262">
        <v>80</v>
      </c>
      <c r="M11" s="263">
        <v>80</v>
      </c>
      <c r="N11" s="257">
        <v>0</v>
      </c>
      <c r="O11" s="261">
        <v>0</v>
      </c>
      <c r="P11" s="258">
        <v>0</v>
      </c>
      <c r="Q11" s="260">
        <v>0</v>
      </c>
      <c r="R11" s="261">
        <v>0</v>
      </c>
      <c r="S11" s="261">
        <v>0</v>
      </c>
      <c r="T11" s="261">
        <v>1</v>
      </c>
      <c r="U11" s="261">
        <v>2</v>
      </c>
      <c r="V11" s="261">
        <v>3</v>
      </c>
      <c r="W11" s="258">
        <v>6</v>
      </c>
      <c r="X11" s="263">
        <v>6</v>
      </c>
      <c r="Y11" s="257">
        <v>4</v>
      </c>
      <c r="Z11" s="261">
        <v>5</v>
      </c>
      <c r="AA11" s="258">
        <v>9</v>
      </c>
      <c r="AB11" s="260">
        <v>0</v>
      </c>
      <c r="AC11" s="261">
        <v>15</v>
      </c>
      <c r="AD11" s="261">
        <v>22</v>
      </c>
      <c r="AE11" s="261">
        <v>12</v>
      </c>
      <c r="AF11" s="261">
        <v>18</v>
      </c>
      <c r="AG11" s="261">
        <v>7</v>
      </c>
      <c r="AH11" s="258">
        <v>74</v>
      </c>
      <c r="AI11" s="263">
        <v>83</v>
      </c>
      <c r="AJ11" s="257">
        <v>0</v>
      </c>
      <c r="AK11" s="261">
        <v>2</v>
      </c>
      <c r="AL11" s="258">
        <v>2</v>
      </c>
      <c r="AM11" s="260">
        <v>0</v>
      </c>
      <c r="AN11" s="261">
        <v>5</v>
      </c>
      <c r="AO11" s="261">
        <v>6</v>
      </c>
      <c r="AP11" s="261">
        <v>4</v>
      </c>
      <c r="AQ11" s="261">
        <v>3</v>
      </c>
      <c r="AR11" s="261">
        <v>2</v>
      </c>
      <c r="AS11" s="258">
        <v>20</v>
      </c>
      <c r="AT11" s="263">
        <v>22</v>
      </c>
      <c r="AU11" s="257">
        <v>5</v>
      </c>
      <c r="AV11" s="261">
        <v>2</v>
      </c>
      <c r="AW11" s="258">
        <v>7</v>
      </c>
      <c r="AX11" s="260">
        <v>0</v>
      </c>
      <c r="AY11" s="261">
        <v>27</v>
      </c>
      <c r="AZ11" s="261">
        <v>22</v>
      </c>
      <c r="BA11" s="261">
        <v>24</v>
      </c>
      <c r="BB11" s="261">
        <v>29</v>
      </c>
      <c r="BC11" s="261">
        <v>15</v>
      </c>
      <c r="BD11" s="262">
        <v>117</v>
      </c>
      <c r="BE11" s="263">
        <v>124</v>
      </c>
      <c r="BF11" s="257">
        <v>0</v>
      </c>
      <c r="BG11" s="261">
        <v>0</v>
      </c>
      <c r="BH11" s="258">
        <v>0</v>
      </c>
      <c r="BI11" s="260">
        <v>0</v>
      </c>
      <c r="BJ11" s="261">
        <v>33</v>
      </c>
      <c r="BK11" s="261">
        <v>28</v>
      </c>
      <c r="BL11" s="261">
        <v>12</v>
      </c>
      <c r="BM11" s="261">
        <v>11</v>
      </c>
      <c r="BN11" s="261">
        <v>4</v>
      </c>
      <c r="BO11" s="258">
        <v>88</v>
      </c>
      <c r="BP11" s="263">
        <v>88</v>
      </c>
      <c r="BQ11" s="257">
        <v>3</v>
      </c>
      <c r="BR11" s="261">
        <v>4</v>
      </c>
      <c r="BS11" s="258">
        <v>7</v>
      </c>
      <c r="BT11" s="260">
        <v>0</v>
      </c>
      <c r="BU11" s="261">
        <v>13</v>
      </c>
      <c r="BV11" s="261">
        <v>7</v>
      </c>
      <c r="BW11" s="261">
        <v>12</v>
      </c>
      <c r="BX11" s="261">
        <v>4</v>
      </c>
      <c r="BY11" s="261">
        <v>3</v>
      </c>
      <c r="BZ11" s="258">
        <v>39</v>
      </c>
      <c r="CA11" s="263">
        <v>46</v>
      </c>
      <c r="CB11" s="257">
        <v>0</v>
      </c>
      <c r="CC11" s="261">
        <v>1</v>
      </c>
      <c r="CD11" s="258">
        <v>1</v>
      </c>
      <c r="CE11" s="260">
        <v>0</v>
      </c>
      <c r="CF11" s="261">
        <v>6</v>
      </c>
      <c r="CG11" s="261">
        <v>7</v>
      </c>
      <c r="CH11" s="261">
        <v>7</v>
      </c>
      <c r="CI11" s="261">
        <v>5</v>
      </c>
      <c r="CJ11" s="261">
        <v>4</v>
      </c>
      <c r="CK11" s="258">
        <v>29</v>
      </c>
      <c r="CL11" s="263">
        <v>30</v>
      </c>
      <c r="CM11" s="257">
        <v>0</v>
      </c>
      <c r="CN11" s="261">
        <v>0</v>
      </c>
      <c r="CO11" s="258">
        <v>0</v>
      </c>
      <c r="CP11" s="260">
        <v>0</v>
      </c>
      <c r="CQ11" s="261">
        <v>0</v>
      </c>
      <c r="CR11" s="261">
        <v>0</v>
      </c>
      <c r="CS11" s="261">
        <v>0</v>
      </c>
      <c r="CT11" s="261">
        <v>2</v>
      </c>
      <c r="CU11" s="261">
        <v>0</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9</v>
      </c>
      <c r="DU11" s="261">
        <v>16</v>
      </c>
      <c r="DV11" s="258">
        <v>35</v>
      </c>
      <c r="DW11" s="260">
        <v>0</v>
      </c>
      <c r="DX11" s="261">
        <v>61</v>
      </c>
      <c r="DY11" s="261">
        <v>66</v>
      </c>
      <c r="DZ11" s="261">
        <v>38</v>
      </c>
      <c r="EA11" s="261">
        <v>32</v>
      </c>
      <c r="EB11" s="261">
        <v>16</v>
      </c>
      <c r="EC11" s="258">
        <v>213</v>
      </c>
      <c r="ED11" s="263">
        <v>248</v>
      </c>
      <c r="EE11" s="257">
        <v>7</v>
      </c>
      <c r="EF11" s="261">
        <v>2</v>
      </c>
      <c r="EG11" s="258">
        <v>9</v>
      </c>
      <c r="EH11" s="260">
        <v>0</v>
      </c>
      <c r="EI11" s="261">
        <v>13</v>
      </c>
      <c r="EJ11" s="261">
        <v>11</v>
      </c>
      <c r="EK11" s="261">
        <v>11</v>
      </c>
      <c r="EL11" s="261">
        <v>9</v>
      </c>
      <c r="EM11" s="261">
        <v>5</v>
      </c>
      <c r="EN11" s="258">
        <v>49</v>
      </c>
      <c r="EO11" s="263">
        <v>58</v>
      </c>
      <c r="EP11" s="257">
        <v>24</v>
      </c>
      <c r="EQ11" s="261">
        <v>21</v>
      </c>
      <c r="ER11" s="258">
        <v>45</v>
      </c>
      <c r="ES11" s="260">
        <v>0</v>
      </c>
      <c r="ET11" s="261">
        <v>116</v>
      </c>
      <c r="EU11" s="261">
        <v>88</v>
      </c>
      <c r="EV11" s="261">
        <v>40</v>
      </c>
      <c r="EW11" s="261">
        <v>35</v>
      </c>
      <c r="EX11" s="261">
        <v>16</v>
      </c>
      <c r="EY11" s="258">
        <v>295</v>
      </c>
      <c r="EZ11" s="263">
        <v>340</v>
      </c>
    </row>
    <row r="12" spans="2:156" ht="21" customHeight="1" x14ac:dyDescent="0.2">
      <c r="B12" s="468" t="s">
        <v>9</v>
      </c>
      <c r="C12" s="257">
        <v>0</v>
      </c>
      <c r="D12" s="261">
        <v>0</v>
      </c>
      <c r="E12" s="356">
        <v>0</v>
      </c>
      <c r="F12" s="260">
        <v>0</v>
      </c>
      <c r="G12" s="261">
        <v>75</v>
      </c>
      <c r="H12" s="261">
        <v>59</v>
      </c>
      <c r="I12" s="261">
        <v>28</v>
      </c>
      <c r="J12" s="261">
        <v>42</v>
      </c>
      <c r="K12" s="261">
        <v>24</v>
      </c>
      <c r="L12" s="262">
        <v>228</v>
      </c>
      <c r="M12" s="263">
        <v>228</v>
      </c>
      <c r="N12" s="257">
        <v>0</v>
      </c>
      <c r="O12" s="261">
        <v>0</v>
      </c>
      <c r="P12" s="258">
        <v>0</v>
      </c>
      <c r="Q12" s="260">
        <v>0</v>
      </c>
      <c r="R12" s="261">
        <v>1</v>
      </c>
      <c r="S12" s="261">
        <v>1</v>
      </c>
      <c r="T12" s="261">
        <v>1</v>
      </c>
      <c r="U12" s="261">
        <v>10</v>
      </c>
      <c r="V12" s="261">
        <v>10</v>
      </c>
      <c r="W12" s="258">
        <v>23</v>
      </c>
      <c r="X12" s="263">
        <v>23</v>
      </c>
      <c r="Y12" s="257">
        <v>14</v>
      </c>
      <c r="Z12" s="261">
        <v>16</v>
      </c>
      <c r="AA12" s="258">
        <v>30</v>
      </c>
      <c r="AB12" s="260">
        <v>0</v>
      </c>
      <c r="AC12" s="261">
        <v>57</v>
      </c>
      <c r="AD12" s="261">
        <v>45</v>
      </c>
      <c r="AE12" s="261">
        <v>36</v>
      </c>
      <c r="AF12" s="261">
        <v>22</v>
      </c>
      <c r="AG12" s="261">
        <v>16</v>
      </c>
      <c r="AH12" s="258">
        <v>176</v>
      </c>
      <c r="AI12" s="263">
        <v>206</v>
      </c>
      <c r="AJ12" s="257">
        <v>2</v>
      </c>
      <c r="AK12" s="261">
        <v>2</v>
      </c>
      <c r="AL12" s="258">
        <v>4</v>
      </c>
      <c r="AM12" s="260">
        <v>0</v>
      </c>
      <c r="AN12" s="261">
        <v>5</v>
      </c>
      <c r="AO12" s="261">
        <v>9</v>
      </c>
      <c r="AP12" s="261">
        <v>7</v>
      </c>
      <c r="AQ12" s="261">
        <v>5</v>
      </c>
      <c r="AR12" s="261">
        <v>3</v>
      </c>
      <c r="AS12" s="258">
        <v>29</v>
      </c>
      <c r="AT12" s="263">
        <v>33</v>
      </c>
      <c r="AU12" s="257">
        <v>14</v>
      </c>
      <c r="AV12" s="261">
        <v>11</v>
      </c>
      <c r="AW12" s="258">
        <v>25</v>
      </c>
      <c r="AX12" s="260">
        <v>0</v>
      </c>
      <c r="AY12" s="261">
        <v>55</v>
      </c>
      <c r="AZ12" s="261">
        <v>63</v>
      </c>
      <c r="BA12" s="261">
        <v>68</v>
      </c>
      <c r="BB12" s="261">
        <v>69</v>
      </c>
      <c r="BC12" s="261">
        <v>35</v>
      </c>
      <c r="BD12" s="262">
        <v>290</v>
      </c>
      <c r="BE12" s="263">
        <v>315</v>
      </c>
      <c r="BF12" s="257">
        <v>0</v>
      </c>
      <c r="BG12" s="261">
        <v>0</v>
      </c>
      <c r="BH12" s="258">
        <v>0</v>
      </c>
      <c r="BI12" s="260">
        <v>0</v>
      </c>
      <c r="BJ12" s="261">
        <v>73</v>
      </c>
      <c r="BK12" s="261">
        <v>29</v>
      </c>
      <c r="BL12" s="261">
        <v>20</v>
      </c>
      <c r="BM12" s="261">
        <v>14</v>
      </c>
      <c r="BN12" s="261">
        <v>2</v>
      </c>
      <c r="BO12" s="258">
        <v>138</v>
      </c>
      <c r="BP12" s="263">
        <v>138</v>
      </c>
      <c r="BQ12" s="257">
        <v>5</v>
      </c>
      <c r="BR12" s="261">
        <v>10</v>
      </c>
      <c r="BS12" s="258">
        <v>15</v>
      </c>
      <c r="BT12" s="260">
        <v>0</v>
      </c>
      <c r="BU12" s="261">
        <v>20</v>
      </c>
      <c r="BV12" s="261">
        <v>21</v>
      </c>
      <c r="BW12" s="261">
        <v>11</v>
      </c>
      <c r="BX12" s="261">
        <v>10</v>
      </c>
      <c r="BY12" s="261">
        <v>3</v>
      </c>
      <c r="BZ12" s="258">
        <v>65</v>
      </c>
      <c r="CA12" s="263">
        <v>80</v>
      </c>
      <c r="CB12" s="257">
        <v>0</v>
      </c>
      <c r="CC12" s="261">
        <v>1</v>
      </c>
      <c r="CD12" s="258">
        <v>1</v>
      </c>
      <c r="CE12" s="260">
        <v>0</v>
      </c>
      <c r="CF12" s="261">
        <v>11</v>
      </c>
      <c r="CG12" s="261">
        <v>5</v>
      </c>
      <c r="CH12" s="261">
        <v>8</v>
      </c>
      <c r="CI12" s="261">
        <v>10</v>
      </c>
      <c r="CJ12" s="261">
        <v>4</v>
      </c>
      <c r="CK12" s="258">
        <v>38</v>
      </c>
      <c r="CL12" s="263">
        <v>39</v>
      </c>
      <c r="CM12" s="257">
        <v>0</v>
      </c>
      <c r="CN12" s="261">
        <v>0</v>
      </c>
      <c r="CO12" s="258">
        <v>0</v>
      </c>
      <c r="CP12" s="260">
        <v>0</v>
      </c>
      <c r="CQ12" s="261">
        <v>2</v>
      </c>
      <c r="CR12" s="261">
        <v>1</v>
      </c>
      <c r="CS12" s="261">
        <v>4</v>
      </c>
      <c r="CT12" s="261">
        <v>1</v>
      </c>
      <c r="CU12" s="261">
        <v>2</v>
      </c>
      <c r="CV12" s="258">
        <v>10</v>
      </c>
      <c r="CW12" s="263">
        <v>10</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0</v>
      </c>
      <c r="DU12" s="261">
        <v>42</v>
      </c>
      <c r="DV12" s="258">
        <v>72</v>
      </c>
      <c r="DW12" s="260">
        <v>0</v>
      </c>
      <c r="DX12" s="261">
        <v>104</v>
      </c>
      <c r="DY12" s="261">
        <v>108</v>
      </c>
      <c r="DZ12" s="261">
        <v>68</v>
      </c>
      <c r="EA12" s="261">
        <v>55</v>
      </c>
      <c r="EB12" s="261">
        <v>34</v>
      </c>
      <c r="EC12" s="258">
        <v>369</v>
      </c>
      <c r="ED12" s="263">
        <v>441</v>
      </c>
      <c r="EE12" s="257">
        <v>10</v>
      </c>
      <c r="EF12" s="261">
        <v>6</v>
      </c>
      <c r="EG12" s="258">
        <v>16</v>
      </c>
      <c r="EH12" s="260">
        <v>0</v>
      </c>
      <c r="EI12" s="261">
        <v>27</v>
      </c>
      <c r="EJ12" s="261">
        <v>23</v>
      </c>
      <c r="EK12" s="261">
        <v>28</v>
      </c>
      <c r="EL12" s="261">
        <v>29</v>
      </c>
      <c r="EM12" s="261">
        <v>12</v>
      </c>
      <c r="EN12" s="258">
        <v>119</v>
      </c>
      <c r="EO12" s="263">
        <v>135</v>
      </c>
      <c r="EP12" s="257">
        <v>44</v>
      </c>
      <c r="EQ12" s="261">
        <v>55</v>
      </c>
      <c r="ER12" s="258">
        <v>99</v>
      </c>
      <c r="ES12" s="260">
        <v>0</v>
      </c>
      <c r="ET12" s="261">
        <v>206</v>
      </c>
      <c r="EU12" s="261">
        <v>138</v>
      </c>
      <c r="EV12" s="261">
        <v>78</v>
      </c>
      <c r="EW12" s="261">
        <v>61</v>
      </c>
      <c r="EX12" s="261">
        <v>32</v>
      </c>
      <c r="EY12" s="258">
        <v>515</v>
      </c>
      <c r="EZ12" s="263">
        <v>614</v>
      </c>
    </row>
    <row r="13" spans="2:156" ht="21" customHeight="1" x14ac:dyDescent="0.2">
      <c r="B13" s="468" t="s">
        <v>10</v>
      </c>
      <c r="C13" s="257">
        <v>0</v>
      </c>
      <c r="D13" s="261">
        <v>0</v>
      </c>
      <c r="E13" s="356">
        <v>0</v>
      </c>
      <c r="F13" s="260">
        <v>0</v>
      </c>
      <c r="G13" s="261">
        <v>86</v>
      </c>
      <c r="H13" s="261">
        <v>54</v>
      </c>
      <c r="I13" s="261">
        <v>40</v>
      </c>
      <c r="J13" s="261">
        <v>28</v>
      </c>
      <c r="K13" s="261">
        <v>19</v>
      </c>
      <c r="L13" s="262">
        <v>227</v>
      </c>
      <c r="M13" s="263">
        <v>227</v>
      </c>
      <c r="N13" s="257">
        <v>0</v>
      </c>
      <c r="O13" s="261">
        <v>0</v>
      </c>
      <c r="P13" s="258">
        <v>0</v>
      </c>
      <c r="Q13" s="260">
        <v>0</v>
      </c>
      <c r="R13" s="261">
        <v>0</v>
      </c>
      <c r="S13" s="261">
        <v>3</v>
      </c>
      <c r="T13" s="261">
        <v>2</v>
      </c>
      <c r="U13" s="261">
        <v>4</v>
      </c>
      <c r="V13" s="261">
        <v>5</v>
      </c>
      <c r="W13" s="258">
        <v>14</v>
      </c>
      <c r="X13" s="263">
        <v>14</v>
      </c>
      <c r="Y13" s="257">
        <v>17</v>
      </c>
      <c r="Z13" s="261">
        <v>25</v>
      </c>
      <c r="AA13" s="258">
        <v>42</v>
      </c>
      <c r="AB13" s="260">
        <v>0</v>
      </c>
      <c r="AC13" s="261">
        <v>65</v>
      </c>
      <c r="AD13" s="261">
        <v>52</v>
      </c>
      <c r="AE13" s="261">
        <v>25</v>
      </c>
      <c r="AF13" s="261">
        <v>20</v>
      </c>
      <c r="AG13" s="261">
        <v>10</v>
      </c>
      <c r="AH13" s="258">
        <v>172</v>
      </c>
      <c r="AI13" s="263">
        <v>214</v>
      </c>
      <c r="AJ13" s="257">
        <v>2</v>
      </c>
      <c r="AK13" s="261">
        <v>6</v>
      </c>
      <c r="AL13" s="258">
        <v>8</v>
      </c>
      <c r="AM13" s="260">
        <v>0</v>
      </c>
      <c r="AN13" s="261">
        <v>8</v>
      </c>
      <c r="AO13" s="261">
        <v>10</v>
      </c>
      <c r="AP13" s="261">
        <v>3</v>
      </c>
      <c r="AQ13" s="261">
        <v>2</v>
      </c>
      <c r="AR13" s="261">
        <v>5</v>
      </c>
      <c r="AS13" s="258">
        <v>28</v>
      </c>
      <c r="AT13" s="263">
        <v>36</v>
      </c>
      <c r="AU13" s="257">
        <v>24</v>
      </c>
      <c r="AV13" s="261">
        <v>27</v>
      </c>
      <c r="AW13" s="258">
        <v>51</v>
      </c>
      <c r="AX13" s="260">
        <v>0</v>
      </c>
      <c r="AY13" s="261">
        <v>98</v>
      </c>
      <c r="AZ13" s="261">
        <v>82</v>
      </c>
      <c r="BA13" s="261">
        <v>78</v>
      </c>
      <c r="BB13" s="261">
        <v>65</v>
      </c>
      <c r="BC13" s="261">
        <v>76</v>
      </c>
      <c r="BD13" s="262">
        <v>399</v>
      </c>
      <c r="BE13" s="263">
        <v>450</v>
      </c>
      <c r="BF13" s="257">
        <v>0</v>
      </c>
      <c r="BG13" s="261">
        <v>0</v>
      </c>
      <c r="BH13" s="258">
        <v>0</v>
      </c>
      <c r="BI13" s="260">
        <v>0</v>
      </c>
      <c r="BJ13" s="261">
        <v>118</v>
      </c>
      <c r="BK13" s="261">
        <v>80</v>
      </c>
      <c r="BL13" s="261">
        <v>35</v>
      </c>
      <c r="BM13" s="261">
        <v>17</v>
      </c>
      <c r="BN13" s="261">
        <v>5</v>
      </c>
      <c r="BO13" s="258">
        <v>255</v>
      </c>
      <c r="BP13" s="263">
        <v>255</v>
      </c>
      <c r="BQ13" s="257">
        <v>4</v>
      </c>
      <c r="BR13" s="261">
        <v>5</v>
      </c>
      <c r="BS13" s="258">
        <v>9</v>
      </c>
      <c r="BT13" s="260">
        <v>0</v>
      </c>
      <c r="BU13" s="261">
        <v>27</v>
      </c>
      <c r="BV13" s="261">
        <v>18</v>
      </c>
      <c r="BW13" s="261">
        <v>6</v>
      </c>
      <c r="BX13" s="261">
        <v>2</v>
      </c>
      <c r="BY13" s="261">
        <v>1</v>
      </c>
      <c r="BZ13" s="258">
        <v>54</v>
      </c>
      <c r="CA13" s="263">
        <v>63</v>
      </c>
      <c r="CB13" s="257">
        <v>0</v>
      </c>
      <c r="CC13" s="261">
        <v>2</v>
      </c>
      <c r="CD13" s="258">
        <v>2</v>
      </c>
      <c r="CE13" s="260">
        <v>0</v>
      </c>
      <c r="CF13" s="261">
        <v>15</v>
      </c>
      <c r="CG13" s="261">
        <v>17</v>
      </c>
      <c r="CH13" s="261">
        <v>15</v>
      </c>
      <c r="CI13" s="261">
        <v>8</v>
      </c>
      <c r="CJ13" s="261">
        <v>1</v>
      </c>
      <c r="CK13" s="258">
        <v>56</v>
      </c>
      <c r="CL13" s="263">
        <v>58</v>
      </c>
      <c r="CM13" s="257">
        <v>0</v>
      </c>
      <c r="CN13" s="261">
        <v>0</v>
      </c>
      <c r="CO13" s="258">
        <v>0</v>
      </c>
      <c r="CP13" s="260">
        <v>0</v>
      </c>
      <c r="CQ13" s="261">
        <v>1</v>
      </c>
      <c r="CR13" s="261">
        <v>3</v>
      </c>
      <c r="CS13" s="261">
        <v>1</v>
      </c>
      <c r="CT13" s="261">
        <v>0</v>
      </c>
      <c r="CU13" s="261">
        <v>0</v>
      </c>
      <c r="CV13" s="258">
        <v>5</v>
      </c>
      <c r="CW13" s="263">
        <v>5</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59</v>
      </c>
      <c r="DU13" s="261">
        <v>94</v>
      </c>
      <c r="DV13" s="258">
        <v>153</v>
      </c>
      <c r="DW13" s="260">
        <v>0</v>
      </c>
      <c r="DX13" s="261">
        <v>130</v>
      </c>
      <c r="DY13" s="261">
        <v>122</v>
      </c>
      <c r="DZ13" s="261">
        <v>67</v>
      </c>
      <c r="EA13" s="261">
        <v>53</v>
      </c>
      <c r="EB13" s="261">
        <v>31</v>
      </c>
      <c r="EC13" s="258">
        <v>403</v>
      </c>
      <c r="ED13" s="263">
        <v>556</v>
      </c>
      <c r="EE13" s="257">
        <v>10</v>
      </c>
      <c r="EF13" s="261">
        <v>10</v>
      </c>
      <c r="EG13" s="258">
        <v>20</v>
      </c>
      <c r="EH13" s="260">
        <v>0</v>
      </c>
      <c r="EI13" s="261">
        <v>32</v>
      </c>
      <c r="EJ13" s="261">
        <v>23</v>
      </c>
      <c r="EK13" s="261">
        <v>22</v>
      </c>
      <c r="EL13" s="261">
        <v>31</v>
      </c>
      <c r="EM13" s="261">
        <v>37</v>
      </c>
      <c r="EN13" s="258">
        <v>145</v>
      </c>
      <c r="EO13" s="263">
        <v>165</v>
      </c>
      <c r="EP13" s="257">
        <v>72</v>
      </c>
      <c r="EQ13" s="261">
        <v>105</v>
      </c>
      <c r="ER13" s="258">
        <v>177</v>
      </c>
      <c r="ES13" s="260">
        <v>0</v>
      </c>
      <c r="ET13" s="261">
        <v>259</v>
      </c>
      <c r="EU13" s="261">
        <v>166</v>
      </c>
      <c r="EV13" s="261">
        <v>83</v>
      </c>
      <c r="EW13" s="261">
        <v>54</v>
      </c>
      <c r="EX13" s="261">
        <v>30</v>
      </c>
      <c r="EY13" s="258">
        <v>592</v>
      </c>
      <c r="EZ13" s="263">
        <v>769</v>
      </c>
    </row>
    <row r="14" spans="2:156" ht="21" customHeight="1" x14ac:dyDescent="0.2">
      <c r="B14" s="468" t="s">
        <v>11</v>
      </c>
      <c r="C14" s="257">
        <v>0</v>
      </c>
      <c r="D14" s="261">
        <v>0</v>
      </c>
      <c r="E14" s="356">
        <v>0</v>
      </c>
      <c r="F14" s="260">
        <v>0</v>
      </c>
      <c r="G14" s="261">
        <v>10</v>
      </c>
      <c r="H14" s="261">
        <v>8</v>
      </c>
      <c r="I14" s="261">
        <v>7</v>
      </c>
      <c r="J14" s="261">
        <v>12</v>
      </c>
      <c r="K14" s="261">
        <v>2</v>
      </c>
      <c r="L14" s="262">
        <v>39</v>
      </c>
      <c r="M14" s="263">
        <v>39</v>
      </c>
      <c r="N14" s="257">
        <v>0</v>
      </c>
      <c r="O14" s="261">
        <v>0</v>
      </c>
      <c r="P14" s="258">
        <v>0</v>
      </c>
      <c r="Q14" s="260">
        <v>0</v>
      </c>
      <c r="R14" s="261">
        <v>0</v>
      </c>
      <c r="S14" s="261">
        <v>0</v>
      </c>
      <c r="T14" s="261">
        <v>0</v>
      </c>
      <c r="U14" s="261">
        <v>2</v>
      </c>
      <c r="V14" s="261">
        <v>2</v>
      </c>
      <c r="W14" s="258">
        <v>4</v>
      </c>
      <c r="X14" s="263">
        <v>4</v>
      </c>
      <c r="Y14" s="257">
        <v>5</v>
      </c>
      <c r="Z14" s="261">
        <v>1</v>
      </c>
      <c r="AA14" s="258">
        <v>6</v>
      </c>
      <c r="AB14" s="260">
        <v>0</v>
      </c>
      <c r="AC14" s="261">
        <v>28</v>
      </c>
      <c r="AD14" s="261">
        <v>12</v>
      </c>
      <c r="AE14" s="261">
        <v>7</v>
      </c>
      <c r="AF14" s="261">
        <v>12</v>
      </c>
      <c r="AG14" s="261">
        <v>3</v>
      </c>
      <c r="AH14" s="258">
        <v>62</v>
      </c>
      <c r="AI14" s="263">
        <v>68</v>
      </c>
      <c r="AJ14" s="257">
        <v>0</v>
      </c>
      <c r="AK14" s="261">
        <v>1</v>
      </c>
      <c r="AL14" s="258">
        <v>1</v>
      </c>
      <c r="AM14" s="260">
        <v>0</v>
      </c>
      <c r="AN14" s="261">
        <v>2</v>
      </c>
      <c r="AO14" s="261">
        <v>3</v>
      </c>
      <c r="AP14" s="261">
        <v>0</v>
      </c>
      <c r="AQ14" s="261">
        <v>1</v>
      </c>
      <c r="AR14" s="261">
        <v>1</v>
      </c>
      <c r="AS14" s="258">
        <v>7</v>
      </c>
      <c r="AT14" s="263">
        <v>8</v>
      </c>
      <c r="AU14" s="257">
        <v>2</v>
      </c>
      <c r="AV14" s="261">
        <v>2</v>
      </c>
      <c r="AW14" s="258">
        <v>4</v>
      </c>
      <c r="AX14" s="260">
        <v>0</v>
      </c>
      <c r="AY14" s="261">
        <v>16</v>
      </c>
      <c r="AZ14" s="261">
        <v>23</v>
      </c>
      <c r="BA14" s="261">
        <v>18</v>
      </c>
      <c r="BB14" s="261">
        <v>28</v>
      </c>
      <c r="BC14" s="261">
        <v>7</v>
      </c>
      <c r="BD14" s="262">
        <v>92</v>
      </c>
      <c r="BE14" s="263">
        <v>96</v>
      </c>
      <c r="BF14" s="257">
        <v>0</v>
      </c>
      <c r="BG14" s="261">
        <v>0</v>
      </c>
      <c r="BH14" s="258">
        <v>0</v>
      </c>
      <c r="BI14" s="260">
        <v>0</v>
      </c>
      <c r="BJ14" s="261">
        <v>23</v>
      </c>
      <c r="BK14" s="261">
        <v>11</v>
      </c>
      <c r="BL14" s="261">
        <v>7</v>
      </c>
      <c r="BM14" s="261">
        <v>11</v>
      </c>
      <c r="BN14" s="261">
        <v>3</v>
      </c>
      <c r="BO14" s="258">
        <v>55</v>
      </c>
      <c r="BP14" s="263">
        <v>55</v>
      </c>
      <c r="BQ14" s="257">
        <v>0</v>
      </c>
      <c r="BR14" s="261">
        <v>5</v>
      </c>
      <c r="BS14" s="258">
        <v>5</v>
      </c>
      <c r="BT14" s="260">
        <v>0</v>
      </c>
      <c r="BU14" s="261">
        <v>14</v>
      </c>
      <c r="BV14" s="261">
        <v>8</v>
      </c>
      <c r="BW14" s="261">
        <v>13</v>
      </c>
      <c r="BX14" s="261">
        <v>4</v>
      </c>
      <c r="BY14" s="261">
        <v>1</v>
      </c>
      <c r="BZ14" s="258">
        <v>40</v>
      </c>
      <c r="CA14" s="263">
        <v>45</v>
      </c>
      <c r="CB14" s="257">
        <v>0</v>
      </c>
      <c r="CC14" s="261">
        <v>0</v>
      </c>
      <c r="CD14" s="258">
        <v>0</v>
      </c>
      <c r="CE14" s="260">
        <v>0</v>
      </c>
      <c r="CF14" s="261">
        <v>6</v>
      </c>
      <c r="CG14" s="261">
        <v>1</v>
      </c>
      <c r="CH14" s="261">
        <v>3</v>
      </c>
      <c r="CI14" s="261">
        <v>2</v>
      </c>
      <c r="CJ14" s="261">
        <v>2</v>
      </c>
      <c r="CK14" s="258">
        <v>14</v>
      </c>
      <c r="CL14" s="263">
        <v>14</v>
      </c>
      <c r="CM14" s="257">
        <v>0</v>
      </c>
      <c r="CN14" s="261">
        <v>0</v>
      </c>
      <c r="CO14" s="258">
        <v>0</v>
      </c>
      <c r="CP14" s="260">
        <v>0</v>
      </c>
      <c r="CQ14" s="261">
        <v>1</v>
      </c>
      <c r="CR14" s="261">
        <v>0</v>
      </c>
      <c r="CS14" s="261">
        <v>1</v>
      </c>
      <c r="CT14" s="261">
        <v>1</v>
      </c>
      <c r="CU14" s="261">
        <v>2</v>
      </c>
      <c r="CV14" s="258">
        <v>5</v>
      </c>
      <c r="CW14" s="263">
        <v>5</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3</v>
      </c>
      <c r="DU14" s="261">
        <v>17</v>
      </c>
      <c r="DV14" s="258">
        <v>30</v>
      </c>
      <c r="DW14" s="260">
        <v>0</v>
      </c>
      <c r="DX14" s="261">
        <v>45</v>
      </c>
      <c r="DY14" s="261">
        <v>29</v>
      </c>
      <c r="DZ14" s="261">
        <v>32</v>
      </c>
      <c r="EA14" s="261">
        <v>31</v>
      </c>
      <c r="EB14" s="261">
        <v>9</v>
      </c>
      <c r="EC14" s="258">
        <v>146</v>
      </c>
      <c r="ED14" s="263">
        <v>176</v>
      </c>
      <c r="EE14" s="257">
        <v>2</v>
      </c>
      <c r="EF14" s="261">
        <v>1</v>
      </c>
      <c r="EG14" s="258">
        <v>3</v>
      </c>
      <c r="EH14" s="260">
        <v>0</v>
      </c>
      <c r="EI14" s="261">
        <v>16</v>
      </c>
      <c r="EJ14" s="261">
        <v>10</v>
      </c>
      <c r="EK14" s="261">
        <v>12</v>
      </c>
      <c r="EL14" s="261">
        <v>15</v>
      </c>
      <c r="EM14" s="261">
        <v>5</v>
      </c>
      <c r="EN14" s="258">
        <v>58</v>
      </c>
      <c r="EO14" s="263">
        <v>61</v>
      </c>
      <c r="EP14" s="257">
        <v>18</v>
      </c>
      <c r="EQ14" s="261">
        <v>23</v>
      </c>
      <c r="ER14" s="258">
        <v>41</v>
      </c>
      <c r="ES14" s="260">
        <v>0</v>
      </c>
      <c r="ET14" s="261">
        <v>94</v>
      </c>
      <c r="EU14" s="261">
        <v>36</v>
      </c>
      <c r="EV14" s="261">
        <v>34</v>
      </c>
      <c r="EW14" s="261">
        <v>33</v>
      </c>
      <c r="EX14" s="261">
        <v>9</v>
      </c>
      <c r="EY14" s="258">
        <v>206</v>
      </c>
      <c r="EZ14" s="263">
        <v>247</v>
      </c>
    </row>
    <row r="15" spans="2:156" ht="21" customHeight="1" x14ac:dyDescent="0.2">
      <c r="B15" s="468" t="s">
        <v>12</v>
      </c>
      <c r="C15" s="257">
        <v>0</v>
      </c>
      <c r="D15" s="261">
        <v>0</v>
      </c>
      <c r="E15" s="356">
        <v>0</v>
      </c>
      <c r="F15" s="260">
        <v>0</v>
      </c>
      <c r="G15" s="261">
        <v>36</v>
      </c>
      <c r="H15" s="261">
        <v>27</v>
      </c>
      <c r="I15" s="261">
        <v>23</v>
      </c>
      <c r="J15" s="261">
        <v>12</v>
      </c>
      <c r="K15" s="261">
        <v>18</v>
      </c>
      <c r="L15" s="262">
        <v>116</v>
      </c>
      <c r="M15" s="263">
        <v>116</v>
      </c>
      <c r="N15" s="257">
        <v>0</v>
      </c>
      <c r="O15" s="261">
        <v>0</v>
      </c>
      <c r="P15" s="258">
        <v>0</v>
      </c>
      <c r="Q15" s="260">
        <v>0</v>
      </c>
      <c r="R15" s="261">
        <v>0</v>
      </c>
      <c r="S15" s="261">
        <v>3</v>
      </c>
      <c r="T15" s="261">
        <v>1</v>
      </c>
      <c r="U15" s="261">
        <v>4</v>
      </c>
      <c r="V15" s="261">
        <v>6</v>
      </c>
      <c r="W15" s="258">
        <v>14</v>
      </c>
      <c r="X15" s="263">
        <v>14</v>
      </c>
      <c r="Y15" s="257">
        <v>9</v>
      </c>
      <c r="Z15" s="261">
        <v>29</v>
      </c>
      <c r="AA15" s="258">
        <v>38</v>
      </c>
      <c r="AB15" s="260">
        <v>0</v>
      </c>
      <c r="AC15" s="261">
        <v>24</v>
      </c>
      <c r="AD15" s="261">
        <v>23</v>
      </c>
      <c r="AE15" s="261">
        <v>17</v>
      </c>
      <c r="AF15" s="261">
        <v>15</v>
      </c>
      <c r="AG15" s="261">
        <v>16</v>
      </c>
      <c r="AH15" s="258">
        <v>95</v>
      </c>
      <c r="AI15" s="263">
        <v>133</v>
      </c>
      <c r="AJ15" s="257">
        <v>1</v>
      </c>
      <c r="AK15" s="261">
        <v>2</v>
      </c>
      <c r="AL15" s="258">
        <v>3</v>
      </c>
      <c r="AM15" s="260">
        <v>0</v>
      </c>
      <c r="AN15" s="261">
        <v>1</v>
      </c>
      <c r="AO15" s="261">
        <v>3</v>
      </c>
      <c r="AP15" s="261">
        <v>2</v>
      </c>
      <c r="AQ15" s="261">
        <v>2</v>
      </c>
      <c r="AR15" s="261">
        <v>0</v>
      </c>
      <c r="AS15" s="258">
        <v>8</v>
      </c>
      <c r="AT15" s="263">
        <v>11</v>
      </c>
      <c r="AU15" s="257">
        <v>6</v>
      </c>
      <c r="AV15" s="261">
        <v>9</v>
      </c>
      <c r="AW15" s="258">
        <v>15</v>
      </c>
      <c r="AX15" s="260">
        <v>0</v>
      </c>
      <c r="AY15" s="261">
        <v>20</v>
      </c>
      <c r="AZ15" s="261">
        <v>28</v>
      </c>
      <c r="BA15" s="261">
        <v>28</v>
      </c>
      <c r="BB15" s="261">
        <v>27</v>
      </c>
      <c r="BC15" s="261">
        <v>19</v>
      </c>
      <c r="BD15" s="262">
        <v>122</v>
      </c>
      <c r="BE15" s="263">
        <v>137</v>
      </c>
      <c r="BF15" s="257">
        <v>0</v>
      </c>
      <c r="BG15" s="261">
        <v>0</v>
      </c>
      <c r="BH15" s="258">
        <v>0</v>
      </c>
      <c r="BI15" s="260">
        <v>0</v>
      </c>
      <c r="BJ15" s="261">
        <v>41</v>
      </c>
      <c r="BK15" s="261">
        <v>29</v>
      </c>
      <c r="BL15" s="261">
        <v>13</v>
      </c>
      <c r="BM15" s="261">
        <v>13</v>
      </c>
      <c r="BN15" s="261">
        <v>8</v>
      </c>
      <c r="BO15" s="258">
        <v>104</v>
      </c>
      <c r="BP15" s="263">
        <v>104</v>
      </c>
      <c r="BQ15" s="257">
        <v>13</v>
      </c>
      <c r="BR15" s="261">
        <v>7</v>
      </c>
      <c r="BS15" s="258">
        <v>20</v>
      </c>
      <c r="BT15" s="260">
        <v>0</v>
      </c>
      <c r="BU15" s="261">
        <v>9</v>
      </c>
      <c r="BV15" s="261">
        <v>8</v>
      </c>
      <c r="BW15" s="261">
        <v>12</v>
      </c>
      <c r="BX15" s="261">
        <v>5</v>
      </c>
      <c r="BY15" s="261">
        <v>0</v>
      </c>
      <c r="BZ15" s="258">
        <v>34</v>
      </c>
      <c r="CA15" s="263">
        <v>54</v>
      </c>
      <c r="CB15" s="257">
        <v>0</v>
      </c>
      <c r="CC15" s="261">
        <v>0</v>
      </c>
      <c r="CD15" s="258">
        <v>0</v>
      </c>
      <c r="CE15" s="260">
        <v>0</v>
      </c>
      <c r="CF15" s="261">
        <v>9</v>
      </c>
      <c r="CG15" s="261">
        <v>8</v>
      </c>
      <c r="CH15" s="261">
        <v>9</v>
      </c>
      <c r="CI15" s="261">
        <v>11</v>
      </c>
      <c r="CJ15" s="261">
        <v>4</v>
      </c>
      <c r="CK15" s="258">
        <v>41</v>
      </c>
      <c r="CL15" s="263">
        <v>41</v>
      </c>
      <c r="CM15" s="257">
        <v>0</v>
      </c>
      <c r="CN15" s="261">
        <v>0</v>
      </c>
      <c r="CO15" s="258">
        <v>0</v>
      </c>
      <c r="CP15" s="260">
        <v>0</v>
      </c>
      <c r="CQ15" s="261">
        <v>1</v>
      </c>
      <c r="CR15" s="261">
        <v>0</v>
      </c>
      <c r="CS15" s="261">
        <v>0</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2</v>
      </c>
      <c r="DU15" s="261">
        <v>58</v>
      </c>
      <c r="DV15" s="258">
        <v>80</v>
      </c>
      <c r="DW15" s="260">
        <v>0</v>
      </c>
      <c r="DX15" s="261">
        <v>41</v>
      </c>
      <c r="DY15" s="261">
        <v>52</v>
      </c>
      <c r="DZ15" s="261">
        <v>41</v>
      </c>
      <c r="EA15" s="261">
        <v>41</v>
      </c>
      <c r="EB15" s="261">
        <v>23</v>
      </c>
      <c r="EC15" s="258">
        <v>198</v>
      </c>
      <c r="ED15" s="263">
        <v>278</v>
      </c>
      <c r="EE15" s="257">
        <v>5</v>
      </c>
      <c r="EF15" s="261">
        <v>4</v>
      </c>
      <c r="EG15" s="258">
        <v>9</v>
      </c>
      <c r="EH15" s="260">
        <v>0</v>
      </c>
      <c r="EI15" s="261">
        <v>7</v>
      </c>
      <c r="EJ15" s="261">
        <v>14</v>
      </c>
      <c r="EK15" s="261">
        <v>14</v>
      </c>
      <c r="EL15" s="261">
        <v>12</v>
      </c>
      <c r="EM15" s="261">
        <v>6</v>
      </c>
      <c r="EN15" s="258">
        <v>53</v>
      </c>
      <c r="EO15" s="263">
        <v>62</v>
      </c>
      <c r="EP15" s="257">
        <v>42</v>
      </c>
      <c r="EQ15" s="261">
        <v>72</v>
      </c>
      <c r="ER15" s="258">
        <v>114</v>
      </c>
      <c r="ES15" s="260">
        <v>0</v>
      </c>
      <c r="ET15" s="261">
        <v>105</v>
      </c>
      <c r="EU15" s="261">
        <v>74</v>
      </c>
      <c r="EV15" s="261">
        <v>49</v>
      </c>
      <c r="EW15" s="261">
        <v>43</v>
      </c>
      <c r="EX15" s="261">
        <v>26</v>
      </c>
      <c r="EY15" s="258">
        <v>297</v>
      </c>
      <c r="EZ15" s="263">
        <v>411</v>
      </c>
    </row>
    <row r="16" spans="2:156" ht="21" customHeight="1" x14ac:dyDescent="0.2">
      <c r="B16" s="468" t="s">
        <v>13</v>
      </c>
      <c r="C16" s="257">
        <v>0</v>
      </c>
      <c r="D16" s="261">
        <v>0</v>
      </c>
      <c r="E16" s="356">
        <v>0</v>
      </c>
      <c r="F16" s="260">
        <v>0</v>
      </c>
      <c r="G16" s="261">
        <v>22</v>
      </c>
      <c r="H16" s="261">
        <v>20</v>
      </c>
      <c r="I16" s="261">
        <v>13</v>
      </c>
      <c r="J16" s="261">
        <v>9</v>
      </c>
      <c r="K16" s="261">
        <v>14</v>
      </c>
      <c r="L16" s="262">
        <v>78</v>
      </c>
      <c r="M16" s="263">
        <v>78</v>
      </c>
      <c r="N16" s="257">
        <v>0</v>
      </c>
      <c r="O16" s="261">
        <v>0</v>
      </c>
      <c r="P16" s="258">
        <v>0</v>
      </c>
      <c r="Q16" s="260">
        <v>0</v>
      </c>
      <c r="R16" s="261">
        <v>0</v>
      </c>
      <c r="S16" s="261">
        <v>0</v>
      </c>
      <c r="T16" s="261">
        <v>0</v>
      </c>
      <c r="U16" s="261">
        <v>2</v>
      </c>
      <c r="V16" s="261">
        <v>2</v>
      </c>
      <c r="W16" s="258">
        <v>4</v>
      </c>
      <c r="X16" s="263">
        <v>4</v>
      </c>
      <c r="Y16" s="257">
        <v>1</v>
      </c>
      <c r="Z16" s="261">
        <v>7</v>
      </c>
      <c r="AA16" s="258">
        <v>8</v>
      </c>
      <c r="AB16" s="260">
        <v>0</v>
      </c>
      <c r="AC16" s="261">
        <v>17</v>
      </c>
      <c r="AD16" s="261">
        <v>15</v>
      </c>
      <c r="AE16" s="261">
        <v>7</v>
      </c>
      <c r="AF16" s="261">
        <v>8</v>
      </c>
      <c r="AG16" s="261">
        <v>9</v>
      </c>
      <c r="AH16" s="258">
        <v>56</v>
      </c>
      <c r="AI16" s="263">
        <v>64</v>
      </c>
      <c r="AJ16" s="257">
        <v>0</v>
      </c>
      <c r="AK16" s="261">
        <v>0</v>
      </c>
      <c r="AL16" s="258">
        <v>0</v>
      </c>
      <c r="AM16" s="260">
        <v>0</v>
      </c>
      <c r="AN16" s="261">
        <v>1</v>
      </c>
      <c r="AO16" s="261">
        <v>3</v>
      </c>
      <c r="AP16" s="261">
        <v>0</v>
      </c>
      <c r="AQ16" s="261">
        <v>3</v>
      </c>
      <c r="AR16" s="261">
        <v>2</v>
      </c>
      <c r="AS16" s="258">
        <v>9</v>
      </c>
      <c r="AT16" s="263">
        <v>9</v>
      </c>
      <c r="AU16" s="257">
        <v>6</v>
      </c>
      <c r="AV16" s="261">
        <v>6</v>
      </c>
      <c r="AW16" s="258">
        <v>12</v>
      </c>
      <c r="AX16" s="260">
        <v>0</v>
      </c>
      <c r="AY16" s="261">
        <v>26</v>
      </c>
      <c r="AZ16" s="261">
        <v>24</v>
      </c>
      <c r="BA16" s="261">
        <v>16</v>
      </c>
      <c r="BB16" s="261">
        <v>18</v>
      </c>
      <c r="BC16" s="261">
        <v>23</v>
      </c>
      <c r="BD16" s="262">
        <v>107</v>
      </c>
      <c r="BE16" s="263">
        <v>119</v>
      </c>
      <c r="BF16" s="257">
        <v>0</v>
      </c>
      <c r="BG16" s="261">
        <v>0</v>
      </c>
      <c r="BH16" s="258">
        <v>0</v>
      </c>
      <c r="BI16" s="260">
        <v>0</v>
      </c>
      <c r="BJ16" s="261">
        <v>20</v>
      </c>
      <c r="BK16" s="261">
        <v>16</v>
      </c>
      <c r="BL16" s="261">
        <v>9</v>
      </c>
      <c r="BM16" s="261">
        <v>1</v>
      </c>
      <c r="BN16" s="261">
        <v>1</v>
      </c>
      <c r="BO16" s="258">
        <v>47</v>
      </c>
      <c r="BP16" s="263">
        <v>47</v>
      </c>
      <c r="BQ16" s="257">
        <v>0</v>
      </c>
      <c r="BR16" s="261">
        <v>0</v>
      </c>
      <c r="BS16" s="258">
        <v>0</v>
      </c>
      <c r="BT16" s="260">
        <v>0</v>
      </c>
      <c r="BU16" s="261">
        <v>3</v>
      </c>
      <c r="BV16" s="261">
        <v>2</v>
      </c>
      <c r="BW16" s="261">
        <v>1</v>
      </c>
      <c r="BX16" s="261">
        <v>3</v>
      </c>
      <c r="BY16" s="261">
        <v>1</v>
      </c>
      <c r="BZ16" s="258">
        <v>10</v>
      </c>
      <c r="CA16" s="263">
        <v>10</v>
      </c>
      <c r="CB16" s="257">
        <v>0</v>
      </c>
      <c r="CC16" s="261">
        <v>0</v>
      </c>
      <c r="CD16" s="258">
        <v>0</v>
      </c>
      <c r="CE16" s="260">
        <v>0</v>
      </c>
      <c r="CF16" s="261">
        <v>0</v>
      </c>
      <c r="CG16" s="261">
        <v>3</v>
      </c>
      <c r="CH16" s="261">
        <v>3</v>
      </c>
      <c r="CI16" s="261">
        <v>2</v>
      </c>
      <c r="CJ16" s="261">
        <v>0</v>
      </c>
      <c r="CK16" s="258">
        <v>8</v>
      </c>
      <c r="CL16" s="263">
        <v>8</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7</v>
      </c>
      <c r="DV16" s="258">
        <v>19</v>
      </c>
      <c r="DW16" s="260">
        <v>0</v>
      </c>
      <c r="DX16" s="261">
        <v>23</v>
      </c>
      <c r="DY16" s="261">
        <v>34</v>
      </c>
      <c r="DZ16" s="261">
        <v>15</v>
      </c>
      <c r="EA16" s="261">
        <v>13</v>
      </c>
      <c r="EB16" s="261">
        <v>16</v>
      </c>
      <c r="EC16" s="258">
        <v>101</v>
      </c>
      <c r="ED16" s="263">
        <v>120</v>
      </c>
      <c r="EE16" s="257">
        <v>4</v>
      </c>
      <c r="EF16" s="261">
        <v>3</v>
      </c>
      <c r="EG16" s="258">
        <v>7</v>
      </c>
      <c r="EH16" s="260">
        <v>0</v>
      </c>
      <c r="EI16" s="261">
        <v>11</v>
      </c>
      <c r="EJ16" s="261">
        <v>9</v>
      </c>
      <c r="EK16" s="261">
        <v>6</v>
      </c>
      <c r="EL16" s="261">
        <v>8</v>
      </c>
      <c r="EM16" s="261">
        <v>7</v>
      </c>
      <c r="EN16" s="258">
        <v>41</v>
      </c>
      <c r="EO16" s="263">
        <v>48</v>
      </c>
      <c r="EP16" s="257">
        <v>2</v>
      </c>
      <c r="EQ16" s="261">
        <v>19</v>
      </c>
      <c r="ER16" s="258">
        <v>21</v>
      </c>
      <c r="ES16" s="260">
        <v>0</v>
      </c>
      <c r="ET16" s="261">
        <v>56</v>
      </c>
      <c r="EU16" s="261">
        <v>50</v>
      </c>
      <c r="EV16" s="261">
        <v>24</v>
      </c>
      <c r="EW16" s="261">
        <v>15</v>
      </c>
      <c r="EX16" s="261">
        <v>17</v>
      </c>
      <c r="EY16" s="258">
        <v>162</v>
      </c>
      <c r="EZ16" s="263">
        <v>183</v>
      </c>
    </row>
    <row r="17" spans="2:156" ht="21" customHeight="1" x14ac:dyDescent="0.2">
      <c r="B17" s="468" t="s">
        <v>15</v>
      </c>
      <c r="C17" s="257">
        <v>0</v>
      </c>
      <c r="D17" s="261">
        <v>0</v>
      </c>
      <c r="E17" s="356">
        <v>0</v>
      </c>
      <c r="F17" s="260">
        <v>0</v>
      </c>
      <c r="G17" s="261">
        <v>6</v>
      </c>
      <c r="H17" s="261">
        <v>5</v>
      </c>
      <c r="I17" s="261">
        <v>0</v>
      </c>
      <c r="J17" s="261">
        <v>3</v>
      </c>
      <c r="K17" s="261">
        <v>3</v>
      </c>
      <c r="L17" s="262">
        <v>17</v>
      </c>
      <c r="M17" s="263">
        <v>17</v>
      </c>
      <c r="N17" s="257">
        <v>0</v>
      </c>
      <c r="O17" s="261">
        <v>0</v>
      </c>
      <c r="P17" s="258">
        <v>0</v>
      </c>
      <c r="Q17" s="260">
        <v>0</v>
      </c>
      <c r="R17" s="261">
        <v>0</v>
      </c>
      <c r="S17" s="261">
        <v>0</v>
      </c>
      <c r="T17" s="261">
        <v>0</v>
      </c>
      <c r="U17" s="261">
        <v>1</v>
      </c>
      <c r="V17" s="261">
        <v>2</v>
      </c>
      <c r="W17" s="258">
        <v>3</v>
      </c>
      <c r="X17" s="263">
        <v>3</v>
      </c>
      <c r="Y17" s="257">
        <v>0</v>
      </c>
      <c r="Z17" s="261">
        <v>1</v>
      </c>
      <c r="AA17" s="258">
        <v>1</v>
      </c>
      <c r="AB17" s="260">
        <v>0</v>
      </c>
      <c r="AC17" s="261">
        <v>3</v>
      </c>
      <c r="AD17" s="261">
        <v>5</v>
      </c>
      <c r="AE17" s="261">
        <v>0</v>
      </c>
      <c r="AF17" s="261">
        <v>4</v>
      </c>
      <c r="AG17" s="261">
        <v>3</v>
      </c>
      <c r="AH17" s="258">
        <v>15</v>
      </c>
      <c r="AI17" s="263">
        <v>16</v>
      </c>
      <c r="AJ17" s="257">
        <v>0</v>
      </c>
      <c r="AK17" s="261">
        <v>0</v>
      </c>
      <c r="AL17" s="258">
        <v>0</v>
      </c>
      <c r="AM17" s="260">
        <v>0</v>
      </c>
      <c r="AN17" s="261">
        <v>0</v>
      </c>
      <c r="AO17" s="261">
        <v>1</v>
      </c>
      <c r="AP17" s="261">
        <v>0</v>
      </c>
      <c r="AQ17" s="261">
        <v>0</v>
      </c>
      <c r="AR17" s="261">
        <v>1</v>
      </c>
      <c r="AS17" s="258">
        <v>2</v>
      </c>
      <c r="AT17" s="263">
        <v>2</v>
      </c>
      <c r="AU17" s="257">
        <v>0</v>
      </c>
      <c r="AV17" s="261">
        <v>1</v>
      </c>
      <c r="AW17" s="258">
        <v>1</v>
      </c>
      <c r="AX17" s="260">
        <v>0</v>
      </c>
      <c r="AY17" s="261">
        <v>3</v>
      </c>
      <c r="AZ17" s="261">
        <v>5</v>
      </c>
      <c r="BA17" s="261">
        <v>3</v>
      </c>
      <c r="BB17" s="261">
        <v>5</v>
      </c>
      <c r="BC17" s="261">
        <v>2</v>
      </c>
      <c r="BD17" s="262">
        <v>18</v>
      </c>
      <c r="BE17" s="263">
        <v>19</v>
      </c>
      <c r="BF17" s="257">
        <v>0</v>
      </c>
      <c r="BG17" s="261">
        <v>0</v>
      </c>
      <c r="BH17" s="258">
        <v>0</v>
      </c>
      <c r="BI17" s="260">
        <v>0</v>
      </c>
      <c r="BJ17" s="261">
        <v>3</v>
      </c>
      <c r="BK17" s="261">
        <v>6</v>
      </c>
      <c r="BL17" s="261">
        <v>3</v>
      </c>
      <c r="BM17" s="261">
        <v>2</v>
      </c>
      <c r="BN17" s="261">
        <v>0</v>
      </c>
      <c r="BO17" s="258">
        <v>14</v>
      </c>
      <c r="BP17" s="263">
        <v>14</v>
      </c>
      <c r="BQ17" s="257">
        <v>0</v>
      </c>
      <c r="BR17" s="261">
        <v>0</v>
      </c>
      <c r="BS17" s="258">
        <v>0</v>
      </c>
      <c r="BT17" s="260">
        <v>0</v>
      </c>
      <c r="BU17" s="261">
        <v>1</v>
      </c>
      <c r="BV17" s="261">
        <v>3</v>
      </c>
      <c r="BW17" s="261">
        <v>2</v>
      </c>
      <c r="BX17" s="261">
        <v>2</v>
      </c>
      <c r="BY17" s="261">
        <v>1</v>
      </c>
      <c r="BZ17" s="258">
        <v>9</v>
      </c>
      <c r="CA17" s="263">
        <v>9</v>
      </c>
      <c r="CB17" s="257">
        <v>0</v>
      </c>
      <c r="CC17" s="261">
        <v>0</v>
      </c>
      <c r="CD17" s="258">
        <v>0</v>
      </c>
      <c r="CE17" s="260">
        <v>0</v>
      </c>
      <c r="CF17" s="261">
        <v>0</v>
      </c>
      <c r="CG17" s="261">
        <v>2</v>
      </c>
      <c r="CH17" s="261">
        <v>5</v>
      </c>
      <c r="CI17" s="261">
        <v>1</v>
      </c>
      <c r="CJ17" s="261">
        <v>2</v>
      </c>
      <c r="CK17" s="258">
        <v>10</v>
      </c>
      <c r="CL17" s="263">
        <v>10</v>
      </c>
      <c r="CM17" s="257">
        <v>0</v>
      </c>
      <c r="CN17" s="261">
        <v>0</v>
      </c>
      <c r="CO17" s="258">
        <v>0</v>
      </c>
      <c r="CP17" s="260">
        <v>0</v>
      </c>
      <c r="CQ17" s="261">
        <v>0</v>
      </c>
      <c r="CR17" s="261">
        <v>1</v>
      </c>
      <c r="CS17" s="261">
        <v>1</v>
      </c>
      <c r="CT17" s="261">
        <v>0</v>
      </c>
      <c r="CU17" s="261">
        <v>0</v>
      </c>
      <c r="CV17" s="258">
        <v>2</v>
      </c>
      <c r="CW17" s="263">
        <v>2</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4</v>
      </c>
      <c r="DV17" s="258">
        <v>6</v>
      </c>
      <c r="DW17" s="260">
        <v>0</v>
      </c>
      <c r="DX17" s="261">
        <v>6</v>
      </c>
      <c r="DY17" s="261">
        <v>13</v>
      </c>
      <c r="DZ17" s="261">
        <v>5</v>
      </c>
      <c r="EA17" s="261">
        <v>7</v>
      </c>
      <c r="EB17" s="261">
        <v>3</v>
      </c>
      <c r="EC17" s="258">
        <v>34</v>
      </c>
      <c r="ED17" s="263">
        <v>40</v>
      </c>
      <c r="EE17" s="257">
        <v>1</v>
      </c>
      <c r="EF17" s="261">
        <v>1</v>
      </c>
      <c r="EG17" s="258">
        <v>2</v>
      </c>
      <c r="EH17" s="260">
        <v>0</v>
      </c>
      <c r="EI17" s="261">
        <v>3</v>
      </c>
      <c r="EJ17" s="261">
        <v>3</v>
      </c>
      <c r="EK17" s="261">
        <v>1</v>
      </c>
      <c r="EL17" s="261">
        <v>3</v>
      </c>
      <c r="EM17" s="261">
        <v>1</v>
      </c>
      <c r="EN17" s="258">
        <v>11</v>
      </c>
      <c r="EO17" s="263">
        <v>13</v>
      </c>
      <c r="EP17" s="257">
        <v>2</v>
      </c>
      <c r="EQ17" s="261">
        <v>4</v>
      </c>
      <c r="ER17" s="258">
        <v>6</v>
      </c>
      <c r="ES17" s="260">
        <v>0</v>
      </c>
      <c r="ET17" s="261">
        <v>14</v>
      </c>
      <c r="EU17" s="261">
        <v>19</v>
      </c>
      <c r="EV17" s="261">
        <v>7</v>
      </c>
      <c r="EW17" s="261">
        <v>7</v>
      </c>
      <c r="EX17" s="261">
        <v>4</v>
      </c>
      <c r="EY17" s="258">
        <v>51</v>
      </c>
      <c r="EZ17" s="263">
        <v>57</v>
      </c>
    </row>
    <row r="18" spans="2:156" ht="21" customHeight="1" x14ac:dyDescent="0.2">
      <c r="B18" s="468" t="s">
        <v>16</v>
      </c>
      <c r="C18" s="257">
        <v>0</v>
      </c>
      <c r="D18" s="261">
        <v>0</v>
      </c>
      <c r="E18" s="356">
        <v>0</v>
      </c>
      <c r="F18" s="260">
        <v>0</v>
      </c>
      <c r="G18" s="261">
        <v>8</v>
      </c>
      <c r="H18" s="261">
        <v>19</v>
      </c>
      <c r="I18" s="261">
        <v>5</v>
      </c>
      <c r="J18" s="261">
        <v>6</v>
      </c>
      <c r="K18" s="261">
        <v>2</v>
      </c>
      <c r="L18" s="262">
        <v>40</v>
      </c>
      <c r="M18" s="263">
        <v>40</v>
      </c>
      <c r="N18" s="257">
        <v>0</v>
      </c>
      <c r="O18" s="261">
        <v>0</v>
      </c>
      <c r="P18" s="258">
        <v>0</v>
      </c>
      <c r="Q18" s="260">
        <v>0</v>
      </c>
      <c r="R18" s="261">
        <v>0</v>
      </c>
      <c r="S18" s="261">
        <v>0</v>
      </c>
      <c r="T18" s="261">
        <v>1</v>
      </c>
      <c r="U18" s="261">
        <v>0</v>
      </c>
      <c r="V18" s="261">
        <v>4</v>
      </c>
      <c r="W18" s="258">
        <v>5</v>
      </c>
      <c r="X18" s="263">
        <v>5</v>
      </c>
      <c r="Y18" s="257">
        <v>2</v>
      </c>
      <c r="Z18" s="261">
        <v>3</v>
      </c>
      <c r="AA18" s="258">
        <v>5</v>
      </c>
      <c r="AB18" s="260">
        <v>0</v>
      </c>
      <c r="AC18" s="261">
        <v>9</v>
      </c>
      <c r="AD18" s="261">
        <v>12</v>
      </c>
      <c r="AE18" s="261">
        <v>7</v>
      </c>
      <c r="AF18" s="261">
        <v>6</v>
      </c>
      <c r="AG18" s="261">
        <v>5</v>
      </c>
      <c r="AH18" s="258">
        <v>39</v>
      </c>
      <c r="AI18" s="263">
        <v>44</v>
      </c>
      <c r="AJ18" s="257">
        <v>0</v>
      </c>
      <c r="AK18" s="261">
        <v>0</v>
      </c>
      <c r="AL18" s="258">
        <v>0</v>
      </c>
      <c r="AM18" s="260">
        <v>0</v>
      </c>
      <c r="AN18" s="261">
        <v>0</v>
      </c>
      <c r="AO18" s="261">
        <v>2</v>
      </c>
      <c r="AP18" s="261">
        <v>2</v>
      </c>
      <c r="AQ18" s="261">
        <v>0</v>
      </c>
      <c r="AR18" s="261">
        <v>1</v>
      </c>
      <c r="AS18" s="258">
        <v>5</v>
      </c>
      <c r="AT18" s="263">
        <v>5</v>
      </c>
      <c r="AU18" s="257">
        <v>3</v>
      </c>
      <c r="AV18" s="261">
        <v>1</v>
      </c>
      <c r="AW18" s="258">
        <v>4</v>
      </c>
      <c r="AX18" s="260">
        <v>0</v>
      </c>
      <c r="AY18" s="261">
        <v>10</v>
      </c>
      <c r="AZ18" s="261">
        <v>14</v>
      </c>
      <c r="BA18" s="261">
        <v>20</v>
      </c>
      <c r="BB18" s="261">
        <v>13</v>
      </c>
      <c r="BC18" s="261">
        <v>14</v>
      </c>
      <c r="BD18" s="262">
        <v>71</v>
      </c>
      <c r="BE18" s="263">
        <v>75</v>
      </c>
      <c r="BF18" s="257">
        <v>0</v>
      </c>
      <c r="BG18" s="261">
        <v>0</v>
      </c>
      <c r="BH18" s="258">
        <v>0</v>
      </c>
      <c r="BI18" s="260">
        <v>0</v>
      </c>
      <c r="BJ18" s="261">
        <v>27</v>
      </c>
      <c r="BK18" s="261">
        <v>16</v>
      </c>
      <c r="BL18" s="261">
        <v>7</v>
      </c>
      <c r="BM18" s="261">
        <v>3</v>
      </c>
      <c r="BN18" s="261">
        <v>2</v>
      </c>
      <c r="BO18" s="258">
        <v>55</v>
      </c>
      <c r="BP18" s="263">
        <v>55</v>
      </c>
      <c r="BQ18" s="257">
        <v>1</v>
      </c>
      <c r="BR18" s="261">
        <v>2</v>
      </c>
      <c r="BS18" s="258">
        <v>3</v>
      </c>
      <c r="BT18" s="260">
        <v>0</v>
      </c>
      <c r="BU18" s="261">
        <v>7</v>
      </c>
      <c r="BV18" s="261">
        <v>20</v>
      </c>
      <c r="BW18" s="261">
        <v>6</v>
      </c>
      <c r="BX18" s="261">
        <v>2</v>
      </c>
      <c r="BY18" s="261">
        <v>1</v>
      </c>
      <c r="BZ18" s="258">
        <v>36</v>
      </c>
      <c r="CA18" s="263">
        <v>39</v>
      </c>
      <c r="CB18" s="257">
        <v>0</v>
      </c>
      <c r="CC18" s="261">
        <v>0</v>
      </c>
      <c r="CD18" s="258">
        <v>0</v>
      </c>
      <c r="CE18" s="260">
        <v>0</v>
      </c>
      <c r="CF18" s="261">
        <v>5</v>
      </c>
      <c r="CG18" s="261">
        <v>6</v>
      </c>
      <c r="CH18" s="261">
        <v>4</v>
      </c>
      <c r="CI18" s="261">
        <v>2</v>
      </c>
      <c r="CJ18" s="261">
        <v>0</v>
      </c>
      <c r="CK18" s="258">
        <v>17</v>
      </c>
      <c r="CL18" s="263">
        <v>17</v>
      </c>
      <c r="CM18" s="257">
        <v>0</v>
      </c>
      <c r="CN18" s="261">
        <v>0</v>
      </c>
      <c r="CO18" s="258">
        <v>0</v>
      </c>
      <c r="CP18" s="260">
        <v>0</v>
      </c>
      <c r="CQ18" s="261">
        <v>0</v>
      </c>
      <c r="CR18" s="261">
        <v>1</v>
      </c>
      <c r="CS18" s="261">
        <v>0</v>
      </c>
      <c r="CT18" s="261">
        <v>0</v>
      </c>
      <c r="CU18" s="261">
        <v>0</v>
      </c>
      <c r="CV18" s="258">
        <v>1</v>
      </c>
      <c r="CW18" s="263">
        <v>1</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8</v>
      </c>
      <c r="DU18" s="261">
        <v>18</v>
      </c>
      <c r="DV18" s="258">
        <v>26</v>
      </c>
      <c r="DW18" s="260">
        <v>0</v>
      </c>
      <c r="DX18" s="261">
        <v>17</v>
      </c>
      <c r="DY18" s="261">
        <v>48</v>
      </c>
      <c r="DZ18" s="261">
        <v>24</v>
      </c>
      <c r="EA18" s="261">
        <v>10</v>
      </c>
      <c r="EB18" s="261">
        <v>11</v>
      </c>
      <c r="EC18" s="258">
        <v>110</v>
      </c>
      <c r="ED18" s="263">
        <v>136</v>
      </c>
      <c r="EE18" s="257">
        <v>3</v>
      </c>
      <c r="EF18" s="261">
        <v>1</v>
      </c>
      <c r="EG18" s="258">
        <v>4</v>
      </c>
      <c r="EH18" s="260">
        <v>0</v>
      </c>
      <c r="EI18" s="261">
        <v>6</v>
      </c>
      <c r="EJ18" s="261">
        <v>6</v>
      </c>
      <c r="EK18" s="261">
        <v>15</v>
      </c>
      <c r="EL18" s="261">
        <v>9</v>
      </c>
      <c r="EM18" s="261">
        <v>8</v>
      </c>
      <c r="EN18" s="258">
        <v>44</v>
      </c>
      <c r="EO18" s="263">
        <v>48</v>
      </c>
      <c r="EP18" s="257">
        <v>10</v>
      </c>
      <c r="EQ18" s="261">
        <v>22</v>
      </c>
      <c r="ER18" s="258">
        <v>32</v>
      </c>
      <c r="ES18" s="260">
        <v>0</v>
      </c>
      <c r="ET18" s="261">
        <v>46</v>
      </c>
      <c r="EU18" s="261">
        <v>63</v>
      </c>
      <c r="EV18" s="261">
        <v>32</v>
      </c>
      <c r="EW18" s="261">
        <v>12</v>
      </c>
      <c r="EX18" s="261">
        <v>9</v>
      </c>
      <c r="EY18" s="258">
        <v>162</v>
      </c>
      <c r="EZ18" s="263">
        <v>194</v>
      </c>
    </row>
    <row r="19" spans="2:156" ht="21" customHeight="1" x14ac:dyDescent="0.2">
      <c r="B19" s="468" t="s">
        <v>17</v>
      </c>
      <c r="C19" s="257">
        <v>0</v>
      </c>
      <c r="D19" s="261">
        <v>0</v>
      </c>
      <c r="E19" s="356">
        <v>0</v>
      </c>
      <c r="F19" s="260">
        <v>0</v>
      </c>
      <c r="G19" s="261">
        <v>10</v>
      </c>
      <c r="H19" s="261">
        <v>19</v>
      </c>
      <c r="I19" s="261">
        <v>19</v>
      </c>
      <c r="J19" s="261">
        <v>9</v>
      </c>
      <c r="K19" s="261">
        <v>7</v>
      </c>
      <c r="L19" s="262">
        <v>64</v>
      </c>
      <c r="M19" s="263">
        <v>64</v>
      </c>
      <c r="N19" s="257">
        <v>0</v>
      </c>
      <c r="O19" s="261">
        <v>0</v>
      </c>
      <c r="P19" s="258">
        <v>0</v>
      </c>
      <c r="Q19" s="260">
        <v>0</v>
      </c>
      <c r="R19" s="261">
        <v>0</v>
      </c>
      <c r="S19" s="261">
        <v>0</v>
      </c>
      <c r="T19" s="261">
        <v>1</v>
      </c>
      <c r="U19" s="261">
        <v>3</v>
      </c>
      <c r="V19" s="261">
        <v>1</v>
      </c>
      <c r="W19" s="258">
        <v>5</v>
      </c>
      <c r="X19" s="263">
        <v>5</v>
      </c>
      <c r="Y19" s="257">
        <v>6</v>
      </c>
      <c r="Z19" s="261">
        <v>6</v>
      </c>
      <c r="AA19" s="258">
        <v>12</v>
      </c>
      <c r="AB19" s="260">
        <v>0</v>
      </c>
      <c r="AC19" s="261">
        <v>11</v>
      </c>
      <c r="AD19" s="261">
        <v>23</v>
      </c>
      <c r="AE19" s="261">
        <v>20</v>
      </c>
      <c r="AF19" s="261">
        <v>12</v>
      </c>
      <c r="AG19" s="261">
        <v>7</v>
      </c>
      <c r="AH19" s="258">
        <v>73</v>
      </c>
      <c r="AI19" s="263">
        <v>85</v>
      </c>
      <c r="AJ19" s="257">
        <v>0</v>
      </c>
      <c r="AK19" s="261">
        <v>0</v>
      </c>
      <c r="AL19" s="258">
        <v>0</v>
      </c>
      <c r="AM19" s="260">
        <v>0</v>
      </c>
      <c r="AN19" s="261">
        <v>0</v>
      </c>
      <c r="AO19" s="261">
        <v>3</v>
      </c>
      <c r="AP19" s="261">
        <v>5</v>
      </c>
      <c r="AQ19" s="261">
        <v>2</v>
      </c>
      <c r="AR19" s="261">
        <v>3</v>
      </c>
      <c r="AS19" s="258">
        <v>13</v>
      </c>
      <c r="AT19" s="263">
        <v>13</v>
      </c>
      <c r="AU19" s="257">
        <v>8</v>
      </c>
      <c r="AV19" s="261">
        <v>5</v>
      </c>
      <c r="AW19" s="258">
        <v>13</v>
      </c>
      <c r="AX19" s="260">
        <v>0</v>
      </c>
      <c r="AY19" s="261">
        <v>13</v>
      </c>
      <c r="AZ19" s="261">
        <v>25</v>
      </c>
      <c r="BA19" s="261">
        <v>26</v>
      </c>
      <c r="BB19" s="261">
        <v>26</v>
      </c>
      <c r="BC19" s="261">
        <v>21</v>
      </c>
      <c r="BD19" s="262">
        <v>111</v>
      </c>
      <c r="BE19" s="263">
        <v>124</v>
      </c>
      <c r="BF19" s="257">
        <v>0</v>
      </c>
      <c r="BG19" s="261">
        <v>0</v>
      </c>
      <c r="BH19" s="258">
        <v>0</v>
      </c>
      <c r="BI19" s="260">
        <v>0</v>
      </c>
      <c r="BJ19" s="261">
        <v>14</v>
      </c>
      <c r="BK19" s="261">
        <v>27</v>
      </c>
      <c r="BL19" s="261">
        <v>17</v>
      </c>
      <c r="BM19" s="261">
        <v>12</v>
      </c>
      <c r="BN19" s="261">
        <v>3</v>
      </c>
      <c r="BO19" s="258">
        <v>73</v>
      </c>
      <c r="BP19" s="263">
        <v>73</v>
      </c>
      <c r="BQ19" s="257">
        <v>5</v>
      </c>
      <c r="BR19" s="261">
        <v>4</v>
      </c>
      <c r="BS19" s="258">
        <v>9</v>
      </c>
      <c r="BT19" s="260">
        <v>0</v>
      </c>
      <c r="BU19" s="261">
        <v>5</v>
      </c>
      <c r="BV19" s="261">
        <v>14</v>
      </c>
      <c r="BW19" s="261">
        <v>8</v>
      </c>
      <c r="BX19" s="261">
        <v>3</v>
      </c>
      <c r="BY19" s="261">
        <v>4</v>
      </c>
      <c r="BZ19" s="258">
        <v>34</v>
      </c>
      <c r="CA19" s="263">
        <v>43</v>
      </c>
      <c r="CB19" s="257">
        <v>0</v>
      </c>
      <c r="CC19" s="261">
        <v>1</v>
      </c>
      <c r="CD19" s="258">
        <v>1</v>
      </c>
      <c r="CE19" s="260">
        <v>0</v>
      </c>
      <c r="CF19" s="261">
        <v>5</v>
      </c>
      <c r="CG19" s="261">
        <v>4</v>
      </c>
      <c r="CH19" s="261">
        <v>6</v>
      </c>
      <c r="CI19" s="261">
        <v>5</v>
      </c>
      <c r="CJ19" s="261">
        <v>1</v>
      </c>
      <c r="CK19" s="258">
        <v>21</v>
      </c>
      <c r="CL19" s="263">
        <v>22</v>
      </c>
      <c r="CM19" s="257">
        <v>0</v>
      </c>
      <c r="CN19" s="261">
        <v>0</v>
      </c>
      <c r="CO19" s="258">
        <v>0</v>
      </c>
      <c r="CP19" s="260">
        <v>0</v>
      </c>
      <c r="CQ19" s="261">
        <v>1</v>
      </c>
      <c r="CR19" s="261">
        <v>2</v>
      </c>
      <c r="CS19" s="261">
        <v>0</v>
      </c>
      <c r="CT19" s="261">
        <v>3</v>
      </c>
      <c r="CU19" s="261">
        <v>0</v>
      </c>
      <c r="CV19" s="258">
        <v>6</v>
      </c>
      <c r="CW19" s="263">
        <v>6</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1</v>
      </c>
      <c r="DU19" s="261">
        <v>27</v>
      </c>
      <c r="DV19" s="258">
        <v>38</v>
      </c>
      <c r="DW19" s="260">
        <v>0</v>
      </c>
      <c r="DX19" s="261">
        <v>22</v>
      </c>
      <c r="DY19" s="261">
        <v>54</v>
      </c>
      <c r="DZ19" s="261">
        <v>52</v>
      </c>
      <c r="EA19" s="261">
        <v>26</v>
      </c>
      <c r="EB19" s="261">
        <v>16</v>
      </c>
      <c r="EC19" s="258">
        <v>170</v>
      </c>
      <c r="ED19" s="263">
        <v>208</v>
      </c>
      <c r="EE19" s="257">
        <v>6</v>
      </c>
      <c r="EF19" s="261">
        <v>2</v>
      </c>
      <c r="EG19" s="258">
        <v>8</v>
      </c>
      <c r="EH19" s="260">
        <v>0</v>
      </c>
      <c r="EI19" s="261">
        <v>9</v>
      </c>
      <c r="EJ19" s="261">
        <v>11</v>
      </c>
      <c r="EK19" s="261">
        <v>8</v>
      </c>
      <c r="EL19" s="261">
        <v>14</v>
      </c>
      <c r="EM19" s="261">
        <v>7</v>
      </c>
      <c r="EN19" s="258">
        <v>49</v>
      </c>
      <c r="EO19" s="263">
        <v>57</v>
      </c>
      <c r="EP19" s="257">
        <v>20</v>
      </c>
      <c r="EQ19" s="261">
        <v>31</v>
      </c>
      <c r="ER19" s="258">
        <v>51</v>
      </c>
      <c r="ES19" s="260">
        <v>0</v>
      </c>
      <c r="ET19" s="261">
        <v>58</v>
      </c>
      <c r="EU19" s="261">
        <v>87</v>
      </c>
      <c r="EV19" s="261">
        <v>60</v>
      </c>
      <c r="EW19" s="261">
        <v>31</v>
      </c>
      <c r="EX19" s="261">
        <v>18</v>
      </c>
      <c r="EY19" s="258">
        <v>254</v>
      </c>
      <c r="EZ19" s="263">
        <v>305</v>
      </c>
    </row>
    <row r="20" spans="2:156" ht="21" customHeight="1" x14ac:dyDescent="0.2">
      <c r="B20" s="468" t="s">
        <v>18</v>
      </c>
      <c r="C20" s="257">
        <v>0</v>
      </c>
      <c r="D20" s="261">
        <v>0</v>
      </c>
      <c r="E20" s="356">
        <v>0</v>
      </c>
      <c r="F20" s="260">
        <v>0</v>
      </c>
      <c r="G20" s="261">
        <v>22</v>
      </c>
      <c r="H20" s="261">
        <v>32</v>
      </c>
      <c r="I20" s="261">
        <v>18</v>
      </c>
      <c r="J20" s="261">
        <v>16</v>
      </c>
      <c r="K20" s="261">
        <v>10</v>
      </c>
      <c r="L20" s="262">
        <v>98</v>
      </c>
      <c r="M20" s="263">
        <v>98</v>
      </c>
      <c r="N20" s="257">
        <v>0</v>
      </c>
      <c r="O20" s="261">
        <v>0</v>
      </c>
      <c r="P20" s="258">
        <v>0</v>
      </c>
      <c r="Q20" s="260">
        <v>0</v>
      </c>
      <c r="R20" s="261">
        <v>0</v>
      </c>
      <c r="S20" s="261">
        <v>0</v>
      </c>
      <c r="T20" s="261">
        <v>1</v>
      </c>
      <c r="U20" s="261">
        <v>3</v>
      </c>
      <c r="V20" s="261">
        <v>1</v>
      </c>
      <c r="W20" s="258">
        <v>5</v>
      </c>
      <c r="X20" s="263">
        <v>5</v>
      </c>
      <c r="Y20" s="257">
        <v>4</v>
      </c>
      <c r="Z20" s="261">
        <v>6</v>
      </c>
      <c r="AA20" s="258">
        <v>10</v>
      </c>
      <c r="AB20" s="260">
        <v>0</v>
      </c>
      <c r="AC20" s="261">
        <v>22</v>
      </c>
      <c r="AD20" s="261">
        <v>31</v>
      </c>
      <c r="AE20" s="261">
        <v>21</v>
      </c>
      <c r="AF20" s="261">
        <v>15</v>
      </c>
      <c r="AG20" s="261">
        <v>7</v>
      </c>
      <c r="AH20" s="258">
        <v>96</v>
      </c>
      <c r="AI20" s="263">
        <v>106</v>
      </c>
      <c r="AJ20" s="257">
        <v>1</v>
      </c>
      <c r="AK20" s="261">
        <v>0</v>
      </c>
      <c r="AL20" s="258">
        <v>1</v>
      </c>
      <c r="AM20" s="260">
        <v>0</v>
      </c>
      <c r="AN20" s="261">
        <v>2</v>
      </c>
      <c r="AO20" s="261">
        <v>3</v>
      </c>
      <c r="AP20" s="261">
        <v>1</v>
      </c>
      <c r="AQ20" s="261">
        <v>2</v>
      </c>
      <c r="AR20" s="261">
        <v>1</v>
      </c>
      <c r="AS20" s="258">
        <v>9</v>
      </c>
      <c r="AT20" s="263">
        <v>10</v>
      </c>
      <c r="AU20" s="257">
        <v>2</v>
      </c>
      <c r="AV20" s="261">
        <v>5</v>
      </c>
      <c r="AW20" s="258">
        <v>7</v>
      </c>
      <c r="AX20" s="260">
        <v>0</v>
      </c>
      <c r="AY20" s="261">
        <v>28</v>
      </c>
      <c r="AZ20" s="261">
        <v>34</v>
      </c>
      <c r="BA20" s="261">
        <v>37</v>
      </c>
      <c r="BB20" s="261">
        <v>31</v>
      </c>
      <c r="BC20" s="261">
        <v>30</v>
      </c>
      <c r="BD20" s="262">
        <v>160</v>
      </c>
      <c r="BE20" s="263">
        <v>167</v>
      </c>
      <c r="BF20" s="257">
        <v>0</v>
      </c>
      <c r="BG20" s="261">
        <v>0</v>
      </c>
      <c r="BH20" s="258">
        <v>0</v>
      </c>
      <c r="BI20" s="260">
        <v>0</v>
      </c>
      <c r="BJ20" s="261">
        <v>38</v>
      </c>
      <c r="BK20" s="261">
        <v>43</v>
      </c>
      <c r="BL20" s="261">
        <v>17</v>
      </c>
      <c r="BM20" s="261">
        <v>13</v>
      </c>
      <c r="BN20" s="261">
        <v>7</v>
      </c>
      <c r="BO20" s="258">
        <v>118</v>
      </c>
      <c r="BP20" s="263">
        <v>118</v>
      </c>
      <c r="BQ20" s="257">
        <v>6</v>
      </c>
      <c r="BR20" s="261">
        <v>7</v>
      </c>
      <c r="BS20" s="258">
        <v>13</v>
      </c>
      <c r="BT20" s="260">
        <v>0</v>
      </c>
      <c r="BU20" s="261">
        <v>12</v>
      </c>
      <c r="BV20" s="261">
        <v>19</v>
      </c>
      <c r="BW20" s="261">
        <v>7</v>
      </c>
      <c r="BX20" s="261">
        <v>7</v>
      </c>
      <c r="BY20" s="261">
        <v>1</v>
      </c>
      <c r="BZ20" s="258">
        <v>46</v>
      </c>
      <c r="CA20" s="263">
        <v>59</v>
      </c>
      <c r="CB20" s="257">
        <v>1</v>
      </c>
      <c r="CC20" s="261">
        <v>0</v>
      </c>
      <c r="CD20" s="258">
        <v>1</v>
      </c>
      <c r="CE20" s="260">
        <v>0</v>
      </c>
      <c r="CF20" s="261">
        <v>4</v>
      </c>
      <c r="CG20" s="261">
        <v>10</v>
      </c>
      <c r="CH20" s="261">
        <v>8</v>
      </c>
      <c r="CI20" s="261">
        <v>6</v>
      </c>
      <c r="CJ20" s="261">
        <v>4</v>
      </c>
      <c r="CK20" s="258">
        <v>32</v>
      </c>
      <c r="CL20" s="263">
        <v>33</v>
      </c>
      <c r="CM20" s="257">
        <v>0</v>
      </c>
      <c r="CN20" s="261">
        <v>0</v>
      </c>
      <c r="CO20" s="258">
        <v>0</v>
      </c>
      <c r="CP20" s="260">
        <v>0</v>
      </c>
      <c r="CQ20" s="261">
        <v>1</v>
      </c>
      <c r="CR20" s="261">
        <v>1</v>
      </c>
      <c r="CS20" s="261">
        <v>0</v>
      </c>
      <c r="CT20" s="261">
        <v>0</v>
      </c>
      <c r="CU20" s="261">
        <v>1</v>
      </c>
      <c r="CV20" s="258">
        <v>3</v>
      </c>
      <c r="CW20" s="263">
        <v>3</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1</v>
      </c>
      <c r="DU20" s="261">
        <v>25</v>
      </c>
      <c r="DV20" s="258">
        <v>36</v>
      </c>
      <c r="DW20" s="260">
        <v>0</v>
      </c>
      <c r="DX20" s="261">
        <v>47</v>
      </c>
      <c r="DY20" s="261">
        <v>65</v>
      </c>
      <c r="DZ20" s="261">
        <v>54</v>
      </c>
      <c r="EA20" s="261">
        <v>40</v>
      </c>
      <c r="EB20" s="261">
        <v>20</v>
      </c>
      <c r="EC20" s="258">
        <v>226</v>
      </c>
      <c r="ED20" s="263">
        <v>262</v>
      </c>
      <c r="EE20" s="257">
        <v>1</v>
      </c>
      <c r="EF20" s="261">
        <v>3</v>
      </c>
      <c r="EG20" s="258">
        <v>4</v>
      </c>
      <c r="EH20" s="260">
        <v>0</v>
      </c>
      <c r="EI20" s="261">
        <v>10</v>
      </c>
      <c r="EJ20" s="261">
        <v>10</v>
      </c>
      <c r="EK20" s="261">
        <v>8</v>
      </c>
      <c r="EL20" s="261">
        <v>12</v>
      </c>
      <c r="EM20" s="261">
        <v>15</v>
      </c>
      <c r="EN20" s="258">
        <v>55</v>
      </c>
      <c r="EO20" s="263">
        <v>59</v>
      </c>
      <c r="EP20" s="257">
        <v>21</v>
      </c>
      <c r="EQ20" s="261">
        <v>31</v>
      </c>
      <c r="ER20" s="258">
        <v>52</v>
      </c>
      <c r="ES20" s="260">
        <v>0</v>
      </c>
      <c r="ET20" s="261">
        <v>99</v>
      </c>
      <c r="EU20" s="261">
        <v>99</v>
      </c>
      <c r="EV20" s="261">
        <v>52</v>
      </c>
      <c r="EW20" s="261">
        <v>44</v>
      </c>
      <c r="EX20" s="261">
        <v>19</v>
      </c>
      <c r="EY20" s="258">
        <v>313</v>
      </c>
      <c r="EZ20" s="263">
        <v>365</v>
      </c>
    </row>
    <row r="21" spans="2:156" ht="21" customHeight="1" x14ac:dyDescent="0.2">
      <c r="B21" s="468" t="s">
        <v>19</v>
      </c>
      <c r="C21" s="257">
        <v>0</v>
      </c>
      <c r="D21" s="261">
        <v>0</v>
      </c>
      <c r="E21" s="356">
        <v>0</v>
      </c>
      <c r="F21" s="260">
        <v>0</v>
      </c>
      <c r="G21" s="261">
        <v>10</v>
      </c>
      <c r="H21" s="261">
        <v>9</v>
      </c>
      <c r="I21" s="261">
        <v>4</v>
      </c>
      <c r="J21" s="261">
        <v>3</v>
      </c>
      <c r="K21" s="261">
        <v>1</v>
      </c>
      <c r="L21" s="262">
        <v>27</v>
      </c>
      <c r="M21" s="263">
        <v>27</v>
      </c>
      <c r="N21" s="257">
        <v>0</v>
      </c>
      <c r="O21" s="261">
        <v>0</v>
      </c>
      <c r="P21" s="258">
        <v>0</v>
      </c>
      <c r="Q21" s="260">
        <v>0</v>
      </c>
      <c r="R21" s="261">
        <v>0</v>
      </c>
      <c r="S21" s="261">
        <v>0</v>
      </c>
      <c r="T21" s="261">
        <v>1</v>
      </c>
      <c r="U21" s="261">
        <v>1</v>
      </c>
      <c r="V21" s="261">
        <v>2</v>
      </c>
      <c r="W21" s="258">
        <v>4</v>
      </c>
      <c r="X21" s="263">
        <v>4</v>
      </c>
      <c r="Y21" s="257">
        <v>3</v>
      </c>
      <c r="Z21" s="261">
        <v>3</v>
      </c>
      <c r="AA21" s="258">
        <v>6</v>
      </c>
      <c r="AB21" s="260">
        <v>0</v>
      </c>
      <c r="AC21" s="261">
        <v>13</v>
      </c>
      <c r="AD21" s="261">
        <v>11</v>
      </c>
      <c r="AE21" s="261">
        <v>6</v>
      </c>
      <c r="AF21" s="261">
        <v>3</v>
      </c>
      <c r="AG21" s="261">
        <v>2</v>
      </c>
      <c r="AH21" s="258">
        <v>35</v>
      </c>
      <c r="AI21" s="263">
        <v>41</v>
      </c>
      <c r="AJ21" s="257">
        <v>0</v>
      </c>
      <c r="AK21" s="261">
        <v>0</v>
      </c>
      <c r="AL21" s="258">
        <v>0</v>
      </c>
      <c r="AM21" s="260">
        <v>0</v>
      </c>
      <c r="AN21" s="261">
        <v>2</v>
      </c>
      <c r="AO21" s="261">
        <v>0</v>
      </c>
      <c r="AP21" s="261">
        <v>0</v>
      </c>
      <c r="AQ21" s="261">
        <v>1</v>
      </c>
      <c r="AR21" s="261">
        <v>0</v>
      </c>
      <c r="AS21" s="258">
        <v>3</v>
      </c>
      <c r="AT21" s="263">
        <v>3</v>
      </c>
      <c r="AU21" s="257">
        <v>3</v>
      </c>
      <c r="AV21" s="261">
        <v>2</v>
      </c>
      <c r="AW21" s="258">
        <v>5</v>
      </c>
      <c r="AX21" s="260">
        <v>0</v>
      </c>
      <c r="AY21" s="261">
        <v>13</v>
      </c>
      <c r="AZ21" s="261">
        <v>18</v>
      </c>
      <c r="BA21" s="261">
        <v>12</v>
      </c>
      <c r="BB21" s="261">
        <v>9</v>
      </c>
      <c r="BC21" s="261">
        <v>6</v>
      </c>
      <c r="BD21" s="262">
        <v>58</v>
      </c>
      <c r="BE21" s="263">
        <v>63</v>
      </c>
      <c r="BF21" s="257">
        <v>0</v>
      </c>
      <c r="BG21" s="261">
        <v>0</v>
      </c>
      <c r="BH21" s="258">
        <v>0</v>
      </c>
      <c r="BI21" s="260">
        <v>0</v>
      </c>
      <c r="BJ21" s="261">
        <v>14</v>
      </c>
      <c r="BK21" s="261">
        <v>13</v>
      </c>
      <c r="BL21" s="261">
        <v>4</v>
      </c>
      <c r="BM21" s="261">
        <v>1</v>
      </c>
      <c r="BN21" s="261">
        <v>3</v>
      </c>
      <c r="BO21" s="258">
        <v>35</v>
      </c>
      <c r="BP21" s="263">
        <v>35</v>
      </c>
      <c r="BQ21" s="257">
        <v>1</v>
      </c>
      <c r="BR21" s="261">
        <v>2</v>
      </c>
      <c r="BS21" s="258">
        <v>3</v>
      </c>
      <c r="BT21" s="260">
        <v>0</v>
      </c>
      <c r="BU21" s="261">
        <v>13</v>
      </c>
      <c r="BV21" s="261">
        <v>5</v>
      </c>
      <c r="BW21" s="261">
        <v>6</v>
      </c>
      <c r="BX21" s="261">
        <v>3</v>
      </c>
      <c r="BY21" s="261">
        <v>1</v>
      </c>
      <c r="BZ21" s="258">
        <v>28</v>
      </c>
      <c r="CA21" s="263">
        <v>31</v>
      </c>
      <c r="CB21" s="257">
        <v>0</v>
      </c>
      <c r="CC21" s="261">
        <v>1</v>
      </c>
      <c r="CD21" s="258">
        <v>1</v>
      </c>
      <c r="CE21" s="260">
        <v>0</v>
      </c>
      <c r="CF21" s="261">
        <v>3</v>
      </c>
      <c r="CG21" s="261">
        <v>1</v>
      </c>
      <c r="CH21" s="261">
        <v>4</v>
      </c>
      <c r="CI21" s="261">
        <v>0</v>
      </c>
      <c r="CJ21" s="261">
        <v>0</v>
      </c>
      <c r="CK21" s="258">
        <v>8</v>
      </c>
      <c r="CL21" s="263">
        <v>9</v>
      </c>
      <c r="CM21" s="257">
        <v>0</v>
      </c>
      <c r="CN21" s="261">
        <v>0</v>
      </c>
      <c r="CO21" s="258">
        <v>0</v>
      </c>
      <c r="CP21" s="260">
        <v>0</v>
      </c>
      <c r="CQ21" s="261">
        <v>0</v>
      </c>
      <c r="CR21" s="261">
        <v>0</v>
      </c>
      <c r="CS21" s="261">
        <v>1</v>
      </c>
      <c r="CT21" s="261">
        <v>1</v>
      </c>
      <c r="CU21" s="261">
        <v>1</v>
      </c>
      <c r="CV21" s="258">
        <v>3</v>
      </c>
      <c r="CW21" s="263">
        <v>3</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7</v>
      </c>
      <c r="DU21" s="261">
        <v>8</v>
      </c>
      <c r="DV21" s="258">
        <v>15</v>
      </c>
      <c r="DW21" s="260">
        <v>0</v>
      </c>
      <c r="DX21" s="261">
        <v>23</v>
      </c>
      <c r="DY21" s="261">
        <v>25</v>
      </c>
      <c r="DZ21" s="261">
        <v>18</v>
      </c>
      <c r="EA21" s="261">
        <v>10</v>
      </c>
      <c r="EB21" s="261">
        <v>6</v>
      </c>
      <c r="EC21" s="258">
        <v>82</v>
      </c>
      <c r="ED21" s="263">
        <v>97</v>
      </c>
      <c r="EE21" s="257">
        <v>1</v>
      </c>
      <c r="EF21" s="261">
        <v>1</v>
      </c>
      <c r="EG21" s="258">
        <v>2</v>
      </c>
      <c r="EH21" s="260">
        <v>0</v>
      </c>
      <c r="EI21" s="261">
        <v>5</v>
      </c>
      <c r="EJ21" s="261">
        <v>7</v>
      </c>
      <c r="EK21" s="261">
        <v>5</v>
      </c>
      <c r="EL21" s="261">
        <v>5</v>
      </c>
      <c r="EM21" s="261">
        <v>2</v>
      </c>
      <c r="EN21" s="258">
        <v>24</v>
      </c>
      <c r="EO21" s="263">
        <v>26</v>
      </c>
      <c r="EP21" s="257">
        <v>11</v>
      </c>
      <c r="EQ21" s="261">
        <v>12</v>
      </c>
      <c r="ER21" s="258">
        <v>23</v>
      </c>
      <c r="ES21" s="260">
        <v>0</v>
      </c>
      <c r="ET21" s="261">
        <v>50</v>
      </c>
      <c r="EU21" s="261">
        <v>35</v>
      </c>
      <c r="EV21" s="261">
        <v>19</v>
      </c>
      <c r="EW21" s="261">
        <v>10</v>
      </c>
      <c r="EX21" s="261">
        <v>5</v>
      </c>
      <c r="EY21" s="258">
        <v>119</v>
      </c>
      <c r="EZ21" s="263">
        <v>142</v>
      </c>
    </row>
    <row r="22" spans="2:156" ht="21" customHeight="1" x14ac:dyDescent="0.2">
      <c r="B22" s="468" t="s">
        <v>20</v>
      </c>
      <c r="C22" s="257">
        <v>0</v>
      </c>
      <c r="D22" s="261">
        <v>0</v>
      </c>
      <c r="E22" s="356">
        <v>0</v>
      </c>
      <c r="F22" s="260">
        <v>0</v>
      </c>
      <c r="G22" s="261">
        <v>14</v>
      </c>
      <c r="H22" s="261">
        <v>13</v>
      </c>
      <c r="I22" s="261">
        <v>6</v>
      </c>
      <c r="J22" s="261">
        <v>4</v>
      </c>
      <c r="K22" s="261">
        <v>4</v>
      </c>
      <c r="L22" s="262">
        <v>41</v>
      </c>
      <c r="M22" s="263">
        <v>41</v>
      </c>
      <c r="N22" s="257">
        <v>0</v>
      </c>
      <c r="O22" s="261">
        <v>0</v>
      </c>
      <c r="P22" s="258">
        <v>0</v>
      </c>
      <c r="Q22" s="260">
        <v>0</v>
      </c>
      <c r="R22" s="261">
        <v>2</v>
      </c>
      <c r="S22" s="261">
        <v>0</v>
      </c>
      <c r="T22" s="261">
        <v>0</v>
      </c>
      <c r="U22" s="261">
        <v>2</v>
      </c>
      <c r="V22" s="261">
        <v>1</v>
      </c>
      <c r="W22" s="258">
        <v>5</v>
      </c>
      <c r="X22" s="263">
        <v>5</v>
      </c>
      <c r="Y22" s="257">
        <v>4</v>
      </c>
      <c r="Z22" s="261">
        <v>6</v>
      </c>
      <c r="AA22" s="258">
        <v>10</v>
      </c>
      <c r="AB22" s="260">
        <v>0</v>
      </c>
      <c r="AC22" s="261">
        <v>15</v>
      </c>
      <c r="AD22" s="261">
        <v>12</v>
      </c>
      <c r="AE22" s="261">
        <v>5</v>
      </c>
      <c r="AF22" s="261">
        <v>6</v>
      </c>
      <c r="AG22" s="261">
        <v>2</v>
      </c>
      <c r="AH22" s="258">
        <v>40</v>
      </c>
      <c r="AI22" s="263">
        <v>50</v>
      </c>
      <c r="AJ22" s="257">
        <v>0</v>
      </c>
      <c r="AK22" s="261">
        <v>4</v>
      </c>
      <c r="AL22" s="258">
        <v>4</v>
      </c>
      <c r="AM22" s="260">
        <v>0</v>
      </c>
      <c r="AN22" s="261">
        <v>5</v>
      </c>
      <c r="AO22" s="261">
        <v>2</v>
      </c>
      <c r="AP22" s="261">
        <v>3</v>
      </c>
      <c r="AQ22" s="261">
        <v>2</v>
      </c>
      <c r="AR22" s="261">
        <v>1</v>
      </c>
      <c r="AS22" s="258">
        <v>13</v>
      </c>
      <c r="AT22" s="263">
        <v>17</v>
      </c>
      <c r="AU22" s="257">
        <v>2</v>
      </c>
      <c r="AV22" s="261">
        <v>1</v>
      </c>
      <c r="AW22" s="258">
        <v>3</v>
      </c>
      <c r="AX22" s="260">
        <v>0</v>
      </c>
      <c r="AY22" s="261">
        <v>12</v>
      </c>
      <c r="AZ22" s="261">
        <v>17</v>
      </c>
      <c r="BA22" s="261">
        <v>12</v>
      </c>
      <c r="BB22" s="261">
        <v>9</v>
      </c>
      <c r="BC22" s="261">
        <v>13</v>
      </c>
      <c r="BD22" s="262">
        <v>63</v>
      </c>
      <c r="BE22" s="263">
        <v>66</v>
      </c>
      <c r="BF22" s="257">
        <v>0</v>
      </c>
      <c r="BG22" s="261">
        <v>0</v>
      </c>
      <c r="BH22" s="258">
        <v>0</v>
      </c>
      <c r="BI22" s="260">
        <v>0</v>
      </c>
      <c r="BJ22" s="261">
        <v>20</v>
      </c>
      <c r="BK22" s="261">
        <v>14</v>
      </c>
      <c r="BL22" s="261">
        <v>9</v>
      </c>
      <c r="BM22" s="261">
        <v>5</v>
      </c>
      <c r="BN22" s="261">
        <v>2</v>
      </c>
      <c r="BO22" s="258">
        <v>50</v>
      </c>
      <c r="BP22" s="263">
        <v>50</v>
      </c>
      <c r="BQ22" s="257">
        <v>0</v>
      </c>
      <c r="BR22" s="261">
        <v>3</v>
      </c>
      <c r="BS22" s="258">
        <v>3</v>
      </c>
      <c r="BT22" s="260">
        <v>0</v>
      </c>
      <c r="BU22" s="261">
        <v>4</v>
      </c>
      <c r="BV22" s="261">
        <v>14</v>
      </c>
      <c r="BW22" s="261">
        <v>4</v>
      </c>
      <c r="BX22" s="261">
        <v>3</v>
      </c>
      <c r="BY22" s="261">
        <v>2</v>
      </c>
      <c r="BZ22" s="258">
        <v>27</v>
      </c>
      <c r="CA22" s="263">
        <v>30</v>
      </c>
      <c r="CB22" s="257">
        <v>0</v>
      </c>
      <c r="CC22" s="261">
        <v>0</v>
      </c>
      <c r="CD22" s="258">
        <v>0</v>
      </c>
      <c r="CE22" s="260">
        <v>0</v>
      </c>
      <c r="CF22" s="261">
        <v>5</v>
      </c>
      <c r="CG22" s="261">
        <v>4</v>
      </c>
      <c r="CH22" s="261">
        <v>6</v>
      </c>
      <c r="CI22" s="261">
        <v>2</v>
      </c>
      <c r="CJ22" s="261">
        <v>1</v>
      </c>
      <c r="CK22" s="258">
        <v>18</v>
      </c>
      <c r="CL22" s="263">
        <v>18</v>
      </c>
      <c r="CM22" s="257">
        <v>0</v>
      </c>
      <c r="CN22" s="261">
        <v>0</v>
      </c>
      <c r="CO22" s="258">
        <v>0</v>
      </c>
      <c r="CP22" s="260">
        <v>0</v>
      </c>
      <c r="CQ22" s="261">
        <v>1</v>
      </c>
      <c r="CR22" s="261">
        <v>0</v>
      </c>
      <c r="CS22" s="261">
        <v>0</v>
      </c>
      <c r="CT22" s="261">
        <v>0</v>
      </c>
      <c r="CU22" s="261">
        <v>0</v>
      </c>
      <c r="CV22" s="258">
        <v>1</v>
      </c>
      <c r="CW22" s="263">
        <v>1</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1</v>
      </c>
      <c r="DU22" s="261">
        <v>22</v>
      </c>
      <c r="DV22" s="258">
        <v>33</v>
      </c>
      <c r="DW22" s="260">
        <v>0</v>
      </c>
      <c r="DX22" s="261">
        <v>29</v>
      </c>
      <c r="DY22" s="261">
        <v>35</v>
      </c>
      <c r="DZ22" s="261">
        <v>18</v>
      </c>
      <c r="EA22" s="261">
        <v>14</v>
      </c>
      <c r="EB22" s="261">
        <v>8</v>
      </c>
      <c r="EC22" s="258">
        <v>104</v>
      </c>
      <c r="ED22" s="263">
        <v>137</v>
      </c>
      <c r="EE22" s="257">
        <v>2</v>
      </c>
      <c r="EF22" s="261">
        <v>1</v>
      </c>
      <c r="EG22" s="258">
        <v>3</v>
      </c>
      <c r="EH22" s="260">
        <v>0</v>
      </c>
      <c r="EI22" s="261">
        <v>4</v>
      </c>
      <c r="EJ22" s="261">
        <v>6</v>
      </c>
      <c r="EK22" s="261">
        <v>3</v>
      </c>
      <c r="EL22" s="261">
        <v>4</v>
      </c>
      <c r="EM22" s="261">
        <v>4</v>
      </c>
      <c r="EN22" s="258">
        <v>21</v>
      </c>
      <c r="EO22" s="263">
        <v>24</v>
      </c>
      <c r="EP22" s="257">
        <v>12</v>
      </c>
      <c r="EQ22" s="261">
        <v>29</v>
      </c>
      <c r="ER22" s="258">
        <v>41</v>
      </c>
      <c r="ES22" s="260">
        <v>0</v>
      </c>
      <c r="ET22" s="261">
        <v>57</v>
      </c>
      <c r="EU22" s="261">
        <v>46</v>
      </c>
      <c r="EV22" s="261">
        <v>21</v>
      </c>
      <c r="EW22" s="261">
        <v>15</v>
      </c>
      <c r="EX22" s="261">
        <v>8</v>
      </c>
      <c r="EY22" s="258">
        <v>147</v>
      </c>
      <c r="EZ22" s="263">
        <v>188</v>
      </c>
    </row>
    <row r="23" spans="2:156" ht="21" customHeight="1" x14ac:dyDescent="0.2">
      <c r="B23" s="468" t="s">
        <v>21</v>
      </c>
      <c r="C23" s="257">
        <v>0</v>
      </c>
      <c r="D23" s="261">
        <v>0</v>
      </c>
      <c r="E23" s="356">
        <v>0</v>
      </c>
      <c r="F23" s="260">
        <v>0</v>
      </c>
      <c r="G23" s="261">
        <v>13</v>
      </c>
      <c r="H23" s="261">
        <v>13</v>
      </c>
      <c r="I23" s="261">
        <v>10</v>
      </c>
      <c r="J23" s="261">
        <v>2</v>
      </c>
      <c r="K23" s="261">
        <v>4</v>
      </c>
      <c r="L23" s="262">
        <v>42</v>
      </c>
      <c r="M23" s="263">
        <v>42</v>
      </c>
      <c r="N23" s="257">
        <v>0</v>
      </c>
      <c r="O23" s="261">
        <v>0</v>
      </c>
      <c r="P23" s="258">
        <v>0</v>
      </c>
      <c r="Q23" s="260">
        <v>0</v>
      </c>
      <c r="R23" s="261">
        <v>0</v>
      </c>
      <c r="S23" s="261">
        <v>0</v>
      </c>
      <c r="T23" s="261">
        <v>0</v>
      </c>
      <c r="U23" s="261">
        <v>0</v>
      </c>
      <c r="V23" s="261">
        <v>3</v>
      </c>
      <c r="W23" s="258">
        <v>3</v>
      </c>
      <c r="X23" s="263">
        <v>3</v>
      </c>
      <c r="Y23" s="257">
        <v>0</v>
      </c>
      <c r="Z23" s="261">
        <v>3</v>
      </c>
      <c r="AA23" s="258">
        <v>3</v>
      </c>
      <c r="AB23" s="260">
        <v>0</v>
      </c>
      <c r="AC23" s="261">
        <v>12</v>
      </c>
      <c r="AD23" s="261">
        <v>8</v>
      </c>
      <c r="AE23" s="261">
        <v>9</v>
      </c>
      <c r="AF23" s="261">
        <v>2</v>
      </c>
      <c r="AG23" s="261">
        <v>4</v>
      </c>
      <c r="AH23" s="258">
        <v>35</v>
      </c>
      <c r="AI23" s="263">
        <v>38</v>
      </c>
      <c r="AJ23" s="257">
        <v>0</v>
      </c>
      <c r="AK23" s="261">
        <v>1</v>
      </c>
      <c r="AL23" s="258">
        <v>1</v>
      </c>
      <c r="AM23" s="260">
        <v>0</v>
      </c>
      <c r="AN23" s="261">
        <v>0</v>
      </c>
      <c r="AO23" s="261">
        <v>1</v>
      </c>
      <c r="AP23" s="261">
        <v>1</v>
      </c>
      <c r="AQ23" s="261">
        <v>0</v>
      </c>
      <c r="AR23" s="261">
        <v>1</v>
      </c>
      <c r="AS23" s="258">
        <v>3</v>
      </c>
      <c r="AT23" s="263">
        <v>4</v>
      </c>
      <c r="AU23" s="257">
        <v>4</v>
      </c>
      <c r="AV23" s="261">
        <v>5</v>
      </c>
      <c r="AW23" s="258">
        <v>9</v>
      </c>
      <c r="AX23" s="260">
        <v>0</v>
      </c>
      <c r="AY23" s="261">
        <v>12</v>
      </c>
      <c r="AZ23" s="261">
        <v>19</v>
      </c>
      <c r="BA23" s="261">
        <v>11</v>
      </c>
      <c r="BB23" s="261">
        <v>14</v>
      </c>
      <c r="BC23" s="261">
        <v>8</v>
      </c>
      <c r="BD23" s="262">
        <v>64</v>
      </c>
      <c r="BE23" s="263">
        <v>73</v>
      </c>
      <c r="BF23" s="257">
        <v>0</v>
      </c>
      <c r="BG23" s="261">
        <v>0</v>
      </c>
      <c r="BH23" s="258">
        <v>0</v>
      </c>
      <c r="BI23" s="260">
        <v>0</v>
      </c>
      <c r="BJ23" s="261">
        <v>20</v>
      </c>
      <c r="BK23" s="261">
        <v>9</v>
      </c>
      <c r="BL23" s="261">
        <v>8</v>
      </c>
      <c r="BM23" s="261">
        <v>5</v>
      </c>
      <c r="BN23" s="261">
        <v>1</v>
      </c>
      <c r="BO23" s="258">
        <v>43</v>
      </c>
      <c r="BP23" s="263">
        <v>43</v>
      </c>
      <c r="BQ23" s="257">
        <v>0</v>
      </c>
      <c r="BR23" s="261">
        <v>0</v>
      </c>
      <c r="BS23" s="258">
        <v>0</v>
      </c>
      <c r="BT23" s="260">
        <v>0</v>
      </c>
      <c r="BU23" s="261">
        <v>3</v>
      </c>
      <c r="BV23" s="261">
        <v>2</v>
      </c>
      <c r="BW23" s="261">
        <v>3</v>
      </c>
      <c r="BX23" s="261">
        <v>0</v>
      </c>
      <c r="BY23" s="261">
        <v>1</v>
      </c>
      <c r="BZ23" s="258">
        <v>9</v>
      </c>
      <c r="CA23" s="263">
        <v>9</v>
      </c>
      <c r="CB23" s="257">
        <v>0</v>
      </c>
      <c r="CC23" s="261">
        <v>1</v>
      </c>
      <c r="CD23" s="258">
        <v>1</v>
      </c>
      <c r="CE23" s="260">
        <v>0</v>
      </c>
      <c r="CF23" s="261">
        <v>2</v>
      </c>
      <c r="CG23" s="261">
        <v>2</v>
      </c>
      <c r="CH23" s="261">
        <v>4</v>
      </c>
      <c r="CI23" s="261">
        <v>2</v>
      </c>
      <c r="CJ23" s="261">
        <v>0</v>
      </c>
      <c r="CK23" s="258">
        <v>10</v>
      </c>
      <c r="CL23" s="263">
        <v>11</v>
      </c>
      <c r="CM23" s="257">
        <v>0</v>
      </c>
      <c r="CN23" s="261">
        <v>0</v>
      </c>
      <c r="CO23" s="258">
        <v>0</v>
      </c>
      <c r="CP23" s="260">
        <v>0</v>
      </c>
      <c r="CQ23" s="261">
        <v>1</v>
      </c>
      <c r="CR23" s="261">
        <v>0</v>
      </c>
      <c r="CS23" s="261">
        <v>0</v>
      </c>
      <c r="CT23" s="261">
        <v>0</v>
      </c>
      <c r="CU23" s="261">
        <v>0</v>
      </c>
      <c r="CV23" s="258">
        <v>1</v>
      </c>
      <c r="CW23" s="263">
        <v>1</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9</v>
      </c>
      <c r="DU23" s="261">
        <v>12</v>
      </c>
      <c r="DV23" s="258">
        <v>21</v>
      </c>
      <c r="DW23" s="260">
        <v>0</v>
      </c>
      <c r="DX23" s="261">
        <v>18</v>
      </c>
      <c r="DY23" s="261">
        <v>23</v>
      </c>
      <c r="DZ23" s="261">
        <v>12</v>
      </c>
      <c r="EA23" s="261">
        <v>6</v>
      </c>
      <c r="EB23" s="261">
        <v>6</v>
      </c>
      <c r="EC23" s="258">
        <v>65</v>
      </c>
      <c r="ED23" s="263">
        <v>86</v>
      </c>
      <c r="EE23" s="257">
        <v>2</v>
      </c>
      <c r="EF23" s="261">
        <v>2</v>
      </c>
      <c r="EG23" s="258">
        <v>4</v>
      </c>
      <c r="EH23" s="260">
        <v>0</v>
      </c>
      <c r="EI23" s="261">
        <v>3</v>
      </c>
      <c r="EJ23" s="261">
        <v>5</v>
      </c>
      <c r="EK23" s="261">
        <v>5</v>
      </c>
      <c r="EL23" s="261">
        <v>8</v>
      </c>
      <c r="EM23" s="261">
        <v>3</v>
      </c>
      <c r="EN23" s="258">
        <v>24</v>
      </c>
      <c r="EO23" s="263">
        <v>28</v>
      </c>
      <c r="EP23" s="257">
        <v>9</v>
      </c>
      <c r="EQ23" s="261">
        <v>14</v>
      </c>
      <c r="ER23" s="258">
        <v>23</v>
      </c>
      <c r="ES23" s="260">
        <v>0</v>
      </c>
      <c r="ET23" s="261">
        <v>49</v>
      </c>
      <c r="EU23" s="261">
        <v>30</v>
      </c>
      <c r="EV23" s="261">
        <v>18</v>
      </c>
      <c r="EW23" s="261">
        <v>8</v>
      </c>
      <c r="EX23" s="261">
        <v>6</v>
      </c>
      <c r="EY23" s="258">
        <v>111</v>
      </c>
      <c r="EZ23" s="263">
        <v>134</v>
      </c>
    </row>
    <row r="24" spans="2:156" ht="21" customHeight="1" x14ac:dyDescent="0.2">
      <c r="B24" s="468" t="s">
        <v>22</v>
      </c>
      <c r="C24" s="257">
        <v>0</v>
      </c>
      <c r="D24" s="261">
        <v>0</v>
      </c>
      <c r="E24" s="356">
        <v>0</v>
      </c>
      <c r="F24" s="260">
        <v>0</v>
      </c>
      <c r="G24" s="261">
        <v>3</v>
      </c>
      <c r="H24" s="261">
        <v>0</v>
      </c>
      <c r="I24" s="261">
        <v>3</v>
      </c>
      <c r="J24" s="261">
        <v>3</v>
      </c>
      <c r="K24" s="261">
        <v>2</v>
      </c>
      <c r="L24" s="262">
        <v>11</v>
      </c>
      <c r="M24" s="263">
        <v>11</v>
      </c>
      <c r="N24" s="257">
        <v>0</v>
      </c>
      <c r="O24" s="261">
        <v>0</v>
      </c>
      <c r="P24" s="258">
        <v>0</v>
      </c>
      <c r="Q24" s="260">
        <v>0</v>
      </c>
      <c r="R24" s="261">
        <v>0</v>
      </c>
      <c r="S24" s="261">
        <v>0</v>
      </c>
      <c r="T24" s="261">
        <v>0</v>
      </c>
      <c r="U24" s="261">
        <v>1</v>
      </c>
      <c r="V24" s="261">
        <v>3</v>
      </c>
      <c r="W24" s="258">
        <v>4</v>
      </c>
      <c r="X24" s="263">
        <v>4</v>
      </c>
      <c r="Y24" s="257">
        <v>0</v>
      </c>
      <c r="Z24" s="261">
        <v>0</v>
      </c>
      <c r="AA24" s="258">
        <v>0</v>
      </c>
      <c r="AB24" s="260">
        <v>0</v>
      </c>
      <c r="AC24" s="261">
        <v>4</v>
      </c>
      <c r="AD24" s="261">
        <v>3</v>
      </c>
      <c r="AE24" s="261">
        <v>5</v>
      </c>
      <c r="AF24" s="261">
        <v>2</v>
      </c>
      <c r="AG24" s="261">
        <v>3</v>
      </c>
      <c r="AH24" s="258">
        <v>17</v>
      </c>
      <c r="AI24" s="263">
        <v>17</v>
      </c>
      <c r="AJ24" s="257">
        <v>0</v>
      </c>
      <c r="AK24" s="261">
        <v>0</v>
      </c>
      <c r="AL24" s="258">
        <v>0</v>
      </c>
      <c r="AM24" s="260">
        <v>0</v>
      </c>
      <c r="AN24" s="261">
        <v>2</v>
      </c>
      <c r="AO24" s="261">
        <v>2</v>
      </c>
      <c r="AP24" s="261">
        <v>0</v>
      </c>
      <c r="AQ24" s="261">
        <v>1</v>
      </c>
      <c r="AR24" s="261">
        <v>0</v>
      </c>
      <c r="AS24" s="258">
        <v>5</v>
      </c>
      <c r="AT24" s="263">
        <v>5</v>
      </c>
      <c r="AU24" s="257">
        <v>0</v>
      </c>
      <c r="AV24" s="261">
        <v>0</v>
      </c>
      <c r="AW24" s="258">
        <v>0</v>
      </c>
      <c r="AX24" s="260">
        <v>0</v>
      </c>
      <c r="AY24" s="261">
        <v>2</v>
      </c>
      <c r="AZ24" s="261">
        <v>1</v>
      </c>
      <c r="BA24" s="261">
        <v>4</v>
      </c>
      <c r="BB24" s="261">
        <v>6</v>
      </c>
      <c r="BC24" s="261">
        <v>1</v>
      </c>
      <c r="BD24" s="262">
        <v>14</v>
      </c>
      <c r="BE24" s="263">
        <v>14</v>
      </c>
      <c r="BF24" s="257">
        <v>0</v>
      </c>
      <c r="BG24" s="261">
        <v>0</v>
      </c>
      <c r="BH24" s="258">
        <v>0</v>
      </c>
      <c r="BI24" s="260">
        <v>0</v>
      </c>
      <c r="BJ24" s="261">
        <v>2</v>
      </c>
      <c r="BK24" s="261">
        <v>4</v>
      </c>
      <c r="BL24" s="261">
        <v>5</v>
      </c>
      <c r="BM24" s="261">
        <v>1</v>
      </c>
      <c r="BN24" s="261">
        <v>2</v>
      </c>
      <c r="BO24" s="258">
        <v>14</v>
      </c>
      <c r="BP24" s="263">
        <v>14</v>
      </c>
      <c r="BQ24" s="257">
        <v>2</v>
      </c>
      <c r="BR24" s="261">
        <v>0</v>
      </c>
      <c r="BS24" s="258">
        <v>2</v>
      </c>
      <c r="BT24" s="260">
        <v>0</v>
      </c>
      <c r="BU24" s="261">
        <v>4</v>
      </c>
      <c r="BV24" s="261">
        <v>1</v>
      </c>
      <c r="BW24" s="261">
        <v>0</v>
      </c>
      <c r="BX24" s="261">
        <v>2</v>
      </c>
      <c r="BY24" s="261">
        <v>0</v>
      </c>
      <c r="BZ24" s="258">
        <v>7</v>
      </c>
      <c r="CA24" s="263">
        <v>9</v>
      </c>
      <c r="CB24" s="257">
        <v>0</v>
      </c>
      <c r="CC24" s="261">
        <v>0</v>
      </c>
      <c r="CD24" s="258">
        <v>0</v>
      </c>
      <c r="CE24" s="260">
        <v>0</v>
      </c>
      <c r="CF24" s="261">
        <v>0</v>
      </c>
      <c r="CG24" s="261">
        <v>1</v>
      </c>
      <c r="CH24" s="261">
        <v>1</v>
      </c>
      <c r="CI24" s="261">
        <v>1</v>
      </c>
      <c r="CJ24" s="261">
        <v>1</v>
      </c>
      <c r="CK24" s="258">
        <v>4</v>
      </c>
      <c r="CL24" s="263">
        <v>4</v>
      </c>
      <c r="CM24" s="257">
        <v>0</v>
      </c>
      <c r="CN24" s="261">
        <v>0</v>
      </c>
      <c r="CO24" s="258">
        <v>0</v>
      </c>
      <c r="CP24" s="260">
        <v>0</v>
      </c>
      <c r="CQ24" s="261">
        <v>1</v>
      </c>
      <c r="CR24" s="261">
        <v>0</v>
      </c>
      <c r="CS24" s="261">
        <v>0</v>
      </c>
      <c r="CT24" s="261">
        <v>1</v>
      </c>
      <c r="CU24" s="261">
        <v>1</v>
      </c>
      <c r="CV24" s="258">
        <v>3</v>
      </c>
      <c r="CW24" s="263">
        <v>3</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2</v>
      </c>
      <c r="DU24" s="261">
        <v>4</v>
      </c>
      <c r="DV24" s="258">
        <v>6</v>
      </c>
      <c r="DW24" s="260">
        <v>0</v>
      </c>
      <c r="DX24" s="261">
        <v>9</v>
      </c>
      <c r="DY24" s="261">
        <v>9</v>
      </c>
      <c r="DZ24" s="261">
        <v>7</v>
      </c>
      <c r="EA24" s="261">
        <v>5</v>
      </c>
      <c r="EB24" s="261">
        <v>4</v>
      </c>
      <c r="EC24" s="258">
        <v>34</v>
      </c>
      <c r="ED24" s="263">
        <v>40</v>
      </c>
      <c r="EE24" s="257">
        <v>0</v>
      </c>
      <c r="EF24" s="261">
        <v>0</v>
      </c>
      <c r="EG24" s="258">
        <v>0</v>
      </c>
      <c r="EH24" s="260">
        <v>0</v>
      </c>
      <c r="EI24" s="261">
        <v>4</v>
      </c>
      <c r="EJ24" s="261">
        <v>2</v>
      </c>
      <c r="EK24" s="261">
        <v>2</v>
      </c>
      <c r="EL24" s="261">
        <v>2</v>
      </c>
      <c r="EM24" s="261">
        <v>1</v>
      </c>
      <c r="EN24" s="258">
        <v>11</v>
      </c>
      <c r="EO24" s="263">
        <v>11</v>
      </c>
      <c r="EP24" s="257">
        <v>4</v>
      </c>
      <c r="EQ24" s="261">
        <v>4</v>
      </c>
      <c r="ER24" s="258">
        <v>8</v>
      </c>
      <c r="ES24" s="260">
        <v>0</v>
      </c>
      <c r="ET24" s="261">
        <v>16</v>
      </c>
      <c r="EU24" s="261">
        <v>9</v>
      </c>
      <c r="EV24" s="261">
        <v>8</v>
      </c>
      <c r="EW24" s="261">
        <v>5</v>
      </c>
      <c r="EX24" s="261">
        <v>6</v>
      </c>
      <c r="EY24" s="258">
        <v>44</v>
      </c>
      <c r="EZ24" s="263">
        <v>52</v>
      </c>
    </row>
    <row r="25" spans="2:156" ht="21" customHeight="1" x14ac:dyDescent="0.2">
      <c r="B25" s="468" t="s">
        <v>23</v>
      </c>
      <c r="C25" s="257">
        <v>0</v>
      </c>
      <c r="D25" s="261">
        <v>0</v>
      </c>
      <c r="E25" s="356">
        <v>0</v>
      </c>
      <c r="F25" s="260">
        <v>0</v>
      </c>
      <c r="G25" s="261">
        <v>2</v>
      </c>
      <c r="H25" s="261">
        <v>6</v>
      </c>
      <c r="I25" s="261">
        <v>6</v>
      </c>
      <c r="J25" s="261">
        <v>2</v>
      </c>
      <c r="K25" s="261">
        <v>1</v>
      </c>
      <c r="L25" s="262">
        <v>17</v>
      </c>
      <c r="M25" s="263">
        <v>17</v>
      </c>
      <c r="N25" s="257">
        <v>0</v>
      </c>
      <c r="O25" s="261">
        <v>0</v>
      </c>
      <c r="P25" s="258">
        <v>0</v>
      </c>
      <c r="Q25" s="260">
        <v>0</v>
      </c>
      <c r="R25" s="261">
        <v>1</v>
      </c>
      <c r="S25" s="261">
        <v>0</v>
      </c>
      <c r="T25" s="261">
        <v>2</v>
      </c>
      <c r="U25" s="261">
        <v>0</v>
      </c>
      <c r="V25" s="261">
        <v>1</v>
      </c>
      <c r="W25" s="258">
        <v>4</v>
      </c>
      <c r="X25" s="263">
        <v>4</v>
      </c>
      <c r="Y25" s="257">
        <v>4</v>
      </c>
      <c r="Z25" s="261">
        <v>3</v>
      </c>
      <c r="AA25" s="258">
        <v>7</v>
      </c>
      <c r="AB25" s="260">
        <v>0</v>
      </c>
      <c r="AC25" s="261">
        <v>4</v>
      </c>
      <c r="AD25" s="261">
        <v>8</v>
      </c>
      <c r="AE25" s="261">
        <v>8</v>
      </c>
      <c r="AF25" s="261">
        <v>2</v>
      </c>
      <c r="AG25" s="261">
        <v>2</v>
      </c>
      <c r="AH25" s="258">
        <v>24</v>
      </c>
      <c r="AI25" s="263">
        <v>31</v>
      </c>
      <c r="AJ25" s="257">
        <v>0</v>
      </c>
      <c r="AK25" s="261">
        <v>1</v>
      </c>
      <c r="AL25" s="258">
        <v>1</v>
      </c>
      <c r="AM25" s="260">
        <v>0</v>
      </c>
      <c r="AN25" s="261">
        <v>0</v>
      </c>
      <c r="AO25" s="261">
        <v>1</v>
      </c>
      <c r="AP25" s="261">
        <v>0</v>
      </c>
      <c r="AQ25" s="261">
        <v>0</v>
      </c>
      <c r="AR25" s="261">
        <v>0</v>
      </c>
      <c r="AS25" s="258">
        <v>1</v>
      </c>
      <c r="AT25" s="263">
        <v>2</v>
      </c>
      <c r="AU25" s="257">
        <v>0</v>
      </c>
      <c r="AV25" s="261">
        <v>0</v>
      </c>
      <c r="AW25" s="258">
        <v>0</v>
      </c>
      <c r="AX25" s="260">
        <v>0</v>
      </c>
      <c r="AY25" s="261">
        <v>6</v>
      </c>
      <c r="AZ25" s="261">
        <v>6</v>
      </c>
      <c r="BA25" s="261">
        <v>11</v>
      </c>
      <c r="BB25" s="261">
        <v>12</v>
      </c>
      <c r="BC25" s="261">
        <v>9</v>
      </c>
      <c r="BD25" s="262">
        <v>44</v>
      </c>
      <c r="BE25" s="263">
        <v>44</v>
      </c>
      <c r="BF25" s="257">
        <v>0</v>
      </c>
      <c r="BG25" s="261">
        <v>0</v>
      </c>
      <c r="BH25" s="258">
        <v>0</v>
      </c>
      <c r="BI25" s="260">
        <v>0</v>
      </c>
      <c r="BJ25" s="261">
        <v>10</v>
      </c>
      <c r="BK25" s="261">
        <v>13</v>
      </c>
      <c r="BL25" s="261">
        <v>8</v>
      </c>
      <c r="BM25" s="261">
        <v>6</v>
      </c>
      <c r="BN25" s="261">
        <v>0</v>
      </c>
      <c r="BO25" s="258">
        <v>37</v>
      </c>
      <c r="BP25" s="263">
        <v>37</v>
      </c>
      <c r="BQ25" s="257">
        <v>0</v>
      </c>
      <c r="BR25" s="261">
        <v>0</v>
      </c>
      <c r="BS25" s="258">
        <v>0</v>
      </c>
      <c r="BT25" s="260">
        <v>0</v>
      </c>
      <c r="BU25" s="261">
        <v>2</v>
      </c>
      <c r="BV25" s="261">
        <v>2</v>
      </c>
      <c r="BW25" s="261">
        <v>2</v>
      </c>
      <c r="BX25" s="261">
        <v>2</v>
      </c>
      <c r="BY25" s="261">
        <v>1</v>
      </c>
      <c r="BZ25" s="258">
        <v>9</v>
      </c>
      <c r="CA25" s="263">
        <v>9</v>
      </c>
      <c r="CB25" s="257">
        <v>0</v>
      </c>
      <c r="CC25" s="261">
        <v>0</v>
      </c>
      <c r="CD25" s="258">
        <v>0</v>
      </c>
      <c r="CE25" s="260">
        <v>0</v>
      </c>
      <c r="CF25" s="261">
        <v>2</v>
      </c>
      <c r="CG25" s="261">
        <v>2</v>
      </c>
      <c r="CH25" s="261">
        <v>4</v>
      </c>
      <c r="CI25" s="261">
        <v>2</v>
      </c>
      <c r="CJ25" s="261">
        <v>1</v>
      </c>
      <c r="CK25" s="258">
        <v>11</v>
      </c>
      <c r="CL25" s="263">
        <v>11</v>
      </c>
      <c r="CM25" s="257">
        <v>0</v>
      </c>
      <c r="CN25" s="261">
        <v>0</v>
      </c>
      <c r="CO25" s="258">
        <v>0</v>
      </c>
      <c r="CP25" s="260">
        <v>0</v>
      </c>
      <c r="CQ25" s="261">
        <v>0</v>
      </c>
      <c r="CR25" s="261">
        <v>0</v>
      </c>
      <c r="CS25" s="261">
        <v>1</v>
      </c>
      <c r="CT25" s="261">
        <v>1</v>
      </c>
      <c r="CU25" s="261">
        <v>0</v>
      </c>
      <c r="CV25" s="258">
        <v>2</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5</v>
      </c>
      <c r="DU25" s="261">
        <v>6</v>
      </c>
      <c r="DV25" s="258">
        <v>11</v>
      </c>
      <c r="DW25" s="260">
        <v>0</v>
      </c>
      <c r="DX25" s="261">
        <v>11</v>
      </c>
      <c r="DY25" s="261">
        <v>15</v>
      </c>
      <c r="DZ25" s="261">
        <v>13</v>
      </c>
      <c r="EA25" s="261">
        <v>7</v>
      </c>
      <c r="EB25" s="261">
        <v>5</v>
      </c>
      <c r="EC25" s="258">
        <v>51</v>
      </c>
      <c r="ED25" s="263">
        <v>62</v>
      </c>
      <c r="EE25" s="257">
        <v>0</v>
      </c>
      <c r="EF25" s="261">
        <v>0</v>
      </c>
      <c r="EG25" s="258">
        <v>0</v>
      </c>
      <c r="EH25" s="260">
        <v>0</v>
      </c>
      <c r="EI25" s="261">
        <v>2</v>
      </c>
      <c r="EJ25" s="261">
        <v>2</v>
      </c>
      <c r="EK25" s="261">
        <v>1</v>
      </c>
      <c r="EL25" s="261">
        <v>8</v>
      </c>
      <c r="EM25" s="261">
        <v>6</v>
      </c>
      <c r="EN25" s="258">
        <v>19</v>
      </c>
      <c r="EO25" s="263">
        <v>19</v>
      </c>
      <c r="EP25" s="257">
        <v>7</v>
      </c>
      <c r="EQ25" s="261">
        <v>7</v>
      </c>
      <c r="ER25" s="258">
        <v>14</v>
      </c>
      <c r="ES25" s="260">
        <v>0</v>
      </c>
      <c r="ET25" s="261">
        <v>21</v>
      </c>
      <c r="EU25" s="261">
        <v>23</v>
      </c>
      <c r="EV25" s="261">
        <v>17</v>
      </c>
      <c r="EW25" s="261">
        <v>7</v>
      </c>
      <c r="EX25" s="261">
        <v>6</v>
      </c>
      <c r="EY25" s="258">
        <v>74</v>
      </c>
      <c r="EZ25" s="263">
        <v>88</v>
      </c>
    </row>
    <row r="26" spans="2:156" ht="21" customHeight="1" x14ac:dyDescent="0.2">
      <c r="B26" s="468" t="s">
        <v>24</v>
      </c>
      <c r="C26" s="257">
        <v>0</v>
      </c>
      <c r="D26" s="261">
        <v>0</v>
      </c>
      <c r="E26" s="356">
        <v>0</v>
      </c>
      <c r="F26" s="260">
        <v>0</v>
      </c>
      <c r="G26" s="261">
        <v>8</v>
      </c>
      <c r="H26" s="261">
        <v>7</v>
      </c>
      <c r="I26" s="261">
        <v>5</v>
      </c>
      <c r="J26" s="261">
        <v>2</v>
      </c>
      <c r="K26" s="261">
        <v>3</v>
      </c>
      <c r="L26" s="262">
        <v>25</v>
      </c>
      <c r="M26" s="263">
        <v>25</v>
      </c>
      <c r="N26" s="257">
        <v>0</v>
      </c>
      <c r="O26" s="261">
        <v>0</v>
      </c>
      <c r="P26" s="258">
        <v>0</v>
      </c>
      <c r="Q26" s="260">
        <v>0</v>
      </c>
      <c r="R26" s="261">
        <v>1</v>
      </c>
      <c r="S26" s="261">
        <v>0</v>
      </c>
      <c r="T26" s="261">
        <v>0</v>
      </c>
      <c r="U26" s="261">
        <v>0</v>
      </c>
      <c r="V26" s="261">
        <v>2</v>
      </c>
      <c r="W26" s="258">
        <v>3</v>
      </c>
      <c r="X26" s="263">
        <v>3</v>
      </c>
      <c r="Y26" s="257">
        <v>3</v>
      </c>
      <c r="Z26" s="261">
        <v>1</v>
      </c>
      <c r="AA26" s="258">
        <v>4</v>
      </c>
      <c r="AB26" s="260">
        <v>0</v>
      </c>
      <c r="AC26" s="261">
        <v>7</v>
      </c>
      <c r="AD26" s="261">
        <v>3</v>
      </c>
      <c r="AE26" s="261">
        <v>4</v>
      </c>
      <c r="AF26" s="261">
        <v>5</v>
      </c>
      <c r="AG26" s="261">
        <v>4</v>
      </c>
      <c r="AH26" s="258">
        <v>23</v>
      </c>
      <c r="AI26" s="263">
        <v>27</v>
      </c>
      <c r="AJ26" s="257">
        <v>0</v>
      </c>
      <c r="AK26" s="261">
        <v>0</v>
      </c>
      <c r="AL26" s="258">
        <v>0</v>
      </c>
      <c r="AM26" s="260">
        <v>0</v>
      </c>
      <c r="AN26" s="261">
        <v>0</v>
      </c>
      <c r="AO26" s="261">
        <v>0</v>
      </c>
      <c r="AP26" s="261">
        <v>0</v>
      </c>
      <c r="AQ26" s="261">
        <v>0</v>
      </c>
      <c r="AR26" s="261">
        <v>1</v>
      </c>
      <c r="AS26" s="258">
        <v>1</v>
      </c>
      <c r="AT26" s="263">
        <v>1</v>
      </c>
      <c r="AU26" s="257">
        <v>2</v>
      </c>
      <c r="AV26" s="261">
        <v>2</v>
      </c>
      <c r="AW26" s="258">
        <v>4</v>
      </c>
      <c r="AX26" s="260">
        <v>0</v>
      </c>
      <c r="AY26" s="261">
        <v>12</v>
      </c>
      <c r="AZ26" s="261">
        <v>7</v>
      </c>
      <c r="BA26" s="261">
        <v>7</v>
      </c>
      <c r="BB26" s="261">
        <v>11</v>
      </c>
      <c r="BC26" s="261">
        <v>12</v>
      </c>
      <c r="BD26" s="262">
        <v>49</v>
      </c>
      <c r="BE26" s="263">
        <v>53</v>
      </c>
      <c r="BF26" s="257">
        <v>0</v>
      </c>
      <c r="BG26" s="261">
        <v>0</v>
      </c>
      <c r="BH26" s="258">
        <v>0</v>
      </c>
      <c r="BI26" s="260">
        <v>0</v>
      </c>
      <c r="BJ26" s="261">
        <v>14</v>
      </c>
      <c r="BK26" s="261">
        <v>6</v>
      </c>
      <c r="BL26" s="261">
        <v>2</v>
      </c>
      <c r="BM26" s="261">
        <v>0</v>
      </c>
      <c r="BN26" s="261">
        <v>0</v>
      </c>
      <c r="BO26" s="258">
        <v>22</v>
      </c>
      <c r="BP26" s="263">
        <v>22</v>
      </c>
      <c r="BQ26" s="257">
        <v>2</v>
      </c>
      <c r="BR26" s="261">
        <v>1</v>
      </c>
      <c r="BS26" s="258">
        <v>3</v>
      </c>
      <c r="BT26" s="260">
        <v>0</v>
      </c>
      <c r="BU26" s="261">
        <v>5</v>
      </c>
      <c r="BV26" s="261">
        <v>3</v>
      </c>
      <c r="BW26" s="261">
        <v>2</v>
      </c>
      <c r="BX26" s="261">
        <v>1</v>
      </c>
      <c r="BY26" s="261">
        <v>2</v>
      </c>
      <c r="BZ26" s="258">
        <v>13</v>
      </c>
      <c r="CA26" s="263">
        <v>16</v>
      </c>
      <c r="CB26" s="257">
        <v>0</v>
      </c>
      <c r="CC26" s="261">
        <v>0</v>
      </c>
      <c r="CD26" s="258">
        <v>0</v>
      </c>
      <c r="CE26" s="260">
        <v>0</v>
      </c>
      <c r="CF26" s="261">
        <v>0</v>
      </c>
      <c r="CG26" s="261">
        <v>0</v>
      </c>
      <c r="CH26" s="261">
        <v>2</v>
      </c>
      <c r="CI26" s="261">
        <v>0</v>
      </c>
      <c r="CJ26" s="261">
        <v>1</v>
      </c>
      <c r="CK26" s="258">
        <v>3</v>
      </c>
      <c r="CL26" s="263">
        <v>3</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5</v>
      </c>
      <c r="DU26" s="261">
        <v>11</v>
      </c>
      <c r="DV26" s="258">
        <v>16</v>
      </c>
      <c r="DW26" s="260">
        <v>0</v>
      </c>
      <c r="DX26" s="261">
        <v>13</v>
      </c>
      <c r="DY26" s="261">
        <v>14</v>
      </c>
      <c r="DZ26" s="261">
        <v>11</v>
      </c>
      <c r="EA26" s="261">
        <v>9</v>
      </c>
      <c r="EB26" s="261">
        <v>5</v>
      </c>
      <c r="EC26" s="258">
        <v>52</v>
      </c>
      <c r="ED26" s="263">
        <v>68</v>
      </c>
      <c r="EE26" s="257">
        <v>2</v>
      </c>
      <c r="EF26" s="261">
        <v>2</v>
      </c>
      <c r="EG26" s="258">
        <v>4</v>
      </c>
      <c r="EH26" s="260">
        <v>0</v>
      </c>
      <c r="EI26" s="261">
        <v>10</v>
      </c>
      <c r="EJ26" s="261">
        <v>6</v>
      </c>
      <c r="EK26" s="261">
        <v>4</v>
      </c>
      <c r="EL26" s="261">
        <v>5</v>
      </c>
      <c r="EM26" s="261">
        <v>4</v>
      </c>
      <c r="EN26" s="258">
        <v>29</v>
      </c>
      <c r="EO26" s="263">
        <v>33</v>
      </c>
      <c r="EP26" s="257">
        <v>8</v>
      </c>
      <c r="EQ26" s="261">
        <v>12</v>
      </c>
      <c r="ER26" s="258">
        <v>20</v>
      </c>
      <c r="ES26" s="260">
        <v>0</v>
      </c>
      <c r="ET26" s="261">
        <v>26</v>
      </c>
      <c r="EU26" s="261">
        <v>19</v>
      </c>
      <c r="EV26" s="261">
        <v>12</v>
      </c>
      <c r="EW26" s="261">
        <v>8</v>
      </c>
      <c r="EX26" s="261">
        <v>5</v>
      </c>
      <c r="EY26" s="258">
        <v>70</v>
      </c>
      <c r="EZ26" s="263">
        <v>90</v>
      </c>
    </row>
    <row r="27" spans="2:156" ht="21" customHeight="1" x14ac:dyDescent="0.2">
      <c r="B27" s="468" t="s">
        <v>25</v>
      </c>
      <c r="C27" s="257">
        <v>0</v>
      </c>
      <c r="D27" s="261">
        <v>0</v>
      </c>
      <c r="E27" s="356">
        <v>0</v>
      </c>
      <c r="F27" s="260">
        <v>0</v>
      </c>
      <c r="G27" s="261">
        <v>4</v>
      </c>
      <c r="H27" s="261">
        <v>2</v>
      </c>
      <c r="I27" s="261">
        <v>1</v>
      </c>
      <c r="J27" s="261">
        <v>1</v>
      </c>
      <c r="K27" s="261">
        <v>0</v>
      </c>
      <c r="L27" s="262">
        <v>8</v>
      </c>
      <c r="M27" s="263">
        <v>8</v>
      </c>
      <c r="N27" s="257">
        <v>0</v>
      </c>
      <c r="O27" s="261">
        <v>0</v>
      </c>
      <c r="P27" s="258">
        <v>0</v>
      </c>
      <c r="Q27" s="260">
        <v>0</v>
      </c>
      <c r="R27" s="261">
        <v>0</v>
      </c>
      <c r="S27" s="261">
        <v>1</v>
      </c>
      <c r="T27" s="261">
        <v>0</v>
      </c>
      <c r="U27" s="261">
        <v>0</v>
      </c>
      <c r="V27" s="261">
        <v>1</v>
      </c>
      <c r="W27" s="258">
        <v>2</v>
      </c>
      <c r="X27" s="263">
        <v>2</v>
      </c>
      <c r="Y27" s="257">
        <v>1</v>
      </c>
      <c r="Z27" s="261">
        <v>4</v>
      </c>
      <c r="AA27" s="258">
        <v>5</v>
      </c>
      <c r="AB27" s="260">
        <v>0</v>
      </c>
      <c r="AC27" s="261">
        <v>4</v>
      </c>
      <c r="AD27" s="261">
        <v>2</v>
      </c>
      <c r="AE27" s="261">
        <v>0</v>
      </c>
      <c r="AF27" s="261">
        <v>0</v>
      </c>
      <c r="AG27" s="261">
        <v>1</v>
      </c>
      <c r="AH27" s="258">
        <v>7</v>
      </c>
      <c r="AI27" s="263">
        <v>12</v>
      </c>
      <c r="AJ27" s="257">
        <v>0</v>
      </c>
      <c r="AK27" s="261">
        <v>0</v>
      </c>
      <c r="AL27" s="258">
        <v>0</v>
      </c>
      <c r="AM27" s="260">
        <v>0</v>
      </c>
      <c r="AN27" s="261">
        <v>0</v>
      </c>
      <c r="AO27" s="261">
        <v>0</v>
      </c>
      <c r="AP27" s="261">
        <v>0</v>
      </c>
      <c r="AQ27" s="261">
        <v>0</v>
      </c>
      <c r="AR27" s="261">
        <v>0</v>
      </c>
      <c r="AS27" s="258">
        <v>0</v>
      </c>
      <c r="AT27" s="263">
        <v>0</v>
      </c>
      <c r="AU27" s="257">
        <v>2</v>
      </c>
      <c r="AV27" s="261">
        <v>1</v>
      </c>
      <c r="AW27" s="258">
        <v>3</v>
      </c>
      <c r="AX27" s="260">
        <v>0</v>
      </c>
      <c r="AY27" s="261">
        <v>1</v>
      </c>
      <c r="AZ27" s="261">
        <v>2</v>
      </c>
      <c r="BA27" s="261">
        <v>2</v>
      </c>
      <c r="BB27" s="261">
        <v>2</v>
      </c>
      <c r="BC27" s="261">
        <v>4</v>
      </c>
      <c r="BD27" s="262">
        <v>11</v>
      </c>
      <c r="BE27" s="263">
        <v>14</v>
      </c>
      <c r="BF27" s="257">
        <v>0</v>
      </c>
      <c r="BG27" s="261">
        <v>0</v>
      </c>
      <c r="BH27" s="258">
        <v>0</v>
      </c>
      <c r="BI27" s="260">
        <v>0</v>
      </c>
      <c r="BJ27" s="261">
        <v>3</v>
      </c>
      <c r="BK27" s="261">
        <v>5</v>
      </c>
      <c r="BL27" s="261">
        <v>1</v>
      </c>
      <c r="BM27" s="261">
        <v>0</v>
      </c>
      <c r="BN27" s="261">
        <v>0</v>
      </c>
      <c r="BO27" s="258">
        <v>9</v>
      </c>
      <c r="BP27" s="263">
        <v>9</v>
      </c>
      <c r="BQ27" s="257">
        <v>1</v>
      </c>
      <c r="BR27" s="261">
        <v>0</v>
      </c>
      <c r="BS27" s="258">
        <v>1</v>
      </c>
      <c r="BT27" s="260">
        <v>0</v>
      </c>
      <c r="BU27" s="261">
        <v>3</v>
      </c>
      <c r="BV27" s="261">
        <v>1</v>
      </c>
      <c r="BW27" s="261">
        <v>2</v>
      </c>
      <c r="BX27" s="261">
        <v>0</v>
      </c>
      <c r="BY27" s="261">
        <v>1</v>
      </c>
      <c r="BZ27" s="258">
        <v>7</v>
      </c>
      <c r="CA27" s="263">
        <v>8</v>
      </c>
      <c r="CB27" s="257">
        <v>0</v>
      </c>
      <c r="CC27" s="261">
        <v>0</v>
      </c>
      <c r="CD27" s="258">
        <v>0</v>
      </c>
      <c r="CE27" s="260">
        <v>0</v>
      </c>
      <c r="CF27" s="261">
        <v>1</v>
      </c>
      <c r="CG27" s="261">
        <v>0</v>
      </c>
      <c r="CH27" s="261">
        <v>0</v>
      </c>
      <c r="CI27" s="261">
        <v>0</v>
      </c>
      <c r="CJ27" s="261">
        <v>0</v>
      </c>
      <c r="CK27" s="258">
        <v>1</v>
      </c>
      <c r="CL27" s="263">
        <v>1</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6</v>
      </c>
      <c r="DU27" s="261">
        <v>5</v>
      </c>
      <c r="DV27" s="258">
        <v>11</v>
      </c>
      <c r="DW27" s="260">
        <v>0</v>
      </c>
      <c r="DX27" s="261">
        <v>8</v>
      </c>
      <c r="DY27" s="261">
        <v>8</v>
      </c>
      <c r="DZ27" s="261">
        <v>4</v>
      </c>
      <c r="EA27" s="261">
        <v>1</v>
      </c>
      <c r="EB27" s="261">
        <v>3</v>
      </c>
      <c r="EC27" s="258">
        <v>24</v>
      </c>
      <c r="ED27" s="263">
        <v>35</v>
      </c>
      <c r="EE27" s="257">
        <v>0</v>
      </c>
      <c r="EF27" s="261">
        <v>0</v>
      </c>
      <c r="EG27" s="258">
        <v>0</v>
      </c>
      <c r="EH27" s="260">
        <v>0</v>
      </c>
      <c r="EI27" s="261">
        <v>0</v>
      </c>
      <c r="EJ27" s="261">
        <v>2</v>
      </c>
      <c r="EK27" s="261">
        <v>2</v>
      </c>
      <c r="EL27" s="261">
        <v>1</v>
      </c>
      <c r="EM27" s="261">
        <v>3</v>
      </c>
      <c r="EN27" s="258">
        <v>8</v>
      </c>
      <c r="EO27" s="263">
        <v>8</v>
      </c>
      <c r="EP27" s="257">
        <v>8</v>
      </c>
      <c r="EQ27" s="261">
        <v>8</v>
      </c>
      <c r="ER27" s="258">
        <v>16</v>
      </c>
      <c r="ES27" s="260">
        <v>0</v>
      </c>
      <c r="ET27" s="261">
        <v>13</v>
      </c>
      <c r="EU27" s="261">
        <v>12</v>
      </c>
      <c r="EV27" s="261">
        <v>4</v>
      </c>
      <c r="EW27" s="261">
        <v>1</v>
      </c>
      <c r="EX27" s="261">
        <v>3</v>
      </c>
      <c r="EY27" s="258">
        <v>33</v>
      </c>
      <c r="EZ27" s="263">
        <v>49</v>
      </c>
    </row>
    <row r="28" spans="2:156" ht="21" customHeight="1" x14ac:dyDescent="0.2">
      <c r="B28" s="468" t="s">
        <v>26</v>
      </c>
      <c r="C28" s="257">
        <v>0</v>
      </c>
      <c r="D28" s="261">
        <v>0</v>
      </c>
      <c r="E28" s="356">
        <v>0</v>
      </c>
      <c r="F28" s="260">
        <v>0</v>
      </c>
      <c r="G28" s="261">
        <v>5</v>
      </c>
      <c r="H28" s="261">
        <v>6</v>
      </c>
      <c r="I28" s="261">
        <v>1</v>
      </c>
      <c r="J28" s="261">
        <v>1</v>
      </c>
      <c r="K28" s="261">
        <v>5</v>
      </c>
      <c r="L28" s="262">
        <v>18</v>
      </c>
      <c r="M28" s="263">
        <v>18</v>
      </c>
      <c r="N28" s="257">
        <v>0</v>
      </c>
      <c r="O28" s="261">
        <v>0</v>
      </c>
      <c r="P28" s="258">
        <v>0</v>
      </c>
      <c r="Q28" s="260">
        <v>0</v>
      </c>
      <c r="R28" s="261">
        <v>0</v>
      </c>
      <c r="S28" s="261">
        <v>0</v>
      </c>
      <c r="T28" s="261">
        <v>0</v>
      </c>
      <c r="U28" s="261">
        <v>0</v>
      </c>
      <c r="V28" s="261">
        <v>2</v>
      </c>
      <c r="W28" s="258">
        <v>2</v>
      </c>
      <c r="X28" s="263">
        <v>2</v>
      </c>
      <c r="Y28" s="257">
        <v>0</v>
      </c>
      <c r="Z28" s="261">
        <v>0</v>
      </c>
      <c r="AA28" s="258">
        <v>0</v>
      </c>
      <c r="AB28" s="260">
        <v>0</v>
      </c>
      <c r="AC28" s="261">
        <v>5</v>
      </c>
      <c r="AD28" s="261">
        <v>6</v>
      </c>
      <c r="AE28" s="261">
        <v>0</v>
      </c>
      <c r="AF28" s="261">
        <v>2</v>
      </c>
      <c r="AG28" s="261">
        <v>6</v>
      </c>
      <c r="AH28" s="258">
        <v>19</v>
      </c>
      <c r="AI28" s="263">
        <v>19</v>
      </c>
      <c r="AJ28" s="257">
        <v>0</v>
      </c>
      <c r="AK28" s="261">
        <v>1</v>
      </c>
      <c r="AL28" s="258">
        <v>1</v>
      </c>
      <c r="AM28" s="260">
        <v>0</v>
      </c>
      <c r="AN28" s="261">
        <v>0</v>
      </c>
      <c r="AO28" s="261">
        <v>0</v>
      </c>
      <c r="AP28" s="261">
        <v>0</v>
      </c>
      <c r="AQ28" s="261">
        <v>0</v>
      </c>
      <c r="AR28" s="261">
        <v>0</v>
      </c>
      <c r="AS28" s="258">
        <v>0</v>
      </c>
      <c r="AT28" s="263">
        <v>1</v>
      </c>
      <c r="AU28" s="257">
        <v>3</v>
      </c>
      <c r="AV28" s="261">
        <v>0</v>
      </c>
      <c r="AW28" s="258">
        <v>3</v>
      </c>
      <c r="AX28" s="260">
        <v>0</v>
      </c>
      <c r="AY28" s="261">
        <v>4</v>
      </c>
      <c r="AZ28" s="261">
        <v>5</v>
      </c>
      <c r="BA28" s="261">
        <v>6</v>
      </c>
      <c r="BB28" s="261">
        <v>5</v>
      </c>
      <c r="BC28" s="261">
        <v>4</v>
      </c>
      <c r="BD28" s="262">
        <v>24</v>
      </c>
      <c r="BE28" s="263">
        <v>27</v>
      </c>
      <c r="BF28" s="257">
        <v>0</v>
      </c>
      <c r="BG28" s="261">
        <v>0</v>
      </c>
      <c r="BH28" s="258">
        <v>0</v>
      </c>
      <c r="BI28" s="260">
        <v>0</v>
      </c>
      <c r="BJ28" s="261">
        <v>10</v>
      </c>
      <c r="BK28" s="261">
        <v>3</v>
      </c>
      <c r="BL28" s="261">
        <v>1</v>
      </c>
      <c r="BM28" s="261">
        <v>1</v>
      </c>
      <c r="BN28" s="261">
        <v>0</v>
      </c>
      <c r="BO28" s="258">
        <v>15</v>
      </c>
      <c r="BP28" s="263">
        <v>15</v>
      </c>
      <c r="BQ28" s="257">
        <v>0</v>
      </c>
      <c r="BR28" s="261">
        <v>0</v>
      </c>
      <c r="BS28" s="258">
        <v>0</v>
      </c>
      <c r="BT28" s="260">
        <v>0</v>
      </c>
      <c r="BU28" s="261">
        <v>2</v>
      </c>
      <c r="BV28" s="261">
        <v>3</v>
      </c>
      <c r="BW28" s="261">
        <v>0</v>
      </c>
      <c r="BX28" s="261">
        <v>0</v>
      </c>
      <c r="BY28" s="261">
        <v>0</v>
      </c>
      <c r="BZ28" s="258">
        <v>5</v>
      </c>
      <c r="CA28" s="263">
        <v>5</v>
      </c>
      <c r="CB28" s="257">
        <v>0</v>
      </c>
      <c r="CC28" s="261">
        <v>0</v>
      </c>
      <c r="CD28" s="258">
        <v>0</v>
      </c>
      <c r="CE28" s="260">
        <v>0</v>
      </c>
      <c r="CF28" s="261">
        <v>3</v>
      </c>
      <c r="CG28" s="261">
        <v>1</v>
      </c>
      <c r="CH28" s="261">
        <v>2</v>
      </c>
      <c r="CI28" s="261">
        <v>0</v>
      </c>
      <c r="CJ28" s="261">
        <v>1</v>
      </c>
      <c r="CK28" s="258">
        <v>7</v>
      </c>
      <c r="CL28" s="263">
        <v>7</v>
      </c>
      <c r="CM28" s="257">
        <v>0</v>
      </c>
      <c r="CN28" s="261">
        <v>0</v>
      </c>
      <c r="CO28" s="258">
        <v>0</v>
      </c>
      <c r="CP28" s="260">
        <v>0</v>
      </c>
      <c r="CQ28" s="261">
        <v>0</v>
      </c>
      <c r="CR28" s="261">
        <v>0</v>
      </c>
      <c r="CS28" s="261">
        <v>0</v>
      </c>
      <c r="CT28" s="261">
        <v>1</v>
      </c>
      <c r="CU28" s="261">
        <v>0</v>
      </c>
      <c r="CV28" s="258">
        <v>1</v>
      </c>
      <c r="CW28" s="263">
        <v>1</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0</v>
      </c>
      <c r="DU28" s="261">
        <v>5</v>
      </c>
      <c r="DV28" s="258">
        <v>5</v>
      </c>
      <c r="DW28" s="260">
        <v>0</v>
      </c>
      <c r="DX28" s="261">
        <v>9</v>
      </c>
      <c r="DY28" s="261">
        <v>11</v>
      </c>
      <c r="DZ28" s="261">
        <v>3</v>
      </c>
      <c r="EA28" s="261">
        <v>1</v>
      </c>
      <c r="EB28" s="261">
        <v>8</v>
      </c>
      <c r="EC28" s="258">
        <v>32</v>
      </c>
      <c r="ED28" s="263">
        <v>37</v>
      </c>
      <c r="EE28" s="257">
        <v>2</v>
      </c>
      <c r="EF28" s="261">
        <v>0</v>
      </c>
      <c r="EG28" s="258">
        <v>2</v>
      </c>
      <c r="EH28" s="260">
        <v>0</v>
      </c>
      <c r="EI28" s="261">
        <v>3</v>
      </c>
      <c r="EJ28" s="261">
        <v>4</v>
      </c>
      <c r="EK28" s="261">
        <v>4</v>
      </c>
      <c r="EL28" s="261">
        <v>3</v>
      </c>
      <c r="EM28" s="261">
        <v>1</v>
      </c>
      <c r="EN28" s="258">
        <v>15</v>
      </c>
      <c r="EO28" s="263">
        <v>17</v>
      </c>
      <c r="EP28" s="257">
        <v>0</v>
      </c>
      <c r="EQ28" s="261">
        <v>5</v>
      </c>
      <c r="ER28" s="258">
        <v>5</v>
      </c>
      <c r="ES28" s="260">
        <v>0</v>
      </c>
      <c r="ET28" s="261">
        <v>23</v>
      </c>
      <c r="EU28" s="261">
        <v>13</v>
      </c>
      <c r="EV28" s="261">
        <v>4</v>
      </c>
      <c r="EW28" s="261">
        <v>2</v>
      </c>
      <c r="EX28" s="261">
        <v>8</v>
      </c>
      <c r="EY28" s="258">
        <v>50</v>
      </c>
      <c r="EZ28" s="263">
        <v>55</v>
      </c>
    </row>
    <row r="29" spans="2:156" ht="21" customHeight="1" x14ac:dyDescent="0.2">
      <c r="B29" s="468" t="s">
        <v>27</v>
      </c>
      <c r="C29" s="257">
        <v>0</v>
      </c>
      <c r="D29" s="261">
        <v>0</v>
      </c>
      <c r="E29" s="356">
        <v>0</v>
      </c>
      <c r="F29" s="260">
        <v>0</v>
      </c>
      <c r="G29" s="261">
        <v>2</v>
      </c>
      <c r="H29" s="261">
        <v>1</v>
      </c>
      <c r="I29" s="261">
        <v>4</v>
      </c>
      <c r="J29" s="261">
        <v>0</v>
      </c>
      <c r="K29" s="261">
        <v>0</v>
      </c>
      <c r="L29" s="262">
        <v>7</v>
      </c>
      <c r="M29" s="263">
        <v>7</v>
      </c>
      <c r="N29" s="257">
        <v>0</v>
      </c>
      <c r="O29" s="261">
        <v>0</v>
      </c>
      <c r="P29" s="258">
        <v>0</v>
      </c>
      <c r="Q29" s="260">
        <v>0</v>
      </c>
      <c r="R29" s="261">
        <v>0</v>
      </c>
      <c r="S29" s="261">
        <v>0</v>
      </c>
      <c r="T29" s="261">
        <v>0</v>
      </c>
      <c r="U29" s="261">
        <v>1</v>
      </c>
      <c r="V29" s="261">
        <v>0</v>
      </c>
      <c r="W29" s="258">
        <v>1</v>
      </c>
      <c r="X29" s="263">
        <v>1</v>
      </c>
      <c r="Y29" s="257">
        <v>0</v>
      </c>
      <c r="Z29" s="261">
        <v>3</v>
      </c>
      <c r="AA29" s="258">
        <v>3</v>
      </c>
      <c r="AB29" s="260">
        <v>0</v>
      </c>
      <c r="AC29" s="261">
        <v>0</v>
      </c>
      <c r="AD29" s="261">
        <v>5</v>
      </c>
      <c r="AE29" s="261">
        <v>3</v>
      </c>
      <c r="AF29" s="261">
        <v>2</v>
      </c>
      <c r="AG29" s="261">
        <v>0</v>
      </c>
      <c r="AH29" s="258">
        <v>10</v>
      </c>
      <c r="AI29" s="263">
        <v>13</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v>
      </c>
      <c r="AZ29" s="261">
        <v>3</v>
      </c>
      <c r="BA29" s="261">
        <v>8</v>
      </c>
      <c r="BB29" s="261">
        <v>2</v>
      </c>
      <c r="BC29" s="261">
        <v>2</v>
      </c>
      <c r="BD29" s="262">
        <v>19</v>
      </c>
      <c r="BE29" s="263">
        <v>19</v>
      </c>
      <c r="BF29" s="257">
        <v>0</v>
      </c>
      <c r="BG29" s="261">
        <v>0</v>
      </c>
      <c r="BH29" s="258">
        <v>0</v>
      </c>
      <c r="BI29" s="260">
        <v>0</v>
      </c>
      <c r="BJ29" s="261">
        <v>5</v>
      </c>
      <c r="BK29" s="261">
        <v>3</v>
      </c>
      <c r="BL29" s="261">
        <v>2</v>
      </c>
      <c r="BM29" s="261">
        <v>2</v>
      </c>
      <c r="BN29" s="261">
        <v>0</v>
      </c>
      <c r="BO29" s="258">
        <v>12</v>
      </c>
      <c r="BP29" s="263">
        <v>12</v>
      </c>
      <c r="BQ29" s="257">
        <v>2</v>
      </c>
      <c r="BR29" s="261">
        <v>0</v>
      </c>
      <c r="BS29" s="258">
        <v>2</v>
      </c>
      <c r="BT29" s="260">
        <v>0</v>
      </c>
      <c r="BU29" s="261">
        <v>1</v>
      </c>
      <c r="BV29" s="261">
        <v>2</v>
      </c>
      <c r="BW29" s="261">
        <v>1</v>
      </c>
      <c r="BX29" s="261">
        <v>0</v>
      </c>
      <c r="BY29" s="261">
        <v>0</v>
      </c>
      <c r="BZ29" s="258">
        <v>4</v>
      </c>
      <c r="CA29" s="263">
        <v>6</v>
      </c>
      <c r="CB29" s="257">
        <v>0</v>
      </c>
      <c r="CC29" s="261">
        <v>0</v>
      </c>
      <c r="CD29" s="258">
        <v>0</v>
      </c>
      <c r="CE29" s="260">
        <v>0</v>
      </c>
      <c r="CF29" s="261">
        <v>1</v>
      </c>
      <c r="CG29" s="261">
        <v>1</v>
      </c>
      <c r="CH29" s="261">
        <v>0</v>
      </c>
      <c r="CI29" s="261">
        <v>1</v>
      </c>
      <c r="CJ29" s="261">
        <v>0</v>
      </c>
      <c r="CK29" s="258">
        <v>3</v>
      </c>
      <c r="CL29" s="263">
        <v>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4</v>
      </c>
      <c r="DU29" s="261">
        <v>8</v>
      </c>
      <c r="DV29" s="258">
        <v>12</v>
      </c>
      <c r="DW29" s="260">
        <v>0</v>
      </c>
      <c r="DX29" s="261">
        <v>2</v>
      </c>
      <c r="DY29" s="261">
        <v>5</v>
      </c>
      <c r="DZ29" s="261">
        <v>10</v>
      </c>
      <c r="EA29" s="261">
        <v>2</v>
      </c>
      <c r="EB29" s="261">
        <v>0</v>
      </c>
      <c r="EC29" s="258">
        <v>19</v>
      </c>
      <c r="ED29" s="263">
        <v>31</v>
      </c>
      <c r="EE29" s="257">
        <v>0</v>
      </c>
      <c r="EF29" s="261">
        <v>0</v>
      </c>
      <c r="EG29" s="258">
        <v>0</v>
      </c>
      <c r="EH29" s="260">
        <v>0</v>
      </c>
      <c r="EI29" s="261">
        <v>3</v>
      </c>
      <c r="EJ29" s="261">
        <v>2</v>
      </c>
      <c r="EK29" s="261">
        <v>5</v>
      </c>
      <c r="EL29" s="261">
        <v>1</v>
      </c>
      <c r="EM29" s="261">
        <v>2</v>
      </c>
      <c r="EN29" s="258">
        <v>13</v>
      </c>
      <c r="EO29" s="263">
        <v>13</v>
      </c>
      <c r="EP29" s="257">
        <v>6</v>
      </c>
      <c r="EQ29" s="261">
        <v>10</v>
      </c>
      <c r="ER29" s="258">
        <v>16</v>
      </c>
      <c r="ES29" s="260">
        <v>0</v>
      </c>
      <c r="ET29" s="261">
        <v>9</v>
      </c>
      <c r="EU29" s="261">
        <v>11</v>
      </c>
      <c r="EV29" s="261">
        <v>10</v>
      </c>
      <c r="EW29" s="261">
        <v>2</v>
      </c>
      <c r="EX29" s="261">
        <v>0</v>
      </c>
      <c r="EY29" s="258">
        <v>32</v>
      </c>
      <c r="EZ29" s="263">
        <v>48</v>
      </c>
    </row>
    <row r="30" spans="2:156" ht="21" customHeight="1" x14ac:dyDescent="0.2">
      <c r="B30" s="468" t="s">
        <v>28</v>
      </c>
      <c r="C30" s="257">
        <v>0</v>
      </c>
      <c r="D30" s="261">
        <v>0</v>
      </c>
      <c r="E30" s="356">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1</v>
      </c>
      <c r="AZ30" s="261">
        <v>1</v>
      </c>
      <c r="BA30" s="261">
        <v>2</v>
      </c>
      <c r="BB30" s="261">
        <v>2</v>
      </c>
      <c r="BC30" s="261">
        <v>0</v>
      </c>
      <c r="BD30" s="262">
        <v>6</v>
      </c>
      <c r="BE30" s="263">
        <v>6</v>
      </c>
      <c r="BF30" s="257">
        <v>0</v>
      </c>
      <c r="BG30" s="261">
        <v>0</v>
      </c>
      <c r="BH30" s="258">
        <v>0</v>
      </c>
      <c r="BI30" s="260">
        <v>0</v>
      </c>
      <c r="BJ30" s="261">
        <v>1</v>
      </c>
      <c r="BK30" s="261">
        <v>2</v>
      </c>
      <c r="BL30" s="261">
        <v>2</v>
      </c>
      <c r="BM30" s="261">
        <v>1</v>
      </c>
      <c r="BN30" s="261">
        <v>0</v>
      </c>
      <c r="BO30" s="258">
        <v>6</v>
      </c>
      <c r="BP30" s="263">
        <v>6</v>
      </c>
      <c r="BQ30" s="257">
        <v>0</v>
      </c>
      <c r="BR30" s="261">
        <v>0</v>
      </c>
      <c r="BS30" s="258">
        <v>0</v>
      </c>
      <c r="BT30" s="260">
        <v>0</v>
      </c>
      <c r="BU30" s="261">
        <v>0</v>
      </c>
      <c r="BV30" s="261">
        <v>0</v>
      </c>
      <c r="BW30" s="261">
        <v>1</v>
      </c>
      <c r="BX30" s="261">
        <v>0</v>
      </c>
      <c r="BY30" s="261">
        <v>0</v>
      </c>
      <c r="BZ30" s="258">
        <v>1</v>
      </c>
      <c r="CA30" s="263">
        <v>1</v>
      </c>
      <c r="CB30" s="257">
        <v>0</v>
      </c>
      <c r="CC30" s="261">
        <v>0</v>
      </c>
      <c r="CD30" s="258">
        <v>0</v>
      </c>
      <c r="CE30" s="260">
        <v>0</v>
      </c>
      <c r="CF30" s="261">
        <v>0</v>
      </c>
      <c r="CG30" s="261">
        <v>1</v>
      </c>
      <c r="CH30" s="261">
        <v>2</v>
      </c>
      <c r="CI30" s="261">
        <v>0</v>
      </c>
      <c r="CJ30" s="261">
        <v>0</v>
      </c>
      <c r="CK30" s="258">
        <v>3</v>
      </c>
      <c r="CL30" s="263">
        <v>3</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2</v>
      </c>
      <c r="DY30" s="261">
        <v>3</v>
      </c>
      <c r="DZ30" s="261">
        <v>2</v>
      </c>
      <c r="EA30" s="261">
        <v>1</v>
      </c>
      <c r="EB30" s="261">
        <v>0</v>
      </c>
      <c r="EC30" s="258">
        <v>8</v>
      </c>
      <c r="ED30" s="263">
        <v>9</v>
      </c>
      <c r="EE30" s="257">
        <v>0</v>
      </c>
      <c r="EF30" s="261">
        <v>0</v>
      </c>
      <c r="EG30" s="258">
        <v>0</v>
      </c>
      <c r="EH30" s="260">
        <v>0</v>
      </c>
      <c r="EI30" s="261">
        <v>0</v>
      </c>
      <c r="EJ30" s="261">
        <v>0</v>
      </c>
      <c r="EK30" s="261">
        <v>1</v>
      </c>
      <c r="EL30" s="261">
        <v>1</v>
      </c>
      <c r="EM30" s="261">
        <v>0</v>
      </c>
      <c r="EN30" s="258">
        <v>2</v>
      </c>
      <c r="EO30" s="263">
        <v>2</v>
      </c>
      <c r="EP30" s="257">
        <v>0</v>
      </c>
      <c r="EQ30" s="261">
        <v>1</v>
      </c>
      <c r="ER30" s="258">
        <v>1</v>
      </c>
      <c r="ES30" s="260">
        <v>0</v>
      </c>
      <c r="ET30" s="261">
        <v>7</v>
      </c>
      <c r="EU30" s="261">
        <v>4</v>
      </c>
      <c r="EV30" s="261">
        <v>3</v>
      </c>
      <c r="EW30" s="261">
        <v>2</v>
      </c>
      <c r="EX30" s="261">
        <v>0</v>
      </c>
      <c r="EY30" s="258">
        <v>16</v>
      </c>
      <c r="EZ30" s="263">
        <v>17</v>
      </c>
    </row>
    <row r="31" spans="2:156" ht="21" customHeight="1" x14ac:dyDescent="0.2">
      <c r="B31" s="468" t="s">
        <v>29</v>
      </c>
      <c r="C31" s="257">
        <v>0</v>
      </c>
      <c r="D31" s="261">
        <v>0</v>
      </c>
      <c r="E31" s="356">
        <v>0</v>
      </c>
      <c r="F31" s="260">
        <v>0</v>
      </c>
      <c r="G31" s="261">
        <v>2</v>
      </c>
      <c r="H31" s="261">
        <v>2</v>
      </c>
      <c r="I31" s="261">
        <v>0</v>
      </c>
      <c r="J31" s="261">
        <v>1</v>
      </c>
      <c r="K31" s="261">
        <v>0</v>
      </c>
      <c r="L31" s="262">
        <v>5</v>
      </c>
      <c r="M31" s="263">
        <v>5</v>
      </c>
      <c r="N31" s="257">
        <v>0</v>
      </c>
      <c r="O31" s="261">
        <v>0</v>
      </c>
      <c r="P31" s="258">
        <v>0</v>
      </c>
      <c r="Q31" s="260">
        <v>0</v>
      </c>
      <c r="R31" s="261">
        <v>0</v>
      </c>
      <c r="S31" s="261">
        <v>0</v>
      </c>
      <c r="T31" s="261">
        <v>0</v>
      </c>
      <c r="U31" s="261">
        <v>0</v>
      </c>
      <c r="V31" s="261">
        <v>0</v>
      </c>
      <c r="W31" s="258">
        <v>0</v>
      </c>
      <c r="X31" s="263">
        <v>0</v>
      </c>
      <c r="Y31" s="257">
        <v>0</v>
      </c>
      <c r="Z31" s="261">
        <v>2</v>
      </c>
      <c r="AA31" s="258">
        <v>2</v>
      </c>
      <c r="AB31" s="260">
        <v>0</v>
      </c>
      <c r="AC31" s="261">
        <v>2</v>
      </c>
      <c r="AD31" s="261">
        <v>2</v>
      </c>
      <c r="AE31" s="261">
        <v>2</v>
      </c>
      <c r="AF31" s="261">
        <v>0</v>
      </c>
      <c r="AG31" s="261">
        <v>0</v>
      </c>
      <c r="AH31" s="258">
        <v>6</v>
      </c>
      <c r="AI31" s="263">
        <v>8</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2</v>
      </c>
      <c r="AZ31" s="261">
        <v>3</v>
      </c>
      <c r="BA31" s="261">
        <v>0</v>
      </c>
      <c r="BB31" s="261">
        <v>1</v>
      </c>
      <c r="BC31" s="261">
        <v>0</v>
      </c>
      <c r="BD31" s="262">
        <v>6</v>
      </c>
      <c r="BE31" s="263">
        <v>6</v>
      </c>
      <c r="BF31" s="257">
        <v>0</v>
      </c>
      <c r="BG31" s="261">
        <v>0</v>
      </c>
      <c r="BH31" s="258">
        <v>0</v>
      </c>
      <c r="BI31" s="260">
        <v>0</v>
      </c>
      <c r="BJ31" s="261">
        <v>1</v>
      </c>
      <c r="BK31" s="261">
        <v>2</v>
      </c>
      <c r="BL31" s="261">
        <v>0</v>
      </c>
      <c r="BM31" s="261">
        <v>1</v>
      </c>
      <c r="BN31" s="261">
        <v>0</v>
      </c>
      <c r="BO31" s="258">
        <v>4</v>
      </c>
      <c r="BP31" s="263">
        <v>4</v>
      </c>
      <c r="BQ31" s="257">
        <v>0</v>
      </c>
      <c r="BR31" s="261">
        <v>0</v>
      </c>
      <c r="BS31" s="258">
        <v>0</v>
      </c>
      <c r="BT31" s="260">
        <v>0</v>
      </c>
      <c r="BU31" s="261">
        <v>2</v>
      </c>
      <c r="BV31" s="261">
        <v>0</v>
      </c>
      <c r="BW31" s="261">
        <v>1</v>
      </c>
      <c r="BX31" s="261">
        <v>0</v>
      </c>
      <c r="BY31" s="261">
        <v>0</v>
      </c>
      <c r="BZ31" s="258">
        <v>3</v>
      </c>
      <c r="CA31" s="263">
        <v>3</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0</v>
      </c>
      <c r="DU31" s="261">
        <v>3</v>
      </c>
      <c r="DV31" s="258">
        <v>3</v>
      </c>
      <c r="DW31" s="260">
        <v>0</v>
      </c>
      <c r="DX31" s="261">
        <v>2</v>
      </c>
      <c r="DY31" s="261">
        <v>3</v>
      </c>
      <c r="DZ31" s="261">
        <v>2</v>
      </c>
      <c r="EA31" s="261">
        <v>1</v>
      </c>
      <c r="EB31" s="261">
        <v>0</v>
      </c>
      <c r="EC31" s="258">
        <v>8</v>
      </c>
      <c r="ED31" s="263">
        <v>11</v>
      </c>
      <c r="EE31" s="257">
        <v>0</v>
      </c>
      <c r="EF31" s="261">
        <v>0</v>
      </c>
      <c r="EG31" s="258">
        <v>0</v>
      </c>
      <c r="EH31" s="260">
        <v>0</v>
      </c>
      <c r="EI31" s="261">
        <v>1</v>
      </c>
      <c r="EJ31" s="261">
        <v>1</v>
      </c>
      <c r="EK31" s="261">
        <v>0</v>
      </c>
      <c r="EL31" s="261">
        <v>1</v>
      </c>
      <c r="EM31" s="261">
        <v>0</v>
      </c>
      <c r="EN31" s="258">
        <v>3</v>
      </c>
      <c r="EO31" s="263">
        <v>3</v>
      </c>
      <c r="EP31" s="257">
        <v>0</v>
      </c>
      <c r="EQ31" s="261">
        <v>4</v>
      </c>
      <c r="ER31" s="258">
        <v>4</v>
      </c>
      <c r="ES31" s="260">
        <v>0</v>
      </c>
      <c r="ET31" s="261">
        <v>6</v>
      </c>
      <c r="EU31" s="261">
        <v>4</v>
      </c>
      <c r="EV31" s="261">
        <v>2</v>
      </c>
      <c r="EW31" s="261">
        <v>1</v>
      </c>
      <c r="EX31" s="261">
        <v>0</v>
      </c>
      <c r="EY31" s="258">
        <v>13</v>
      </c>
      <c r="EZ31" s="263">
        <v>17</v>
      </c>
    </row>
    <row r="32" spans="2:156" ht="21" customHeight="1" x14ac:dyDescent="0.2">
      <c r="B32" s="468" t="s">
        <v>30</v>
      </c>
      <c r="C32" s="257">
        <v>0</v>
      </c>
      <c r="D32" s="261">
        <v>0</v>
      </c>
      <c r="E32" s="356">
        <v>0</v>
      </c>
      <c r="F32" s="260">
        <v>0</v>
      </c>
      <c r="G32" s="261">
        <v>3</v>
      </c>
      <c r="H32" s="261">
        <v>1</v>
      </c>
      <c r="I32" s="261">
        <v>0</v>
      </c>
      <c r="J32" s="261">
        <v>1</v>
      </c>
      <c r="K32" s="261">
        <v>0</v>
      </c>
      <c r="L32" s="262">
        <v>5</v>
      </c>
      <c r="M32" s="263">
        <v>5</v>
      </c>
      <c r="N32" s="257">
        <v>0</v>
      </c>
      <c r="O32" s="261">
        <v>0</v>
      </c>
      <c r="P32" s="258">
        <v>0</v>
      </c>
      <c r="Q32" s="260">
        <v>0</v>
      </c>
      <c r="R32" s="261">
        <v>1</v>
      </c>
      <c r="S32" s="261">
        <v>0</v>
      </c>
      <c r="T32" s="261">
        <v>1</v>
      </c>
      <c r="U32" s="261">
        <v>0</v>
      </c>
      <c r="V32" s="261">
        <v>0</v>
      </c>
      <c r="W32" s="258">
        <v>2</v>
      </c>
      <c r="X32" s="263">
        <v>2</v>
      </c>
      <c r="Y32" s="257">
        <v>0</v>
      </c>
      <c r="Z32" s="261">
        <v>0</v>
      </c>
      <c r="AA32" s="258">
        <v>0</v>
      </c>
      <c r="AB32" s="260">
        <v>0</v>
      </c>
      <c r="AC32" s="261">
        <v>2</v>
      </c>
      <c r="AD32" s="261">
        <v>0</v>
      </c>
      <c r="AE32" s="261">
        <v>1</v>
      </c>
      <c r="AF32" s="261">
        <v>0</v>
      </c>
      <c r="AG32" s="261">
        <v>0</v>
      </c>
      <c r="AH32" s="258">
        <v>3</v>
      </c>
      <c r="AI32" s="263">
        <v>3</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3</v>
      </c>
      <c r="AZ32" s="261">
        <v>2</v>
      </c>
      <c r="BA32" s="261">
        <v>1</v>
      </c>
      <c r="BB32" s="261">
        <v>0</v>
      </c>
      <c r="BC32" s="261">
        <v>0</v>
      </c>
      <c r="BD32" s="262">
        <v>6</v>
      </c>
      <c r="BE32" s="263">
        <v>6</v>
      </c>
      <c r="BF32" s="257">
        <v>0</v>
      </c>
      <c r="BG32" s="261">
        <v>0</v>
      </c>
      <c r="BH32" s="258">
        <v>0</v>
      </c>
      <c r="BI32" s="260">
        <v>0</v>
      </c>
      <c r="BJ32" s="261">
        <v>1</v>
      </c>
      <c r="BK32" s="261">
        <v>2</v>
      </c>
      <c r="BL32" s="261">
        <v>0</v>
      </c>
      <c r="BM32" s="261">
        <v>0</v>
      </c>
      <c r="BN32" s="261">
        <v>0</v>
      </c>
      <c r="BO32" s="258">
        <v>3</v>
      </c>
      <c r="BP32" s="263">
        <v>3</v>
      </c>
      <c r="BQ32" s="257">
        <v>0</v>
      </c>
      <c r="BR32" s="261">
        <v>0</v>
      </c>
      <c r="BS32" s="258">
        <v>0</v>
      </c>
      <c r="BT32" s="260">
        <v>0</v>
      </c>
      <c r="BU32" s="261">
        <v>1</v>
      </c>
      <c r="BV32" s="261">
        <v>0</v>
      </c>
      <c r="BW32" s="261">
        <v>0</v>
      </c>
      <c r="BX32" s="261">
        <v>1</v>
      </c>
      <c r="BY32" s="261">
        <v>0</v>
      </c>
      <c r="BZ32" s="258">
        <v>2</v>
      </c>
      <c r="CA32" s="263">
        <v>2</v>
      </c>
      <c r="CB32" s="257">
        <v>0</v>
      </c>
      <c r="CC32" s="261">
        <v>0</v>
      </c>
      <c r="CD32" s="258">
        <v>0</v>
      </c>
      <c r="CE32" s="260">
        <v>0</v>
      </c>
      <c r="CF32" s="261">
        <v>0</v>
      </c>
      <c r="CG32" s="261">
        <v>0</v>
      </c>
      <c r="CH32" s="261">
        <v>0</v>
      </c>
      <c r="CI32" s="261">
        <v>1</v>
      </c>
      <c r="CJ32" s="261">
        <v>0</v>
      </c>
      <c r="CK32" s="258">
        <v>1</v>
      </c>
      <c r="CL32" s="263">
        <v>1</v>
      </c>
      <c r="CM32" s="257">
        <v>0</v>
      </c>
      <c r="CN32" s="261">
        <v>0</v>
      </c>
      <c r="CO32" s="258">
        <v>0</v>
      </c>
      <c r="CP32" s="260">
        <v>0</v>
      </c>
      <c r="CQ32" s="261">
        <v>1</v>
      </c>
      <c r="CR32" s="261">
        <v>0</v>
      </c>
      <c r="CS32" s="261">
        <v>0</v>
      </c>
      <c r="CT32" s="261">
        <v>0</v>
      </c>
      <c r="CU32" s="261">
        <v>0</v>
      </c>
      <c r="CV32" s="258">
        <v>1</v>
      </c>
      <c r="CW32" s="263">
        <v>1</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1</v>
      </c>
      <c r="DU32" s="261">
        <v>0</v>
      </c>
      <c r="DV32" s="258">
        <v>1</v>
      </c>
      <c r="DW32" s="260">
        <v>0</v>
      </c>
      <c r="DX32" s="261">
        <v>1</v>
      </c>
      <c r="DY32" s="261">
        <v>3</v>
      </c>
      <c r="DZ32" s="261">
        <v>1</v>
      </c>
      <c r="EA32" s="261">
        <v>1</v>
      </c>
      <c r="EB32" s="261">
        <v>0</v>
      </c>
      <c r="EC32" s="258">
        <v>6</v>
      </c>
      <c r="ED32" s="263">
        <v>7</v>
      </c>
      <c r="EE32" s="257">
        <v>0</v>
      </c>
      <c r="EF32" s="261">
        <v>0</v>
      </c>
      <c r="EG32" s="258">
        <v>0</v>
      </c>
      <c r="EH32" s="260">
        <v>0</v>
      </c>
      <c r="EI32" s="261">
        <v>2</v>
      </c>
      <c r="EJ32" s="261">
        <v>2</v>
      </c>
      <c r="EK32" s="261">
        <v>2</v>
      </c>
      <c r="EL32" s="261">
        <v>0</v>
      </c>
      <c r="EM32" s="261">
        <v>0</v>
      </c>
      <c r="EN32" s="258">
        <v>6</v>
      </c>
      <c r="EO32" s="263">
        <v>6</v>
      </c>
      <c r="EP32" s="257">
        <v>1</v>
      </c>
      <c r="EQ32" s="261">
        <v>0</v>
      </c>
      <c r="ER32" s="258">
        <v>1</v>
      </c>
      <c r="ES32" s="260">
        <v>0</v>
      </c>
      <c r="ET32" s="261">
        <v>6</v>
      </c>
      <c r="EU32" s="261">
        <v>4</v>
      </c>
      <c r="EV32" s="261">
        <v>1</v>
      </c>
      <c r="EW32" s="261">
        <v>1</v>
      </c>
      <c r="EX32" s="261">
        <v>0</v>
      </c>
      <c r="EY32" s="258">
        <v>12</v>
      </c>
      <c r="EZ32" s="263">
        <v>13</v>
      </c>
    </row>
    <row r="33" spans="2:156" ht="21" customHeight="1" x14ac:dyDescent="0.2">
      <c r="B33" s="468" t="s">
        <v>31</v>
      </c>
      <c r="C33" s="257">
        <v>0</v>
      </c>
      <c r="D33" s="261">
        <v>0</v>
      </c>
      <c r="E33" s="356">
        <v>0</v>
      </c>
      <c r="F33" s="260">
        <v>0</v>
      </c>
      <c r="G33" s="261">
        <v>2</v>
      </c>
      <c r="H33" s="261">
        <v>0</v>
      </c>
      <c r="I33" s="261">
        <v>0</v>
      </c>
      <c r="J33" s="261">
        <v>0</v>
      </c>
      <c r="K33" s="261">
        <v>0</v>
      </c>
      <c r="L33" s="262">
        <v>2</v>
      </c>
      <c r="M33" s="263">
        <v>2</v>
      </c>
      <c r="N33" s="257">
        <v>0</v>
      </c>
      <c r="O33" s="261">
        <v>0</v>
      </c>
      <c r="P33" s="258">
        <v>0</v>
      </c>
      <c r="Q33" s="260">
        <v>0</v>
      </c>
      <c r="R33" s="261">
        <v>0</v>
      </c>
      <c r="S33" s="261">
        <v>0</v>
      </c>
      <c r="T33" s="261">
        <v>0</v>
      </c>
      <c r="U33" s="261">
        <v>0</v>
      </c>
      <c r="V33" s="261">
        <v>1</v>
      </c>
      <c r="W33" s="258">
        <v>1</v>
      </c>
      <c r="X33" s="263">
        <v>1</v>
      </c>
      <c r="Y33" s="257">
        <v>0</v>
      </c>
      <c r="Z33" s="261">
        <v>0</v>
      </c>
      <c r="AA33" s="258">
        <v>0</v>
      </c>
      <c r="AB33" s="260">
        <v>0</v>
      </c>
      <c r="AC33" s="261">
        <v>3</v>
      </c>
      <c r="AD33" s="261">
        <v>2</v>
      </c>
      <c r="AE33" s="261">
        <v>2</v>
      </c>
      <c r="AF33" s="261">
        <v>0</v>
      </c>
      <c r="AG33" s="261">
        <v>1</v>
      </c>
      <c r="AH33" s="258">
        <v>8</v>
      </c>
      <c r="AI33" s="263">
        <v>8</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1</v>
      </c>
      <c r="BC33" s="261">
        <v>0</v>
      </c>
      <c r="BD33" s="262">
        <v>2</v>
      </c>
      <c r="BE33" s="263">
        <v>2</v>
      </c>
      <c r="BF33" s="257">
        <v>0</v>
      </c>
      <c r="BG33" s="261">
        <v>0</v>
      </c>
      <c r="BH33" s="258">
        <v>0</v>
      </c>
      <c r="BI33" s="260">
        <v>0</v>
      </c>
      <c r="BJ33" s="261">
        <v>1</v>
      </c>
      <c r="BK33" s="261">
        <v>2</v>
      </c>
      <c r="BL33" s="261">
        <v>2</v>
      </c>
      <c r="BM33" s="261">
        <v>0</v>
      </c>
      <c r="BN33" s="261">
        <v>0</v>
      </c>
      <c r="BO33" s="258">
        <v>5</v>
      </c>
      <c r="BP33" s="263">
        <v>5</v>
      </c>
      <c r="BQ33" s="257">
        <v>0</v>
      </c>
      <c r="BR33" s="261">
        <v>0</v>
      </c>
      <c r="BS33" s="258">
        <v>0</v>
      </c>
      <c r="BT33" s="260">
        <v>0</v>
      </c>
      <c r="BU33" s="261">
        <v>1</v>
      </c>
      <c r="BV33" s="261">
        <v>1</v>
      </c>
      <c r="BW33" s="261">
        <v>0</v>
      </c>
      <c r="BX33" s="261">
        <v>0</v>
      </c>
      <c r="BY33" s="261">
        <v>0</v>
      </c>
      <c r="BZ33" s="258">
        <v>2</v>
      </c>
      <c r="CA33" s="263">
        <v>2</v>
      </c>
      <c r="CB33" s="257">
        <v>0</v>
      </c>
      <c r="CC33" s="261">
        <v>0</v>
      </c>
      <c r="CD33" s="258">
        <v>0</v>
      </c>
      <c r="CE33" s="260">
        <v>0</v>
      </c>
      <c r="CF33" s="261">
        <v>0</v>
      </c>
      <c r="CG33" s="261">
        <v>0</v>
      </c>
      <c r="CH33" s="261">
        <v>0</v>
      </c>
      <c r="CI33" s="261">
        <v>1</v>
      </c>
      <c r="CJ33" s="261">
        <v>1</v>
      </c>
      <c r="CK33" s="258">
        <v>2</v>
      </c>
      <c r="CL33" s="263">
        <v>2</v>
      </c>
      <c r="CM33" s="257">
        <v>0</v>
      </c>
      <c r="CN33" s="261">
        <v>0</v>
      </c>
      <c r="CO33" s="258">
        <v>0</v>
      </c>
      <c r="CP33" s="260">
        <v>0</v>
      </c>
      <c r="CQ33" s="261">
        <v>0</v>
      </c>
      <c r="CR33" s="261">
        <v>0</v>
      </c>
      <c r="CS33" s="261">
        <v>0</v>
      </c>
      <c r="CT33" s="261">
        <v>0</v>
      </c>
      <c r="CU33" s="261">
        <v>1</v>
      </c>
      <c r="CV33" s="258">
        <v>1</v>
      </c>
      <c r="CW33" s="263">
        <v>1</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1</v>
      </c>
      <c r="DU33" s="261">
        <v>1</v>
      </c>
      <c r="DV33" s="258">
        <v>2</v>
      </c>
      <c r="DW33" s="260">
        <v>0</v>
      </c>
      <c r="DX33" s="261">
        <v>4</v>
      </c>
      <c r="DY33" s="261">
        <v>5</v>
      </c>
      <c r="DZ33" s="261">
        <v>3</v>
      </c>
      <c r="EA33" s="261">
        <v>1</v>
      </c>
      <c r="EB33" s="261">
        <v>1</v>
      </c>
      <c r="EC33" s="258">
        <v>14</v>
      </c>
      <c r="ED33" s="263">
        <v>16</v>
      </c>
      <c r="EE33" s="257">
        <v>0</v>
      </c>
      <c r="EF33" s="261">
        <v>0</v>
      </c>
      <c r="EG33" s="258">
        <v>0</v>
      </c>
      <c r="EH33" s="260">
        <v>0</v>
      </c>
      <c r="EI33" s="261">
        <v>0</v>
      </c>
      <c r="EJ33" s="261">
        <v>0</v>
      </c>
      <c r="EK33" s="261">
        <v>0</v>
      </c>
      <c r="EL33" s="261">
        <v>0</v>
      </c>
      <c r="EM33" s="261">
        <v>0</v>
      </c>
      <c r="EN33" s="258">
        <v>0</v>
      </c>
      <c r="EO33" s="263">
        <v>0</v>
      </c>
      <c r="EP33" s="257">
        <v>1</v>
      </c>
      <c r="EQ33" s="261">
        <v>1</v>
      </c>
      <c r="ER33" s="258">
        <v>2</v>
      </c>
      <c r="ES33" s="260">
        <v>0</v>
      </c>
      <c r="ET33" s="261">
        <v>8</v>
      </c>
      <c r="EU33" s="261">
        <v>6</v>
      </c>
      <c r="EV33" s="261">
        <v>4</v>
      </c>
      <c r="EW33" s="261">
        <v>2</v>
      </c>
      <c r="EX33" s="261">
        <v>1</v>
      </c>
      <c r="EY33" s="258">
        <v>21</v>
      </c>
      <c r="EZ33" s="263">
        <v>23</v>
      </c>
    </row>
    <row r="34" spans="2:156" ht="21" customHeight="1" x14ac:dyDescent="0.2">
      <c r="B34" s="468" t="s">
        <v>32</v>
      </c>
      <c r="C34" s="257">
        <v>0</v>
      </c>
      <c r="D34" s="261">
        <v>0</v>
      </c>
      <c r="E34" s="356">
        <v>0</v>
      </c>
      <c r="F34" s="260">
        <v>0</v>
      </c>
      <c r="G34" s="261">
        <v>1</v>
      </c>
      <c r="H34" s="261">
        <v>2</v>
      </c>
      <c r="I34" s="261">
        <v>0</v>
      </c>
      <c r="J34" s="261">
        <v>1</v>
      </c>
      <c r="K34" s="261">
        <v>0</v>
      </c>
      <c r="L34" s="262">
        <v>4</v>
      </c>
      <c r="M34" s="263">
        <v>4</v>
      </c>
      <c r="N34" s="257">
        <v>0</v>
      </c>
      <c r="O34" s="261">
        <v>0</v>
      </c>
      <c r="P34" s="258">
        <v>0</v>
      </c>
      <c r="Q34" s="260">
        <v>0</v>
      </c>
      <c r="R34" s="261">
        <v>0</v>
      </c>
      <c r="S34" s="261">
        <v>0</v>
      </c>
      <c r="T34" s="261">
        <v>1</v>
      </c>
      <c r="U34" s="261">
        <v>0</v>
      </c>
      <c r="V34" s="261">
        <v>0</v>
      </c>
      <c r="W34" s="258">
        <v>1</v>
      </c>
      <c r="X34" s="263">
        <v>1</v>
      </c>
      <c r="Y34" s="257">
        <v>0</v>
      </c>
      <c r="Z34" s="261">
        <v>0</v>
      </c>
      <c r="AA34" s="258">
        <v>0</v>
      </c>
      <c r="AB34" s="260">
        <v>0</v>
      </c>
      <c r="AC34" s="261">
        <v>2</v>
      </c>
      <c r="AD34" s="261">
        <v>2</v>
      </c>
      <c r="AE34" s="261">
        <v>1</v>
      </c>
      <c r="AF34" s="261">
        <v>0</v>
      </c>
      <c r="AG34" s="261">
        <v>1</v>
      </c>
      <c r="AH34" s="258">
        <v>6</v>
      </c>
      <c r="AI34" s="263">
        <v>6</v>
      </c>
      <c r="AJ34" s="257">
        <v>0</v>
      </c>
      <c r="AK34" s="261">
        <v>0</v>
      </c>
      <c r="AL34" s="258">
        <v>0</v>
      </c>
      <c r="AM34" s="260">
        <v>0</v>
      </c>
      <c r="AN34" s="261">
        <v>0</v>
      </c>
      <c r="AO34" s="261">
        <v>1</v>
      </c>
      <c r="AP34" s="261">
        <v>0</v>
      </c>
      <c r="AQ34" s="261">
        <v>1</v>
      </c>
      <c r="AR34" s="261">
        <v>0</v>
      </c>
      <c r="AS34" s="258">
        <v>2</v>
      </c>
      <c r="AT34" s="263">
        <v>2</v>
      </c>
      <c r="AU34" s="257">
        <v>0</v>
      </c>
      <c r="AV34" s="261">
        <v>0</v>
      </c>
      <c r="AW34" s="258">
        <v>0</v>
      </c>
      <c r="AX34" s="260">
        <v>0</v>
      </c>
      <c r="AY34" s="261">
        <v>0</v>
      </c>
      <c r="AZ34" s="261">
        <v>3</v>
      </c>
      <c r="BA34" s="261">
        <v>2</v>
      </c>
      <c r="BB34" s="261">
        <v>2</v>
      </c>
      <c r="BC34" s="261">
        <v>2</v>
      </c>
      <c r="BD34" s="262">
        <v>9</v>
      </c>
      <c r="BE34" s="263">
        <v>9</v>
      </c>
      <c r="BF34" s="257">
        <v>0</v>
      </c>
      <c r="BG34" s="261">
        <v>0</v>
      </c>
      <c r="BH34" s="258">
        <v>0</v>
      </c>
      <c r="BI34" s="260">
        <v>0</v>
      </c>
      <c r="BJ34" s="261">
        <v>3</v>
      </c>
      <c r="BK34" s="261">
        <v>3</v>
      </c>
      <c r="BL34" s="261">
        <v>0</v>
      </c>
      <c r="BM34" s="261">
        <v>2</v>
      </c>
      <c r="BN34" s="261">
        <v>0</v>
      </c>
      <c r="BO34" s="258">
        <v>8</v>
      </c>
      <c r="BP34" s="263">
        <v>8</v>
      </c>
      <c r="BQ34" s="257">
        <v>0</v>
      </c>
      <c r="BR34" s="261">
        <v>0</v>
      </c>
      <c r="BS34" s="258">
        <v>0</v>
      </c>
      <c r="BT34" s="260">
        <v>0</v>
      </c>
      <c r="BU34" s="261">
        <v>0</v>
      </c>
      <c r="BV34" s="261">
        <v>1</v>
      </c>
      <c r="BW34" s="261">
        <v>0</v>
      </c>
      <c r="BX34" s="261">
        <v>3</v>
      </c>
      <c r="BY34" s="261">
        <v>1</v>
      </c>
      <c r="BZ34" s="258">
        <v>5</v>
      </c>
      <c r="CA34" s="263">
        <v>5</v>
      </c>
      <c r="CB34" s="257">
        <v>0</v>
      </c>
      <c r="CC34" s="261">
        <v>1</v>
      </c>
      <c r="CD34" s="258">
        <v>1</v>
      </c>
      <c r="CE34" s="260">
        <v>0</v>
      </c>
      <c r="CF34" s="261">
        <v>0</v>
      </c>
      <c r="CG34" s="261">
        <v>1</v>
      </c>
      <c r="CH34" s="261">
        <v>0</v>
      </c>
      <c r="CI34" s="261">
        <v>1</v>
      </c>
      <c r="CJ34" s="261">
        <v>1</v>
      </c>
      <c r="CK34" s="258">
        <v>3</v>
      </c>
      <c r="CL34" s="263">
        <v>4</v>
      </c>
      <c r="CM34" s="257">
        <v>0</v>
      </c>
      <c r="CN34" s="261">
        <v>0</v>
      </c>
      <c r="CO34" s="258">
        <v>0</v>
      </c>
      <c r="CP34" s="260">
        <v>0</v>
      </c>
      <c r="CQ34" s="261">
        <v>0</v>
      </c>
      <c r="CR34" s="261">
        <v>0</v>
      </c>
      <c r="CS34" s="261">
        <v>0</v>
      </c>
      <c r="CT34" s="261">
        <v>0</v>
      </c>
      <c r="CU34" s="261">
        <v>2</v>
      </c>
      <c r="CV34" s="258">
        <v>2</v>
      </c>
      <c r="CW34" s="263">
        <v>2</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2</v>
      </c>
      <c r="DU34" s="261">
        <v>1</v>
      </c>
      <c r="DV34" s="258">
        <v>3</v>
      </c>
      <c r="DW34" s="260">
        <v>0</v>
      </c>
      <c r="DX34" s="261">
        <v>4</v>
      </c>
      <c r="DY34" s="261">
        <v>5</v>
      </c>
      <c r="DZ34" s="261">
        <v>3</v>
      </c>
      <c r="EA34" s="261">
        <v>3</v>
      </c>
      <c r="EB34" s="261">
        <v>1</v>
      </c>
      <c r="EC34" s="258">
        <v>16</v>
      </c>
      <c r="ED34" s="263">
        <v>19</v>
      </c>
      <c r="EE34" s="257">
        <v>0</v>
      </c>
      <c r="EF34" s="261">
        <v>0</v>
      </c>
      <c r="EG34" s="258">
        <v>0</v>
      </c>
      <c r="EH34" s="260">
        <v>0</v>
      </c>
      <c r="EI34" s="261">
        <v>1</v>
      </c>
      <c r="EJ34" s="261">
        <v>0</v>
      </c>
      <c r="EK34" s="261">
        <v>1</v>
      </c>
      <c r="EL34" s="261">
        <v>2</v>
      </c>
      <c r="EM34" s="261">
        <v>1</v>
      </c>
      <c r="EN34" s="258">
        <v>5</v>
      </c>
      <c r="EO34" s="263">
        <v>5</v>
      </c>
      <c r="EP34" s="257">
        <v>2</v>
      </c>
      <c r="EQ34" s="261">
        <v>2</v>
      </c>
      <c r="ER34" s="258">
        <v>4</v>
      </c>
      <c r="ES34" s="260">
        <v>0</v>
      </c>
      <c r="ET34" s="261">
        <v>9</v>
      </c>
      <c r="EU34" s="261">
        <v>6</v>
      </c>
      <c r="EV34" s="261">
        <v>1</v>
      </c>
      <c r="EW34" s="261">
        <v>3</v>
      </c>
      <c r="EX34" s="261">
        <v>2</v>
      </c>
      <c r="EY34" s="258">
        <v>21</v>
      </c>
      <c r="EZ34" s="263">
        <v>25</v>
      </c>
    </row>
    <row r="35" spans="2:156" ht="21" customHeight="1" x14ac:dyDescent="0.2">
      <c r="B35" s="468" t="s">
        <v>33</v>
      </c>
      <c r="C35" s="257">
        <v>0</v>
      </c>
      <c r="D35" s="261">
        <v>0</v>
      </c>
      <c r="E35" s="356">
        <v>0</v>
      </c>
      <c r="F35" s="260">
        <v>0</v>
      </c>
      <c r="G35" s="261">
        <v>1</v>
      </c>
      <c r="H35" s="261">
        <v>0</v>
      </c>
      <c r="I35" s="261">
        <v>0</v>
      </c>
      <c r="J35" s="261">
        <v>0</v>
      </c>
      <c r="K35" s="261">
        <v>1</v>
      </c>
      <c r="L35" s="262">
        <v>2</v>
      </c>
      <c r="M35" s="263">
        <v>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1</v>
      </c>
      <c r="AE35" s="261">
        <v>0</v>
      </c>
      <c r="AF35" s="261">
        <v>0</v>
      </c>
      <c r="AG35" s="261">
        <v>1</v>
      </c>
      <c r="AH35" s="258">
        <v>2</v>
      </c>
      <c r="AI35" s="263">
        <v>2</v>
      </c>
      <c r="AJ35" s="257">
        <v>0</v>
      </c>
      <c r="AK35" s="261">
        <v>1</v>
      </c>
      <c r="AL35" s="258">
        <v>1</v>
      </c>
      <c r="AM35" s="260">
        <v>0</v>
      </c>
      <c r="AN35" s="261">
        <v>2</v>
      </c>
      <c r="AO35" s="261">
        <v>1</v>
      </c>
      <c r="AP35" s="261">
        <v>1</v>
      </c>
      <c r="AQ35" s="261">
        <v>1</v>
      </c>
      <c r="AR35" s="261">
        <v>0</v>
      </c>
      <c r="AS35" s="258">
        <v>5</v>
      </c>
      <c r="AT35" s="263">
        <v>6</v>
      </c>
      <c r="AU35" s="257">
        <v>0</v>
      </c>
      <c r="AV35" s="261">
        <v>1</v>
      </c>
      <c r="AW35" s="258">
        <v>1</v>
      </c>
      <c r="AX35" s="260">
        <v>0</v>
      </c>
      <c r="AY35" s="261">
        <v>1</v>
      </c>
      <c r="AZ35" s="261">
        <v>0</v>
      </c>
      <c r="BA35" s="261">
        <v>5</v>
      </c>
      <c r="BB35" s="261">
        <v>2</v>
      </c>
      <c r="BC35" s="261">
        <v>2</v>
      </c>
      <c r="BD35" s="262">
        <v>10</v>
      </c>
      <c r="BE35" s="263">
        <v>11</v>
      </c>
      <c r="BF35" s="257">
        <v>0</v>
      </c>
      <c r="BG35" s="261">
        <v>0</v>
      </c>
      <c r="BH35" s="258">
        <v>0</v>
      </c>
      <c r="BI35" s="260">
        <v>0</v>
      </c>
      <c r="BJ35" s="261">
        <v>2</v>
      </c>
      <c r="BK35" s="261">
        <v>0</v>
      </c>
      <c r="BL35" s="261">
        <v>0</v>
      </c>
      <c r="BM35" s="261">
        <v>0</v>
      </c>
      <c r="BN35" s="261">
        <v>1</v>
      </c>
      <c r="BO35" s="258">
        <v>3</v>
      </c>
      <c r="BP35" s="263">
        <v>3</v>
      </c>
      <c r="BQ35" s="257">
        <v>1</v>
      </c>
      <c r="BR35" s="261">
        <v>0</v>
      </c>
      <c r="BS35" s="258">
        <v>1</v>
      </c>
      <c r="BT35" s="260">
        <v>0</v>
      </c>
      <c r="BU35" s="261">
        <v>2</v>
      </c>
      <c r="BV35" s="261">
        <v>0</v>
      </c>
      <c r="BW35" s="261">
        <v>1</v>
      </c>
      <c r="BX35" s="261">
        <v>0</v>
      </c>
      <c r="BY35" s="261">
        <v>0</v>
      </c>
      <c r="BZ35" s="258">
        <v>3</v>
      </c>
      <c r="CA35" s="263">
        <v>4</v>
      </c>
      <c r="CB35" s="257">
        <v>0</v>
      </c>
      <c r="CC35" s="261">
        <v>0</v>
      </c>
      <c r="CD35" s="258">
        <v>0</v>
      </c>
      <c r="CE35" s="260">
        <v>0</v>
      </c>
      <c r="CF35" s="261">
        <v>0</v>
      </c>
      <c r="CG35" s="261">
        <v>0</v>
      </c>
      <c r="CH35" s="261">
        <v>1</v>
      </c>
      <c r="CI35" s="261">
        <v>1</v>
      </c>
      <c r="CJ35" s="261">
        <v>0</v>
      </c>
      <c r="CK35" s="258">
        <v>2</v>
      </c>
      <c r="CL35" s="263">
        <v>2</v>
      </c>
      <c r="CM35" s="257">
        <v>0</v>
      </c>
      <c r="CN35" s="261">
        <v>0</v>
      </c>
      <c r="CO35" s="258">
        <v>0</v>
      </c>
      <c r="CP35" s="260">
        <v>0</v>
      </c>
      <c r="CQ35" s="261">
        <v>1</v>
      </c>
      <c r="CR35" s="261">
        <v>0</v>
      </c>
      <c r="CS35" s="261">
        <v>0</v>
      </c>
      <c r="CT35" s="261">
        <v>0</v>
      </c>
      <c r="CU35" s="261">
        <v>0</v>
      </c>
      <c r="CV35" s="258">
        <v>1</v>
      </c>
      <c r="CW35" s="263">
        <v>1</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2</v>
      </c>
      <c r="DV35" s="258">
        <v>3</v>
      </c>
      <c r="DW35" s="260">
        <v>0</v>
      </c>
      <c r="DX35" s="261">
        <v>3</v>
      </c>
      <c r="DY35" s="261">
        <v>1</v>
      </c>
      <c r="DZ35" s="261">
        <v>2</v>
      </c>
      <c r="EA35" s="261">
        <v>2</v>
      </c>
      <c r="EB35" s="261">
        <v>2</v>
      </c>
      <c r="EC35" s="258">
        <v>10</v>
      </c>
      <c r="ED35" s="263">
        <v>13</v>
      </c>
      <c r="EE35" s="257">
        <v>0</v>
      </c>
      <c r="EF35" s="261">
        <v>2</v>
      </c>
      <c r="EG35" s="258">
        <v>2</v>
      </c>
      <c r="EH35" s="260">
        <v>0</v>
      </c>
      <c r="EI35" s="261">
        <v>1</v>
      </c>
      <c r="EJ35" s="261">
        <v>0</v>
      </c>
      <c r="EK35" s="261">
        <v>4</v>
      </c>
      <c r="EL35" s="261">
        <v>2</v>
      </c>
      <c r="EM35" s="261">
        <v>1</v>
      </c>
      <c r="EN35" s="258">
        <v>8</v>
      </c>
      <c r="EO35" s="263">
        <v>10</v>
      </c>
      <c r="EP35" s="257">
        <v>2</v>
      </c>
      <c r="EQ35" s="261">
        <v>2</v>
      </c>
      <c r="ER35" s="258">
        <v>4</v>
      </c>
      <c r="ES35" s="260">
        <v>0</v>
      </c>
      <c r="ET35" s="261">
        <v>7</v>
      </c>
      <c r="EU35" s="261">
        <v>1</v>
      </c>
      <c r="EV35" s="261">
        <v>2</v>
      </c>
      <c r="EW35" s="261">
        <v>2</v>
      </c>
      <c r="EX35" s="261">
        <v>1</v>
      </c>
      <c r="EY35" s="258">
        <v>13</v>
      </c>
      <c r="EZ35" s="263">
        <v>17</v>
      </c>
    </row>
    <row r="36" spans="2:156" ht="21" customHeight="1" x14ac:dyDescent="0.2">
      <c r="B36" s="468" t="s">
        <v>34</v>
      </c>
      <c r="C36" s="257">
        <v>0</v>
      </c>
      <c r="D36" s="261">
        <v>0</v>
      </c>
      <c r="E36" s="356">
        <v>0</v>
      </c>
      <c r="F36" s="260">
        <v>0</v>
      </c>
      <c r="G36" s="261">
        <v>1</v>
      </c>
      <c r="H36" s="261">
        <v>0</v>
      </c>
      <c r="I36" s="261">
        <v>0</v>
      </c>
      <c r="J36" s="261">
        <v>0</v>
      </c>
      <c r="K36" s="261">
        <v>0</v>
      </c>
      <c r="L36" s="262">
        <v>1</v>
      </c>
      <c r="M36" s="263">
        <v>1</v>
      </c>
      <c r="N36" s="257">
        <v>0</v>
      </c>
      <c r="O36" s="261">
        <v>0</v>
      </c>
      <c r="P36" s="258">
        <v>0</v>
      </c>
      <c r="Q36" s="260">
        <v>0</v>
      </c>
      <c r="R36" s="261">
        <v>0</v>
      </c>
      <c r="S36" s="261">
        <v>0</v>
      </c>
      <c r="T36" s="261">
        <v>1</v>
      </c>
      <c r="U36" s="261">
        <v>0</v>
      </c>
      <c r="V36" s="261">
        <v>0</v>
      </c>
      <c r="W36" s="258">
        <v>1</v>
      </c>
      <c r="X36" s="263">
        <v>1</v>
      </c>
      <c r="Y36" s="257">
        <v>0</v>
      </c>
      <c r="Z36" s="261">
        <v>1</v>
      </c>
      <c r="AA36" s="258">
        <v>1</v>
      </c>
      <c r="AB36" s="260">
        <v>0</v>
      </c>
      <c r="AC36" s="261">
        <v>0</v>
      </c>
      <c r="AD36" s="261">
        <v>0</v>
      </c>
      <c r="AE36" s="261">
        <v>0</v>
      </c>
      <c r="AF36" s="261">
        <v>0</v>
      </c>
      <c r="AG36" s="261">
        <v>0</v>
      </c>
      <c r="AH36" s="258">
        <v>0</v>
      </c>
      <c r="AI36" s="263">
        <v>1</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2</v>
      </c>
      <c r="AZ36" s="261">
        <v>0</v>
      </c>
      <c r="BA36" s="261">
        <v>1</v>
      </c>
      <c r="BB36" s="261">
        <v>0</v>
      </c>
      <c r="BC36" s="261">
        <v>0</v>
      </c>
      <c r="BD36" s="262">
        <v>3</v>
      </c>
      <c r="BE36" s="263">
        <v>3</v>
      </c>
      <c r="BF36" s="257">
        <v>0</v>
      </c>
      <c r="BG36" s="261">
        <v>0</v>
      </c>
      <c r="BH36" s="258">
        <v>0</v>
      </c>
      <c r="BI36" s="260">
        <v>0</v>
      </c>
      <c r="BJ36" s="261">
        <v>0</v>
      </c>
      <c r="BK36" s="261">
        <v>2</v>
      </c>
      <c r="BL36" s="261">
        <v>1</v>
      </c>
      <c r="BM36" s="261">
        <v>0</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2</v>
      </c>
      <c r="DZ36" s="261">
        <v>1</v>
      </c>
      <c r="EA36" s="261">
        <v>0</v>
      </c>
      <c r="EB36" s="261">
        <v>0</v>
      </c>
      <c r="EC36" s="258">
        <v>4</v>
      </c>
      <c r="ED36" s="263">
        <v>5</v>
      </c>
      <c r="EE36" s="257">
        <v>0</v>
      </c>
      <c r="EF36" s="261">
        <v>0</v>
      </c>
      <c r="EG36" s="258">
        <v>0</v>
      </c>
      <c r="EH36" s="260">
        <v>0</v>
      </c>
      <c r="EI36" s="261">
        <v>0</v>
      </c>
      <c r="EJ36" s="261">
        <v>0</v>
      </c>
      <c r="EK36" s="261">
        <v>2</v>
      </c>
      <c r="EL36" s="261">
        <v>0</v>
      </c>
      <c r="EM36" s="261">
        <v>0</v>
      </c>
      <c r="EN36" s="258">
        <v>2</v>
      </c>
      <c r="EO36" s="263">
        <v>2</v>
      </c>
      <c r="EP36" s="257">
        <v>0</v>
      </c>
      <c r="EQ36" s="261">
        <v>1</v>
      </c>
      <c r="ER36" s="258">
        <v>1</v>
      </c>
      <c r="ES36" s="260">
        <v>0</v>
      </c>
      <c r="ET36" s="261">
        <v>1</v>
      </c>
      <c r="EU36" s="261">
        <v>2</v>
      </c>
      <c r="EV36" s="261">
        <v>2</v>
      </c>
      <c r="EW36" s="261">
        <v>1</v>
      </c>
      <c r="EX36" s="261">
        <v>0</v>
      </c>
      <c r="EY36" s="258">
        <v>6</v>
      </c>
      <c r="EZ36" s="263">
        <v>7</v>
      </c>
    </row>
    <row r="37" spans="2:156" ht="21" customHeight="1" x14ac:dyDescent="0.2">
      <c r="B37" s="468" t="s">
        <v>35</v>
      </c>
      <c r="C37" s="257">
        <v>0</v>
      </c>
      <c r="D37" s="261">
        <v>0</v>
      </c>
      <c r="E37" s="356">
        <v>0</v>
      </c>
      <c r="F37" s="260">
        <v>0</v>
      </c>
      <c r="G37" s="261">
        <v>3</v>
      </c>
      <c r="H37" s="261">
        <v>3</v>
      </c>
      <c r="I37" s="261">
        <v>1</v>
      </c>
      <c r="J37" s="261">
        <v>1</v>
      </c>
      <c r="K37" s="261">
        <v>0</v>
      </c>
      <c r="L37" s="262">
        <v>8</v>
      </c>
      <c r="M37" s="263">
        <v>8</v>
      </c>
      <c r="N37" s="257">
        <v>0</v>
      </c>
      <c r="O37" s="261">
        <v>0</v>
      </c>
      <c r="P37" s="258">
        <v>0</v>
      </c>
      <c r="Q37" s="260">
        <v>0</v>
      </c>
      <c r="R37" s="261">
        <v>0</v>
      </c>
      <c r="S37" s="261">
        <v>0</v>
      </c>
      <c r="T37" s="261">
        <v>0</v>
      </c>
      <c r="U37" s="261">
        <v>0</v>
      </c>
      <c r="V37" s="261">
        <v>0</v>
      </c>
      <c r="W37" s="258">
        <v>0</v>
      </c>
      <c r="X37" s="263">
        <v>0</v>
      </c>
      <c r="Y37" s="257">
        <v>0</v>
      </c>
      <c r="Z37" s="261">
        <v>2</v>
      </c>
      <c r="AA37" s="258">
        <v>2</v>
      </c>
      <c r="AB37" s="260">
        <v>0</v>
      </c>
      <c r="AC37" s="261">
        <v>2</v>
      </c>
      <c r="AD37" s="261">
        <v>3</v>
      </c>
      <c r="AE37" s="261">
        <v>1</v>
      </c>
      <c r="AF37" s="261">
        <v>3</v>
      </c>
      <c r="AG37" s="261">
        <v>1</v>
      </c>
      <c r="AH37" s="258">
        <v>10</v>
      </c>
      <c r="AI37" s="263">
        <v>12</v>
      </c>
      <c r="AJ37" s="257">
        <v>1</v>
      </c>
      <c r="AK37" s="261">
        <v>1</v>
      </c>
      <c r="AL37" s="258">
        <v>2</v>
      </c>
      <c r="AM37" s="260">
        <v>0</v>
      </c>
      <c r="AN37" s="261">
        <v>4</v>
      </c>
      <c r="AO37" s="261">
        <v>0</v>
      </c>
      <c r="AP37" s="261">
        <v>0</v>
      </c>
      <c r="AQ37" s="261">
        <v>1</v>
      </c>
      <c r="AR37" s="261">
        <v>0</v>
      </c>
      <c r="AS37" s="258">
        <v>5</v>
      </c>
      <c r="AT37" s="263">
        <v>7</v>
      </c>
      <c r="AU37" s="257">
        <v>3</v>
      </c>
      <c r="AV37" s="261">
        <v>4</v>
      </c>
      <c r="AW37" s="258">
        <v>7</v>
      </c>
      <c r="AX37" s="260">
        <v>0</v>
      </c>
      <c r="AY37" s="261">
        <v>3</v>
      </c>
      <c r="AZ37" s="261">
        <v>1</v>
      </c>
      <c r="BA37" s="261">
        <v>3</v>
      </c>
      <c r="BB37" s="261">
        <v>4</v>
      </c>
      <c r="BC37" s="261">
        <v>2</v>
      </c>
      <c r="BD37" s="262">
        <v>13</v>
      </c>
      <c r="BE37" s="263">
        <v>20</v>
      </c>
      <c r="BF37" s="257">
        <v>0</v>
      </c>
      <c r="BG37" s="261">
        <v>0</v>
      </c>
      <c r="BH37" s="258">
        <v>0</v>
      </c>
      <c r="BI37" s="260">
        <v>0</v>
      </c>
      <c r="BJ37" s="261">
        <v>1</v>
      </c>
      <c r="BK37" s="261">
        <v>2</v>
      </c>
      <c r="BL37" s="261">
        <v>1</v>
      </c>
      <c r="BM37" s="261">
        <v>1</v>
      </c>
      <c r="BN37" s="261">
        <v>1</v>
      </c>
      <c r="BO37" s="258">
        <v>6</v>
      </c>
      <c r="BP37" s="263">
        <v>6</v>
      </c>
      <c r="BQ37" s="257">
        <v>0</v>
      </c>
      <c r="BR37" s="261">
        <v>2</v>
      </c>
      <c r="BS37" s="258">
        <v>2</v>
      </c>
      <c r="BT37" s="260">
        <v>0</v>
      </c>
      <c r="BU37" s="261">
        <v>3</v>
      </c>
      <c r="BV37" s="261">
        <v>3</v>
      </c>
      <c r="BW37" s="261">
        <v>0</v>
      </c>
      <c r="BX37" s="261">
        <v>1</v>
      </c>
      <c r="BY37" s="261">
        <v>0</v>
      </c>
      <c r="BZ37" s="258">
        <v>7</v>
      </c>
      <c r="CA37" s="263">
        <v>9</v>
      </c>
      <c r="CB37" s="257">
        <v>0</v>
      </c>
      <c r="CC37" s="261">
        <v>0</v>
      </c>
      <c r="CD37" s="258">
        <v>0</v>
      </c>
      <c r="CE37" s="260">
        <v>0</v>
      </c>
      <c r="CF37" s="261">
        <v>0</v>
      </c>
      <c r="CG37" s="261">
        <v>0</v>
      </c>
      <c r="CH37" s="261">
        <v>0</v>
      </c>
      <c r="CI37" s="261">
        <v>0</v>
      </c>
      <c r="CJ37" s="261">
        <v>1</v>
      </c>
      <c r="CK37" s="258">
        <v>1</v>
      </c>
      <c r="CL37" s="263">
        <v>1</v>
      </c>
      <c r="CM37" s="257">
        <v>0</v>
      </c>
      <c r="CN37" s="261">
        <v>0</v>
      </c>
      <c r="CO37" s="258">
        <v>0</v>
      </c>
      <c r="CP37" s="260">
        <v>0</v>
      </c>
      <c r="CQ37" s="261">
        <v>0</v>
      </c>
      <c r="CR37" s="261">
        <v>0</v>
      </c>
      <c r="CS37" s="261">
        <v>0</v>
      </c>
      <c r="CT37" s="261">
        <v>1</v>
      </c>
      <c r="CU37" s="261">
        <v>0</v>
      </c>
      <c r="CV37" s="258">
        <v>1</v>
      </c>
      <c r="CW37" s="263">
        <v>1</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2</v>
      </c>
      <c r="DU37" s="261">
        <v>5</v>
      </c>
      <c r="DV37" s="258">
        <v>7</v>
      </c>
      <c r="DW37" s="260">
        <v>0</v>
      </c>
      <c r="DX37" s="261">
        <v>7</v>
      </c>
      <c r="DY37" s="261">
        <v>6</v>
      </c>
      <c r="DZ37" s="261">
        <v>2</v>
      </c>
      <c r="EA37" s="261">
        <v>3</v>
      </c>
      <c r="EB37" s="261">
        <v>1</v>
      </c>
      <c r="EC37" s="258">
        <v>19</v>
      </c>
      <c r="ED37" s="263">
        <v>26</v>
      </c>
      <c r="EE37" s="257">
        <v>4</v>
      </c>
      <c r="EF37" s="261">
        <v>1</v>
      </c>
      <c r="EG37" s="258">
        <v>5</v>
      </c>
      <c r="EH37" s="260">
        <v>0</v>
      </c>
      <c r="EI37" s="261">
        <v>2</v>
      </c>
      <c r="EJ37" s="261">
        <v>0</v>
      </c>
      <c r="EK37" s="261">
        <v>2</v>
      </c>
      <c r="EL37" s="261">
        <v>4</v>
      </c>
      <c r="EM37" s="261">
        <v>1</v>
      </c>
      <c r="EN37" s="258">
        <v>9</v>
      </c>
      <c r="EO37" s="263">
        <v>14</v>
      </c>
      <c r="EP37" s="257">
        <v>3</v>
      </c>
      <c r="EQ37" s="261">
        <v>7</v>
      </c>
      <c r="ER37" s="258">
        <v>10</v>
      </c>
      <c r="ES37" s="260">
        <v>0</v>
      </c>
      <c r="ET37" s="261">
        <v>13</v>
      </c>
      <c r="EU37" s="261">
        <v>6</v>
      </c>
      <c r="EV37" s="261">
        <v>2</v>
      </c>
      <c r="EW37" s="261">
        <v>3</v>
      </c>
      <c r="EX37" s="261">
        <v>1</v>
      </c>
      <c r="EY37" s="258">
        <v>25</v>
      </c>
      <c r="EZ37" s="263">
        <v>35</v>
      </c>
    </row>
    <row r="38" spans="2:156" ht="21" customHeight="1" x14ac:dyDescent="0.2">
      <c r="B38" s="468" t="s">
        <v>36</v>
      </c>
      <c r="C38" s="257">
        <v>0</v>
      </c>
      <c r="D38" s="261">
        <v>0</v>
      </c>
      <c r="E38" s="356">
        <v>0</v>
      </c>
      <c r="F38" s="260">
        <v>0</v>
      </c>
      <c r="G38" s="261">
        <v>1</v>
      </c>
      <c r="H38" s="261">
        <v>1</v>
      </c>
      <c r="I38" s="261">
        <v>0</v>
      </c>
      <c r="J38" s="261">
        <v>1</v>
      </c>
      <c r="K38" s="261">
        <v>1</v>
      </c>
      <c r="L38" s="262">
        <v>4</v>
      </c>
      <c r="M38" s="263">
        <v>4</v>
      </c>
      <c r="N38" s="257">
        <v>0</v>
      </c>
      <c r="O38" s="261">
        <v>0</v>
      </c>
      <c r="P38" s="258">
        <v>0</v>
      </c>
      <c r="Q38" s="260">
        <v>0</v>
      </c>
      <c r="R38" s="261">
        <v>0</v>
      </c>
      <c r="S38" s="261">
        <v>0</v>
      </c>
      <c r="T38" s="261">
        <v>0</v>
      </c>
      <c r="U38" s="261">
        <v>0</v>
      </c>
      <c r="V38" s="261">
        <v>0</v>
      </c>
      <c r="W38" s="258">
        <v>0</v>
      </c>
      <c r="X38" s="263">
        <v>0</v>
      </c>
      <c r="Y38" s="257">
        <v>1</v>
      </c>
      <c r="Z38" s="261">
        <v>2</v>
      </c>
      <c r="AA38" s="258">
        <v>3</v>
      </c>
      <c r="AB38" s="260">
        <v>0</v>
      </c>
      <c r="AC38" s="261">
        <v>1</v>
      </c>
      <c r="AD38" s="261">
        <v>1</v>
      </c>
      <c r="AE38" s="261">
        <v>0</v>
      </c>
      <c r="AF38" s="261">
        <v>1</v>
      </c>
      <c r="AG38" s="261">
        <v>1</v>
      </c>
      <c r="AH38" s="258">
        <v>4</v>
      </c>
      <c r="AI38" s="263">
        <v>7</v>
      </c>
      <c r="AJ38" s="257">
        <v>0</v>
      </c>
      <c r="AK38" s="261">
        <v>0</v>
      </c>
      <c r="AL38" s="258">
        <v>0</v>
      </c>
      <c r="AM38" s="260">
        <v>0</v>
      </c>
      <c r="AN38" s="261">
        <v>1</v>
      </c>
      <c r="AO38" s="261">
        <v>0</v>
      </c>
      <c r="AP38" s="261">
        <v>0</v>
      </c>
      <c r="AQ38" s="261">
        <v>0</v>
      </c>
      <c r="AR38" s="261">
        <v>0</v>
      </c>
      <c r="AS38" s="258">
        <v>1</v>
      </c>
      <c r="AT38" s="263">
        <v>1</v>
      </c>
      <c r="AU38" s="257">
        <v>0</v>
      </c>
      <c r="AV38" s="261">
        <v>0</v>
      </c>
      <c r="AW38" s="258">
        <v>0</v>
      </c>
      <c r="AX38" s="260">
        <v>0</v>
      </c>
      <c r="AY38" s="261">
        <v>1</v>
      </c>
      <c r="AZ38" s="261">
        <v>4</v>
      </c>
      <c r="BA38" s="261">
        <v>2</v>
      </c>
      <c r="BB38" s="261">
        <v>4</v>
      </c>
      <c r="BC38" s="261">
        <v>2</v>
      </c>
      <c r="BD38" s="262">
        <v>13</v>
      </c>
      <c r="BE38" s="263">
        <v>13</v>
      </c>
      <c r="BF38" s="257">
        <v>0</v>
      </c>
      <c r="BG38" s="261">
        <v>0</v>
      </c>
      <c r="BH38" s="258">
        <v>0</v>
      </c>
      <c r="BI38" s="260">
        <v>0</v>
      </c>
      <c r="BJ38" s="261">
        <v>1</v>
      </c>
      <c r="BK38" s="261">
        <v>4</v>
      </c>
      <c r="BL38" s="261">
        <v>0</v>
      </c>
      <c r="BM38" s="261">
        <v>1</v>
      </c>
      <c r="BN38" s="261">
        <v>0</v>
      </c>
      <c r="BO38" s="258">
        <v>6</v>
      </c>
      <c r="BP38" s="263">
        <v>6</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2</v>
      </c>
      <c r="CH38" s="261">
        <v>0</v>
      </c>
      <c r="CI38" s="261">
        <v>0</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4</v>
      </c>
      <c r="DV38" s="258">
        <v>4</v>
      </c>
      <c r="DW38" s="260">
        <v>0</v>
      </c>
      <c r="DX38" s="261">
        <v>4</v>
      </c>
      <c r="DY38" s="261">
        <v>6</v>
      </c>
      <c r="DZ38" s="261">
        <v>1</v>
      </c>
      <c r="EA38" s="261">
        <v>2</v>
      </c>
      <c r="EB38" s="261">
        <v>2</v>
      </c>
      <c r="EC38" s="258">
        <v>15</v>
      </c>
      <c r="ED38" s="263">
        <v>19</v>
      </c>
      <c r="EE38" s="257">
        <v>0</v>
      </c>
      <c r="EF38" s="261">
        <v>0</v>
      </c>
      <c r="EG38" s="258">
        <v>0</v>
      </c>
      <c r="EH38" s="260">
        <v>0</v>
      </c>
      <c r="EI38" s="261">
        <v>0</v>
      </c>
      <c r="EJ38" s="261">
        <v>3</v>
      </c>
      <c r="EK38" s="261">
        <v>1</v>
      </c>
      <c r="EL38" s="261">
        <v>2</v>
      </c>
      <c r="EM38" s="261">
        <v>0</v>
      </c>
      <c r="EN38" s="258">
        <v>6</v>
      </c>
      <c r="EO38" s="263">
        <v>6</v>
      </c>
      <c r="EP38" s="257">
        <v>1</v>
      </c>
      <c r="EQ38" s="261">
        <v>7</v>
      </c>
      <c r="ER38" s="258">
        <v>8</v>
      </c>
      <c r="ES38" s="260">
        <v>0</v>
      </c>
      <c r="ET38" s="261">
        <v>5</v>
      </c>
      <c r="EU38" s="261">
        <v>6</v>
      </c>
      <c r="EV38" s="261">
        <v>1</v>
      </c>
      <c r="EW38" s="261">
        <v>2</v>
      </c>
      <c r="EX38" s="261">
        <v>1</v>
      </c>
      <c r="EY38" s="258">
        <v>15</v>
      </c>
      <c r="EZ38" s="263">
        <v>23</v>
      </c>
    </row>
    <row r="39" spans="2:156" ht="21" customHeight="1" thickBot="1" x14ac:dyDescent="0.25">
      <c r="B39" s="469" t="s">
        <v>37</v>
      </c>
      <c r="C39" s="264">
        <v>0</v>
      </c>
      <c r="D39" s="268">
        <v>0</v>
      </c>
      <c r="E39" s="357">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1</v>
      </c>
      <c r="AG39" s="268">
        <v>1</v>
      </c>
      <c r="AH39" s="265">
        <v>2</v>
      </c>
      <c r="AI39" s="270">
        <v>2</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1</v>
      </c>
      <c r="BN39" s="268">
        <v>0</v>
      </c>
      <c r="BO39" s="265">
        <v>1</v>
      </c>
      <c r="BP39" s="270">
        <v>1</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1</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1</v>
      </c>
      <c r="EB39" s="268">
        <v>1</v>
      </c>
      <c r="EC39" s="265">
        <v>2</v>
      </c>
      <c r="ED39" s="270">
        <v>2</v>
      </c>
      <c r="EE39" s="264">
        <v>0</v>
      </c>
      <c r="EF39" s="268">
        <v>0</v>
      </c>
      <c r="EG39" s="265">
        <v>0</v>
      </c>
      <c r="EH39" s="267">
        <v>0</v>
      </c>
      <c r="EI39" s="268">
        <v>0</v>
      </c>
      <c r="EJ39" s="268">
        <v>0</v>
      </c>
      <c r="EK39" s="268">
        <v>0</v>
      </c>
      <c r="EL39" s="268">
        <v>1</v>
      </c>
      <c r="EM39" s="268">
        <v>0</v>
      </c>
      <c r="EN39" s="265">
        <v>1</v>
      </c>
      <c r="EO39" s="270">
        <v>1</v>
      </c>
      <c r="EP39" s="264">
        <v>1</v>
      </c>
      <c r="EQ39" s="268">
        <v>0</v>
      </c>
      <c r="ER39" s="265">
        <v>1</v>
      </c>
      <c r="ES39" s="267">
        <v>0</v>
      </c>
      <c r="ET39" s="268">
        <v>0</v>
      </c>
      <c r="EU39" s="268">
        <v>0</v>
      </c>
      <c r="EV39" s="268">
        <v>0</v>
      </c>
      <c r="EW39" s="268">
        <v>1</v>
      </c>
      <c r="EX39" s="268">
        <v>1</v>
      </c>
      <c r="EY39" s="265">
        <v>2</v>
      </c>
      <c r="EZ39" s="270">
        <v>3</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2</v>
      </c>
      <c r="J1" s="539">
        <f>第１表!F2</f>
        <v>6</v>
      </c>
      <c r="K1" s="539"/>
      <c r="L1" s="235">
        <f>第１表!G2</f>
        <v>1</v>
      </c>
      <c r="M1" s="543">
        <f>IF(L1&lt;3,L1+12-2,L1-2)</f>
        <v>11</v>
      </c>
      <c r="N1" s="543"/>
    </row>
    <row r="2" spans="2:112" ht="24" customHeight="1" thickBot="1" x14ac:dyDescent="0.25">
      <c r="B2" s="271" t="s">
        <v>137</v>
      </c>
    </row>
    <row r="3" spans="2:112" ht="21" customHeight="1" thickBot="1" x14ac:dyDescent="0.25">
      <c r="B3" s="563"/>
      <c r="C3" s="566" t="s">
        <v>112</v>
      </c>
      <c r="D3" s="566"/>
      <c r="E3" s="566"/>
      <c r="F3" s="566"/>
      <c r="G3" s="566"/>
      <c r="H3" s="566"/>
      <c r="I3" s="566"/>
      <c r="J3" s="566"/>
      <c r="K3" s="566"/>
      <c r="L3" s="566"/>
      <c r="M3" s="567"/>
      <c r="N3" s="561" t="s">
        <v>111</v>
      </c>
      <c r="O3" s="561"/>
      <c r="P3" s="561"/>
      <c r="Q3" s="561"/>
      <c r="R3" s="561"/>
      <c r="S3" s="561"/>
      <c r="T3" s="561"/>
      <c r="U3" s="561"/>
      <c r="V3" s="561"/>
      <c r="W3" s="561"/>
      <c r="X3" s="562"/>
      <c r="Y3" s="560" t="s">
        <v>110</v>
      </c>
      <c r="Z3" s="561"/>
      <c r="AA3" s="561"/>
      <c r="AB3" s="561"/>
      <c r="AC3" s="561"/>
      <c r="AD3" s="561"/>
      <c r="AE3" s="561"/>
      <c r="AF3" s="561"/>
      <c r="AG3" s="561"/>
      <c r="AH3" s="561"/>
      <c r="AI3" s="562"/>
      <c r="AJ3" s="560" t="s">
        <v>109</v>
      </c>
      <c r="AK3" s="561"/>
      <c r="AL3" s="561"/>
      <c r="AM3" s="561"/>
      <c r="AN3" s="561"/>
      <c r="AO3" s="561"/>
      <c r="AP3" s="561"/>
      <c r="AQ3" s="561"/>
      <c r="AR3" s="561"/>
      <c r="AS3" s="561"/>
      <c r="AT3" s="562"/>
      <c r="AU3" s="560" t="s">
        <v>108</v>
      </c>
      <c r="AV3" s="561"/>
      <c r="AW3" s="561"/>
      <c r="AX3" s="561"/>
      <c r="AY3" s="561"/>
      <c r="AZ3" s="561"/>
      <c r="BA3" s="561"/>
      <c r="BB3" s="561"/>
      <c r="BC3" s="561"/>
      <c r="BD3" s="561"/>
      <c r="BE3" s="562"/>
      <c r="BF3" s="560" t="s">
        <v>107</v>
      </c>
      <c r="BG3" s="561"/>
      <c r="BH3" s="561"/>
      <c r="BI3" s="561"/>
      <c r="BJ3" s="561"/>
      <c r="BK3" s="561"/>
      <c r="BL3" s="561"/>
      <c r="BM3" s="561"/>
      <c r="BN3" s="561"/>
      <c r="BO3" s="561"/>
      <c r="BP3" s="562"/>
      <c r="BQ3" s="560" t="s">
        <v>106</v>
      </c>
      <c r="BR3" s="561"/>
      <c r="BS3" s="561"/>
      <c r="BT3" s="561"/>
      <c r="BU3" s="561"/>
      <c r="BV3" s="561"/>
      <c r="BW3" s="561"/>
      <c r="BX3" s="561"/>
      <c r="BY3" s="561"/>
      <c r="BZ3" s="561"/>
      <c r="CA3" s="562"/>
      <c r="CB3" s="560" t="s">
        <v>126</v>
      </c>
      <c r="CC3" s="561"/>
      <c r="CD3" s="561"/>
      <c r="CE3" s="561"/>
      <c r="CF3" s="561"/>
      <c r="CG3" s="561"/>
      <c r="CH3" s="561"/>
      <c r="CI3" s="561"/>
      <c r="CJ3" s="561"/>
      <c r="CK3" s="561"/>
      <c r="CL3" s="562"/>
      <c r="CM3" s="560" t="s">
        <v>105</v>
      </c>
      <c r="CN3" s="561"/>
      <c r="CO3" s="561"/>
      <c r="CP3" s="561"/>
      <c r="CQ3" s="561"/>
      <c r="CR3" s="561"/>
      <c r="CS3" s="561"/>
      <c r="CT3" s="561"/>
      <c r="CU3" s="561"/>
      <c r="CV3" s="561"/>
      <c r="CW3" s="562"/>
      <c r="CX3" s="560" t="s">
        <v>158</v>
      </c>
      <c r="CY3" s="561"/>
      <c r="CZ3" s="561"/>
      <c r="DA3" s="561"/>
      <c r="DB3" s="561"/>
      <c r="DC3" s="561"/>
      <c r="DD3" s="561"/>
      <c r="DE3" s="561"/>
      <c r="DF3" s="561"/>
      <c r="DG3" s="561"/>
      <c r="DH3" s="562"/>
    </row>
    <row r="4" spans="2:112" ht="21" customHeight="1" x14ac:dyDescent="0.2">
      <c r="B4" s="564"/>
      <c r="C4" s="568" t="s">
        <v>61</v>
      </c>
      <c r="D4" s="551"/>
      <c r="E4" s="552"/>
      <c r="F4" s="550" t="s">
        <v>62</v>
      </c>
      <c r="G4" s="551"/>
      <c r="H4" s="551"/>
      <c r="I4" s="551"/>
      <c r="J4" s="551"/>
      <c r="K4" s="551"/>
      <c r="L4" s="559"/>
      <c r="M4" s="553" t="s">
        <v>52</v>
      </c>
      <c r="N4" s="568" t="s">
        <v>61</v>
      </c>
      <c r="O4" s="551"/>
      <c r="P4" s="552"/>
      <c r="Q4" s="550" t="s">
        <v>62</v>
      </c>
      <c r="R4" s="551"/>
      <c r="S4" s="551"/>
      <c r="T4" s="551"/>
      <c r="U4" s="551"/>
      <c r="V4" s="551"/>
      <c r="W4" s="552"/>
      <c r="X4" s="553" t="s">
        <v>52</v>
      </c>
      <c r="Y4" s="555" t="s">
        <v>61</v>
      </c>
      <c r="Z4" s="551"/>
      <c r="AA4" s="559"/>
      <c r="AB4" s="550" t="s">
        <v>62</v>
      </c>
      <c r="AC4" s="551"/>
      <c r="AD4" s="551"/>
      <c r="AE4" s="551"/>
      <c r="AF4" s="551"/>
      <c r="AG4" s="551"/>
      <c r="AH4" s="552"/>
      <c r="AI4" s="553" t="s">
        <v>52</v>
      </c>
      <c r="AJ4" s="555" t="s">
        <v>61</v>
      </c>
      <c r="AK4" s="551"/>
      <c r="AL4" s="552"/>
      <c r="AM4" s="550" t="s">
        <v>62</v>
      </c>
      <c r="AN4" s="551"/>
      <c r="AO4" s="551"/>
      <c r="AP4" s="551"/>
      <c r="AQ4" s="551"/>
      <c r="AR4" s="551"/>
      <c r="AS4" s="552"/>
      <c r="AT4" s="553" t="s">
        <v>52</v>
      </c>
      <c r="AU4" s="555" t="s">
        <v>61</v>
      </c>
      <c r="AV4" s="551"/>
      <c r="AW4" s="559"/>
      <c r="AX4" s="550" t="s">
        <v>62</v>
      </c>
      <c r="AY4" s="551"/>
      <c r="AZ4" s="551"/>
      <c r="BA4" s="551"/>
      <c r="BB4" s="551"/>
      <c r="BC4" s="551"/>
      <c r="BD4" s="559"/>
      <c r="BE4" s="553" t="s">
        <v>52</v>
      </c>
      <c r="BF4" s="555" t="s">
        <v>61</v>
      </c>
      <c r="BG4" s="551"/>
      <c r="BH4" s="552"/>
      <c r="BI4" s="550" t="s">
        <v>62</v>
      </c>
      <c r="BJ4" s="551"/>
      <c r="BK4" s="551"/>
      <c r="BL4" s="551"/>
      <c r="BM4" s="551"/>
      <c r="BN4" s="551"/>
      <c r="BO4" s="552"/>
      <c r="BP4" s="553" t="s">
        <v>52</v>
      </c>
      <c r="BQ4" s="555" t="s">
        <v>61</v>
      </c>
      <c r="BR4" s="551"/>
      <c r="BS4" s="552"/>
      <c r="BT4" s="550" t="s">
        <v>62</v>
      </c>
      <c r="BU4" s="551"/>
      <c r="BV4" s="551"/>
      <c r="BW4" s="551"/>
      <c r="BX4" s="551"/>
      <c r="BY4" s="551"/>
      <c r="BZ4" s="552"/>
      <c r="CA4" s="553" t="s">
        <v>52</v>
      </c>
      <c r="CB4" s="555" t="s">
        <v>61</v>
      </c>
      <c r="CC4" s="551"/>
      <c r="CD4" s="552"/>
      <c r="CE4" s="550" t="s">
        <v>62</v>
      </c>
      <c r="CF4" s="551"/>
      <c r="CG4" s="551"/>
      <c r="CH4" s="551"/>
      <c r="CI4" s="551"/>
      <c r="CJ4" s="551"/>
      <c r="CK4" s="552"/>
      <c r="CL4" s="553" t="s">
        <v>52</v>
      </c>
      <c r="CM4" s="555" t="s">
        <v>61</v>
      </c>
      <c r="CN4" s="551"/>
      <c r="CO4" s="552"/>
      <c r="CP4" s="550" t="s">
        <v>62</v>
      </c>
      <c r="CQ4" s="551"/>
      <c r="CR4" s="551"/>
      <c r="CS4" s="551"/>
      <c r="CT4" s="551"/>
      <c r="CU4" s="551"/>
      <c r="CV4" s="552"/>
      <c r="CW4" s="553" t="s">
        <v>52</v>
      </c>
      <c r="CX4" s="555" t="s">
        <v>61</v>
      </c>
      <c r="CY4" s="551"/>
      <c r="CZ4" s="552"/>
      <c r="DA4" s="550" t="s">
        <v>62</v>
      </c>
      <c r="DB4" s="551"/>
      <c r="DC4" s="551"/>
      <c r="DD4" s="551"/>
      <c r="DE4" s="551"/>
      <c r="DF4" s="551"/>
      <c r="DG4" s="552"/>
      <c r="DH4" s="553" t="s">
        <v>52</v>
      </c>
    </row>
    <row r="5" spans="2:112" ht="30" customHeight="1" thickBot="1" x14ac:dyDescent="0.25">
      <c r="B5" s="565"/>
      <c r="C5" s="245" t="s">
        <v>43</v>
      </c>
      <c r="D5" s="243" t="s">
        <v>44</v>
      </c>
      <c r="E5" s="354" t="s">
        <v>45</v>
      </c>
      <c r="F5" s="248" t="s">
        <v>83</v>
      </c>
      <c r="G5" s="243" t="s">
        <v>47</v>
      </c>
      <c r="H5" s="243" t="s">
        <v>48</v>
      </c>
      <c r="I5" s="243" t="s">
        <v>49</v>
      </c>
      <c r="J5" s="243" t="s">
        <v>50</v>
      </c>
      <c r="K5" s="243" t="s">
        <v>51</v>
      </c>
      <c r="L5" s="249" t="s">
        <v>45</v>
      </c>
      <c r="M5" s="554"/>
      <c r="N5" s="245" t="s">
        <v>43</v>
      </c>
      <c r="O5" s="243" t="s">
        <v>44</v>
      </c>
      <c r="P5" s="246" t="s">
        <v>45</v>
      </c>
      <c r="Q5" s="248" t="s">
        <v>83</v>
      </c>
      <c r="R5" s="243" t="s">
        <v>47</v>
      </c>
      <c r="S5" s="243" t="s">
        <v>48</v>
      </c>
      <c r="T5" s="243" t="s">
        <v>49</v>
      </c>
      <c r="U5" s="243" t="s">
        <v>50</v>
      </c>
      <c r="V5" s="243" t="s">
        <v>51</v>
      </c>
      <c r="W5" s="246" t="s">
        <v>45</v>
      </c>
      <c r="X5" s="554"/>
      <c r="Y5" s="288" t="s">
        <v>43</v>
      </c>
      <c r="Z5" s="243" t="s">
        <v>44</v>
      </c>
      <c r="AA5" s="249" t="s">
        <v>45</v>
      </c>
      <c r="AB5" s="248" t="s">
        <v>83</v>
      </c>
      <c r="AC5" s="243" t="s">
        <v>47</v>
      </c>
      <c r="AD5" s="243" t="s">
        <v>48</v>
      </c>
      <c r="AE5" s="243" t="s">
        <v>49</v>
      </c>
      <c r="AF5" s="243" t="s">
        <v>50</v>
      </c>
      <c r="AG5" s="243" t="s">
        <v>51</v>
      </c>
      <c r="AH5" s="246" t="s">
        <v>45</v>
      </c>
      <c r="AI5" s="554"/>
      <c r="AJ5" s="244" t="s">
        <v>43</v>
      </c>
      <c r="AK5" s="243" t="s">
        <v>44</v>
      </c>
      <c r="AL5" s="246" t="s">
        <v>45</v>
      </c>
      <c r="AM5" s="248" t="s">
        <v>83</v>
      </c>
      <c r="AN5" s="243" t="s">
        <v>47</v>
      </c>
      <c r="AO5" s="243" t="s">
        <v>48</v>
      </c>
      <c r="AP5" s="243" t="s">
        <v>49</v>
      </c>
      <c r="AQ5" s="243" t="s">
        <v>50</v>
      </c>
      <c r="AR5" s="243" t="s">
        <v>51</v>
      </c>
      <c r="AS5" s="246" t="s">
        <v>45</v>
      </c>
      <c r="AT5" s="554"/>
      <c r="AU5" s="288" t="s">
        <v>43</v>
      </c>
      <c r="AV5" s="243" t="s">
        <v>44</v>
      </c>
      <c r="AW5" s="249" t="s">
        <v>45</v>
      </c>
      <c r="AX5" s="248" t="s">
        <v>83</v>
      </c>
      <c r="AY5" s="243" t="s">
        <v>47</v>
      </c>
      <c r="AZ5" s="243" t="s">
        <v>48</v>
      </c>
      <c r="BA5" s="243" t="s">
        <v>49</v>
      </c>
      <c r="BB5" s="243" t="s">
        <v>50</v>
      </c>
      <c r="BC5" s="243" t="s">
        <v>51</v>
      </c>
      <c r="BD5" s="249" t="s">
        <v>45</v>
      </c>
      <c r="BE5" s="554"/>
      <c r="BF5" s="288" t="s">
        <v>43</v>
      </c>
      <c r="BG5" s="243" t="s">
        <v>44</v>
      </c>
      <c r="BH5" s="246" t="s">
        <v>45</v>
      </c>
      <c r="BI5" s="248" t="s">
        <v>83</v>
      </c>
      <c r="BJ5" s="243" t="s">
        <v>47</v>
      </c>
      <c r="BK5" s="243" t="s">
        <v>48</v>
      </c>
      <c r="BL5" s="243" t="s">
        <v>49</v>
      </c>
      <c r="BM5" s="243" t="s">
        <v>50</v>
      </c>
      <c r="BN5" s="243" t="s">
        <v>51</v>
      </c>
      <c r="BO5" s="246" t="s">
        <v>45</v>
      </c>
      <c r="BP5" s="554"/>
      <c r="BQ5" s="288" t="s">
        <v>43</v>
      </c>
      <c r="BR5" s="243" t="s">
        <v>44</v>
      </c>
      <c r="BS5" s="246" t="s">
        <v>45</v>
      </c>
      <c r="BT5" s="248" t="s">
        <v>83</v>
      </c>
      <c r="BU5" s="243" t="s">
        <v>47</v>
      </c>
      <c r="BV5" s="243" t="s">
        <v>48</v>
      </c>
      <c r="BW5" s="243" t="s">
        <v>49</v>
      </c>
      <c r="BX5" s="243" t="s">
        <v>50</v>
      </c>
      <c r="BY5" s="243" t="s">
        <v>51</v>
      </c>
      <c r="BZ5" s="246" t="s">
        <v>45</v>
      </c>
      <c r="CA5" s="554"/>
      <c r="CB5" s="288" t="s">
        <v>43</v>
      </c>
      <c r="CC5" s="243" t="s">
        <v>44</v>
      </c>
      <c r="CD5" s="246" t="s">
        <v>45</v>
      </c>
      <c r="CE5" s="248" t="s">
        <v>83</v>
      </c>
      <c r="CF5" s="243" t="s">
        <v>47</v>
      </c>
      <c r="CG5" s="243" t="s">
        <v>48</v>
      </c>
      <c r="CH5" s="243" t="s">
        <v>49</v>
      </c>
      <c r="CI5" s="243" t="s">
        <v>50</v>
      </c>
      <c r="CJ5" s="243" t="s">
        <v>51</v>
      </c>
      <c r="CK5" s="246" t="s">
        <v>45</v>
      </c>
      <c r="CL5" s="554"/>
      <c r="CM5" s="288" t="s">
        <v>43</v>
      </c>
      <c r="CN5" s="243" t="s">
        <v>44</v>
      </c>
      <c r="CO5" s="246" t="s">
        <v>45</v>
      </c>
      <c r="CP5" s="248" t="s">
        <v>83</v>
      </c>
      <c r="CQ5" s="243" t="s">
        <v>47</v>
      </c>
      <c r="CR5" s="243" t="s">
        <v>48</v>
      </c>
      <c r="CS5" s="243" t="s">
        <v>49</v>
      </c>
      <c r="CT5" s="243" t="s">
        <v>50</v>
      </c>
      <c r="CU5" s="243" t="s">
        <v>51</v>
      </c>
      <c r="CV5" s="246" t="s">
        <v>45</v>
      </c>
      <c r="CW5" s="554"/>
      <c r="CX5" s="337" t="s">
        <v>43</v>
      </c>
      <c r="CY5" s="243" t="s">
        <v>44</v>
      </c>
      <c r="CZ5" s="246" t="s">
        <v>45</v>
      </c>
      <c r="DA5" s="248" t="s">
        <v>83</v>
      </c>
      <c r="DB5" s="243" t="s">
        <v>47</v>
      </c>
      <c r="DC5" s="243" t="s">
        <v>48</v>
      </c>
      <c r="DD5" s="243" t="s">
        <v>49</v>
      </c>
      <c r="DE5" s="243" t="s">
        <v>50</v>
      </c>
      <c r="DF5" s="243" t="s">
        <v>51</v>
      </c>
      <c r="DG5" s="246" t="s">
        <v>45</v>
      </c>
      <c r="DH5" s="554"/>
    </row>
    <row r="6" spans="2:112" ht="21" customHeight="1" x14ac:dyDescent="0.2">
      <c r="B6" s="466" t="s">
        <v>4</v>
      </c>
      <c r="C6" s="250">
        <v>0</v>
      </c>
      <c r="D6" s="254">
        <v>0</v>
      </c>
      <c r="E6" s="355">
        <v>0</v>
      </c>
      <c r="F6" s="253">
        <v>0</v>
      </c>
      <c r="G6" s="254">
        <v>212487</v>
      </c>
      <c r="H6" s="254">
        <v>346538</v>
      </c>
      <c r="I6" s="254">
        <v>368430</v>
      </c>
      <c r="J6" s="254">
        <v>443115</v>
      </c>
      <c r="K6" s="254">
        <v>421851</v>
      </c>
      <c r="L6" s="255">
        <v>1792421</v>
      </c>
      <c r="M6" s="256">
        <v>1792421</v>
      </c>
      <c r="N6" s="250">
        <v>9</v>
      </c>
      <c r="O6" s="254">
        <v>54</v>
      </c>
      <c r="P6" s="251">
        <v>63</v>
      </c>
      <c r="Q6" s="253">
        <v>0</v>
      </c>
      <c r="R6" s="254">
        <v>384</v>
      </c>
      <c r="S6" s="254">
        <v>1791</v>
      </c>
      <c r="T6" s="254">
        <v>3772</v>
      </c>
      <c r="U6" s="254">
        <v>9496</v>
      </c>
      <c r="V6" s="254">
        <v>18586</v>
      </c>
      <c r="W6" s="251">
        <v>34029</v>
      </c>
      <c r="X6" s="256">
        <v>34092</v>
      </c>
      <c r="Y6" s="250">
        <v>14349</v>
      </c>
      <c r="Z6" s="254">
        <v>45872</v>
      </c>
      <c r="AA6" s="251">
        <v>60221</v>
      </c>
      <c r="AB6" s="253">
        <v>0</v>
      </c>
      <c r="AC6" s="254">
        <v>112376</v>
      </c>
      <c r="AD6" s="254">
        <v>182877</v>
      </c>
      <c r="AE6" s="254">
        <v>113752</v>
      </c>
      <c r="AF6" s="254">
        <v>97794</v>
      </c>
      <c r="AG6" s="254">
        <v>78559</v>
      </c>
      <c r="AH6" s="251">
        <v>585358</v>
      </c>
      <c r="AI6" s="256">
        <v>645579</v>
      </c>
      <c r="AJ6" s="250">
        <v>2309</v>
      </c>
      <c r="AK6" s="254">
        <v>8945</v>
      </c>
      <c r="AL6" s="251">
        <v>11254</v>
      </c>
      <c r="AM6" s="253">
        <v>0</v>
      </c>
      <c r="AN6" s="254">
        <v>13949</v>
      </c>
      <c r="AO6" s="254">
        <v>22734</v>
      </c>
      <c r="AP6" s="254">
        <v>14923</v>
      </c>
      <c r="AQ6" s="254">
        <v>12576</v>
      </c>
      <c r="AR6" s="254">
        <v>7682</v>
      </c>
      <c r="AS6" s="251">
        <v>71864</v>
      </c>
      <c r="AT6" s="256">
        <v>83118</v>
      </c>
      <c r="AU6" s="250">
        <v>0</v>
      </c>
      <c r="AV6" s="254">
        <v>0</v>
      </c>
      <c r="AW6" s="251">
        <v>0</v>
      </c>
      <c r="AX6" s="253">
        <v>0</v>
      </c>
      <c r="AY6" s="254">
        <v>188398</v>
      </c>
      <c r="AZ6" s="254">
        <v>201041</v>
      </c>
      <c r="BA6" s="254">
        <v>120434</v>
      </c>
      <c r="BB6" s="254">
        <v>69949</v>
      </c>
      <c r="BC6" s="254">
        <v>31929</v>
      </c>
      <c r="BD6" s="255">
        <v>611751</v>
      </c>
      <c r="BE6" s="256">
        <v>611751</v>
      </c>
      <c r="BF6" s="250">
        <v>0</v>
      </c>
      <c r="BG6" s="254">
        <v>0</v>
      </c>
      <c r="BH6" s="251">
        <v>0</v>
      </c>
      <c r="BI6" s="253">
        <v>0</v>
      </c>
      <c r="BJ6" s="254">
        <v>31835</v>
      </c>
      <c r="BK6" s="254">
        <v>48137</v>
      </c>
      <c r="BL6" s="254">
        <v>29614</v>
      </c>
      <c r="BM6" s="254">
        <v>17997</v>
      </c>
      <c r="BN6" s="254">
        <v>6446</v>
      </c>
      <c r="BO6" s="251">
        <v>134029</v>
      </c>
      <c r="BP6" s="256">
        <v>134029</v>
      </c>
      <c r="BQ6" s="250">
        <v>300</v>
      </c>
      <c r="BR6" s="254">
        <v>1215</v>
      </c>
      <c r="BS6" s="251">
        <v>1515</v>
      </c>
      <c r="BT6" s="253">
        <v>0</v>
      </c>
      <c r="BU6" s="254">
        <v>16393</v>
      </c>
      <c r="BV6" s="254">
        <v>31778</v>
      </c>
      <c r="BW6" s="254">
        <v>52433</v>
      </c>
      <c r="BX6" s="254">
        <v>41191</v>
      </c>
      <c r="BY6" s="254">
        <v>21578</v>
      </c>
      <c r="BZ6" s="251">
        <v>163373</v>
      </c>
      <c r="CA6" s="256">
        <v>164888</v>
      </c>
      <c r="CB6" s="250">
        <v>22</v>
      </c>
      <c r="CC6" s="254">
        <v>113</v>
      </c>
      <c r="CD6" s="251">
        <v>135</v>
      </c>
      <c r="CE6" s="253">
        <v>0</v>
      </c>
      <c r="CF6" s="254">
        <v>1409</v>
      </c>
      <c r="CG6" s="254">
        <v>3613</v>
      </c>
      <c r="CH6" s="254">
        <v>4618</v>
      </c>
      <c r="CI6" s="254">
        <v>4836</v>
      </c>
      <c r="CJ6" s="254">
        <v>2949</v>
      </c>
      <c r="CK6" s="251">
        <v>17425</v>
      </c>
      <c r="CL6" s="256">
        <v>17560</v>
      </c>
      <c r="CM6" s="250">
        <v>0</v>
      </c>
      <c r="CN6" s="254">
        <v>0</v>
      </c>
      <c r="CO6" s="251">
        <v>0</v>
      </c>
      <c r="CP6" s="253">
        <v>0</v>
      </c>
      <c r="CQ6" s="254">
        <v>0</v>
      </c>
      <c r="CR6" s="254">
        <v>0</v>
      </c>
      <c r="CS6" s="254">
        <v>0</v>
      </c>
      <c r="CT6" s="254">
        <v>0</v>
      </c>
      <c r="CU6" s="254">
        <v>5</v>
      </c>
      <c r="CV6" s="251">
        <v>5</v>
      </c>
      <c r="CW6" s="256">
        <v>5</v>
      </c>
      <c r="CX6" s="250">
        <v>0</v>
      </c>
      <c r="CY6" s="254">
        <v>0</v>
      </c>
      <c r="CZ6" s="251">
        <v>0</v>
      </c>
      <c r="DA6" s="253">
        <v>0</v>
      </c>
      <c r="DB6" s="254">
        <v>0</v>
      </c>
      <c r="DC6" s="254">
        <v>0</v>
      </c>
      <c r="DD6" s="254">
        <v>0</v>
      </c>
      <c r="DE6" s="254">
        <v>0</v>
      </c>
      <c r="DF6" s="254">
        <v>0</v>
      </c>
      <c r="DG6" s="251">
        <v>0</v>
      </c>
      <c r="DH6" s="256">
        <v>0</v>
      </c>
    </row>
    <row r="7" spans="2:112" ht="21" customHeight="1" x14ac:dyDescent="0.2">
      <c r="B7" s="467" t="s">
        <v>5</v>
      </c>
      <c r="C7" s="257">
        <v>0</v>
      </c>
      <c r="D7" s="261">
        <v>0</v>
      </c>
      <c r="E7" s="356">
        <v>0</v>
      </c>
      <c r="F7" s="260">
        <v>0</v>
      </c>
      <c r="G7" s="261">
        <v>68227</v>
      </c>
      <c r="H7" s="261">
        <v>149575</v>
      </c>
      <c r="I7" s="261">
        <v>135598</v>
      </c>
      <c r="J7" s="261">
        <v>155575</v>
      </c>
      <c r="K7" s="261">
        <v>154887</v>
      </c>
      <c r="L7" s="262">
        <v>663862</v>
      </c>
      <c r="M7" s="263">
        <v>663862</v>
      </c>
      <c r="N7" s="257">
        <v>7</v>
      </c>
      <c r="O7" s="261">
        <v>25</v>
      </c>
      <c r="P7" s="258">
        <v>32</v>
      </c>
      <c r="Q7" s="260">
        <v>0</v>
      </c>
      <c r="R7" s="261">
        <v>70</v>
      </c>
      <c r="S7" s="261">
        <v>617</v>
      </c>
      <c r="T7" s="261">
        <v>1483</v>
      </c>
      <c r="U7" s="261">
        <v>3776</v>
      </c>
      <c r="V7" s="261">
        <v>8249</v>
      </c>
      <c r="W7" s="258">
        <v>14195</v>
      </c>
      <c r="X7" s="263">
        <v>14227</v>
      </c>
      <c r="Y7" s="257">
        <v>6077</v>
      </c>
      <c r="Z7" s="261">
        <v>24040</v>
      </c>
      <c r="AA7" s="258">
        <v>30117</v>
      </c>
      <c r="AB7" s="260">
        <v>0</v>
      </c>
      <c r="AC7" s="261">
        <v>38965</v>
      </c>
      <c r="AD7" s="261">
        <v>95643</v>
      </c>
      <c r="AE7" s="261">
        <v>58002</v>
      </c>
      <c r="AF7" s="261">
        <v>46200</v>
      </c>
      <c r="AG7" s="261">
        <v>36266</v>
      </c>
      <c r="AH7" s="258">
        <v>275076</v>
      </c>
      <c r="AI7" s="263">
        <v>305193</v>
      </c>
      <c r="AJ7" s="257">
        <v>745</v>
      </c>
      <c r="AK7" s="261">
        <v>4459</v>
      </c>
      <c r="AL7" s="258">
        <v>5204</v>
      </c>
      <c r="AM7" s="260">
        <v>0</v>
      </c>
      <c r="AN7" s="261">
        <v>3291</v>
      </c>
      <c r="AO7" s="261">
        <v>8859</v>
      </c>
      <c r="AP7" s="261">
        <v>6231</v>
      </c>
      <c r="AQ7" s="261">
        <v>5036</v>
      </c>
      <c r="AR7" s="261">
        <v>3029</v>
      </c>
      <c r="AS7" s="258">
        <v>26446</v>
      </c>
      <c r="AT7" s="263">
        <v>31650</v>
      </c>
      <c r="AU7" s="257">
        <v>0</v>
      </c>
      <c r="AV7" s="261">
        <v>0</v>
      </c>
      <c r="AW7" s="258">
        <v>0</v>
      </c>
      <c r="AX7" s="260">
        <v>0</v>
      </c>
      <c r="AY7" s="261">
        <v>56700</v>
      </c>
      <c r="AZ7" s="261">
        <v>79993</v>
      </c>
      <c r="BA7" s="261">
        <v>42120</v>
      </c>
      <c r="BB7" s="261">
        <v>23072</v>
      </c>
      <c r="BC7" s="261">
        <v>10991</v>
      </c>
      <c r="BD7" s="262">
        <v>212876</v>
      </c>
      <c r="BE7" s="263">
        <v>212876</v>
      </c>
      <c r="BF7" s="257">
        <v>0</v>
      </c>
      <c r="BG7" s="261">
        <v>0</v>
      </c>
      <c r="BH7" s="258">
        <v>0</v>
      </c>
      <c r="BI7" s="260">
        <v>0</v>
      </c>
      <c r="BJ7" s="261">
        <v>9274</v>
      </c>
      <c r="BK7" s="261">
        <v>21352</v>
      </c>
      <c r="BL7" s="261">
        <v>12759</v>
      </c>
      <c r="BM7" s="261">
        <v>7797</v>
      </c>
      <c r="BN7" s="261">
        <v>2732</v>
      </c>
      <c r="BO7" s="258">
        <v>53914</v>
      </c>
      <c r="BP7" s="263">
        <v>53914</v>
      </c>
      <c r="BQ7" s="257">
        <v>86</v>
      </c>
      <c r="BR7" s="261">
        <v>508</v>
      </c>
      <c r="BS7" s="258">
        <v>594</v>
      </c>
      <c r="BT7" s="260">
        <v>0</v>
      </c>
      <c r="BU7" s="261">
        <v>4737</v>
      </c>
      <c r="BV7" s="261">
        <v>11778</v>
      </c>
      <c r="BW7" s="261">
        <v>20021</v>
      </c>
      <c r="BX7" s="261">
        <v>14285</v>
      </c>
      <c r="BY7" s="261">
        <v>8311</v>
      </c>
      <c r="BZ7" s="258">
        <v>59132</v>
      </c>
      <c r="CA7" s="263">
        <v>59726</v>
      </c>
      <c r="CB7" s="257">
        <v>3</v>
      </c>
      <c r="CC7" s="261">
        <v>74</v>
      </c>
      <c r="CD7" s="258">
        <v>77</v>
      </c>
      <c r="CE7" s="260">
        <v>0</v>
      </c>
      <c r="CF7" s="261">
        <v>495</v>
      </c>
      <c r="CG7" s="261">
        <v>2167</v>
      </c>
      <c r="CH7" s="261">
        <v>2700</v>
      </c>
      <c r="CI7" s="261">
        <v>2714</v>
      </c>
      <c r="CJ7" s="261">
        <v>1754</v>
      </c>
      <c r="CK7" s="258">
        <v>9830</v>
      </c>
      <c r="CL7" s="263">
        <v>9907</v>
      </c>
      <c r="CM7" s="257">
        <v>0</v>
      </c>
      <c r="CN7" s="261">
        <v>0</v>
      </c>
      <c r="CO7" s="258">
        <v>0</v>
      </c>
      <c r="CP7" s="260">
        <v>0</v>
      </c>
      <c r="CQ7" s="261">
        <v>0</v>
      </c>
      <c r="CR7" s="261">
        <v>0</v>
      </c>
      <c r="CS7" s="261">
        <v>0</v>
      </c>
      <c r="CT7" s="261">
        <v>0</v>
      </c>
      <c r="CU7" s="261">
        <v>5</v>
      </c>
      <c r="CV7" s="258">
        <v>5</v>
      </c>
      <c r="CW7" s="263">
        <v>5</v>
      </c>
      <c r="CX7" s="257">
        <v>0</v>
      </c>
      <c r="CY7" s="261">
        <v>0</v>
      </c>
      <c r="CZ7" s="258">
        <v>0</v>
      </c>
      <c r="DA7" s="260">
        <v>0</v>
      </c>
      <c r="DB7" s="261">
        <v>0</v>
      </c>
      <c r="DC7" s="261">
        <v>0</v>
      </c>
      <c r="DD7" s="261">
        <v>0</v>
      </c>
      <c r="DE7" s="261">
        <v>0</v>
      </c>
      <c r="DF7" s="261">
        <v>0</v>
      </c>
      <c r="DG7" s="258">
        <v>0</v>
      </c>
      <c r="DH7" s="263">
        <v>0</v>
      </c>
    </row>
    <row r="8" spans="2:112" ht="21" customHeight="1" x14ac:dyDescent="0.2">
      <c r="B8" s="468" t="s">
        <v>6</v>
      </c>
      <c r="C8" s="257">
        <v>0</v>
      </c>
      <c r="D8" s="261">
        <v>0</v>
      </c>
      <c r="E8" s="356">
        <v>0</v>
      </c>
      <c r="F8" s="260">
        <v>0</v>
      </c>
      <c r="G8" s="261">
        <v>38480</v>
      </c>
      <c r="H8" s="261">
        <v>49681</v>
      </c>
      <c r="I8" s="261">
        <v>51081</v>
      </c>
      <c r="J8" s="261">
        <v>68092</v>
      </c>
      <c r="K8" s="261">
        <v>70355</v>
      </c>
      <c r="L8" s="262">
        <v>277689</v>
      </c>
      <c r="M8" s="263">
        <v>277689</v>
      </c>
      <c r="N8" s="257">
        <v>2</v>
      </c>
      <c r="O8" s="261">
        <v>6</v>
      </c>
      <c r="P8" s="258">
        <v>8</v>
      </c>
      <c r="Q8" s="260">
        <v>0</v>
      </c>
      <c r="R8" s="261">
        <v>69</v>
      </c>
      <c r="S8" s="261">
        <v>247</v>
      </c>
      <c r="T8" s="261">
        <v>496</v>
      </c>
      <c r="U8" s="261">
        <v>1195</v>
      </c>
      <c r="V8" s="261">
        <v>2719</v>
      </c>
      <c r="W8" s="258">
        <v>4726</v>
      </c>
      <c r="X8" s="263">
        <v>4734</v>
      </c>
      <c r="Y8" s="257">
        <v>2581</v>
      </c>
      <c r="Z8" s="261">
        <v>6874</v>
      </c>
      <c r="AA8" s="258">
        <v>9455</v>
      </c>
      <c r="AB8" s="260">
        <v>0</v>
      </c>
      <c r="AC8" s="261">
        <v>25154</v>
      </c>
      <c r="AD8" s="261">
        <v>27618</v>
      </c>
      <c r="AE8" s="261">
        <v>16813</v>
      </c>
      <c r="AF8" s="261">
        <v>15029</v>
      </c>
      <c r="AG8" s="261">
        <v>12685</v>
      </c>
      <c r="AH8" s="258">
        <v>97299</v>
      </c>
      <c r="AI8" s="263">
        <v>106754</v>
      </c>
      <c r="AJ8" s="257">
        <v>202</v>
      </c>
      <c r="AK8" s="261">
        <v>689</v>
      </c>
      <c r="AL8" s="258">
        <v>891</v>
      </c>
      <c r="AM8" s="260">
        <v>0</v>
      </c>
      <c r="AN8" s="261">
        <v>2266</v>
      </c>
      <c r="AO8" s="261">
        <v>2627</v>
      </c>
      <c r="AP8" s="261">
        <v>1488</v>
      </c>
      <c r="AQ8" s="261">
        <v>1439</v>
      </c>
      <c r="AR8" s="261">
        <v>938</v>
      </c>
      <c r="AS8" s="258">
        <v>8758</v>
      </c>
      <c r="AT8" s="263">
        <v>9649</v>
      </c>
      <c r="AU8" s="257">
        <v>0</v>
      </c>
      <c r="AV8" s="261">
        <v>0</v>
      </c>
      <c r="AW8" s="258">
        <v>0</v>
      </c>
      <c r="AX8" s="260">
        <v>0</v>
      </c>
      <c r="AY8" s="261">
        <v>31389</v>
      </c>
      <c r="AZ8" s="261">
        <v>27754</v>
      </c>
      <c r="BA8" s="261">
        <v>16876</v>
      </c>
      <c r="BB8" s="261">
        <v>10224</v>
      </c>
      <c r="BC8" s="261">
        <v>4738</v>
      </c>
      <c r="BD8" s="262">
        <v>90981</v>
      </c>
      <c r="BE8" s="263">
        <v>90981</v>
      </c>
      <c r="BF8" s="257">
        <v>0</v>
      </c>
      <c r="BG8" s="261">
        <v>0</v>
      </c>
      <c r="BH8" s="258">
        <v>0</v>
      </c>
      <c r="BI8" s="260">
        <v>0</v>
      </c>
      <c r="BJ8" s="261">
        <v>4576</v>
      </c>
      <c r="BK8" s="261">
        <v>5395</v>
      </c>
      <c r="BL8" s="261">
        <v>3870</v>
      </c>
      <c r="BM8" s="261">
        <v>2375</v>
      </c>
      <c r="BN8" s="261">
        <v>945</v>
      </c>
      <c r="BO8" s="258">
        <v>17161</v>
      </c>
      <c r="BP8" s="263">
        <v>17161</v>
      </c>
      <c r="BQ8" s="257">
        <v>16</v>
      </c>
      <c r="BR8" s="261">
        <v>81</v>
      </c>
      <c r="BS8" s="258">
        <v>97</v>
      </c>
      <c r="BT8" s="260">
        <v>0</v>
      </c>
      <c r="BU8" s="261">
        <v>1939</v>
      </c>
      <c r="BV8" s="261">
        <v>3536</v>
      </c>
      <c r="BW8" s="261">
        <v>5477</v>
      </c>
      <c r="BX8" s="261">
        <v>4478</v>
      </c>
      <c r="BY8" s="261">
        <v>2698</v>
      </c>
      <c r="BZ8" s="258">
        <v>18128</v>
      </c>
      <c r="CA8" s="263">
        <v>18225</v>
      </c>
      <c r="CB8" s="257">
        <v>0</v>
      </c>
      <c r="CC8" s="261">
        <v>9</v>
      </c>
      <c r="CD8" s="258">
        <v>9</v>
      </c>
      <c r="CE8" s="260">
        <v>0</v>
      </c>
      <c r="CF8" s="261">
        <v>192</v>
      </c>
      <c r="CG8" s="261">
        <v>371</v>
      </c>
      <c r="CH8" s="261">
        <v>547</v>
      </c>
      <c r="CI8" s="261">
        <v>688</v>
      </c>
      <c r="CJ8" s="261">
        <v>364</v>
      </c>
      <c r="CK8" s="258">
        <v>2162</v>
      </c>
      <c r="CL8" s="263">
        <v>2171</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68" t="s">
        <v>14</v>
      </c>
      <c r="C9" s="257">
        <v>0</v>
      </c>
      <c r="D9" s="261">
        <v>0</v>
      </c>
      <c r="E9" s="356">
        <v>0</v>
      </c>
      <c r="F9" s="260">
        <v>0</v>
      </c>
      <c r="G9" s="261">
        <v>13631</v>
      </c>
      <c r="H9" s="261">
        <v>26093</v>
      </c>
      <c r="I9" s="261">
        <v>31709</v>
      </c>
      <c r="J9" s="261">
        <v>35941</v>
      </c>
      <c r="K9" s="261">
        <v>29151</v>
      </c>
      <c r="L9" s="262">
        <v>136525</v>
      </c>
      <c r="M9" s="263">
        <v>136525</v>
      </c>
      <c r="N9" s="257">
        <v>0</v>
      </c>
      <c r="O9" s="261">
        <v>6</v>
      </c>
      <c r="P9" s="258">
        <v>6</v>
      </c>
      <c r="Q9" s="260">
        <v>0</v>
      </c>
      <c r="R9" s="261">
        <v>2</v>
      </c>
      <c r="S9" s="261">
        <v>82</v>
      </c>
      <c r="T9" s="261">
        <v>246</v>
      </c>
      <c r="U9" s="261">
        <v>711</v>
      </c>
      <c r="V9" s="261">
        <v>1131</v>
      </c>
      <c r="W9" s="258">
        <v>2172</v>
      </c>
      <c r="X9" s="263">
        <v>2178</v>
      </c>
      <c r="Y9" s="257">
        <v>693</v>
      </c>
      <c r="Z9" s="261">
        <v>3217</v>
      </c>
      <c r="AA9" s="258">
        <v>3910</v>
      </c>
      <c r="AB9" s="260">
        <v>0</v>
      </c>
      <c r="AC9" s="261">
        <v>5839</v>
      </c>
      <c r="AD9" s="261">
        <v>12511</v>
      </c>
      <c r="AE9" s="261">
        <v>8750</v>
      </c>
      <c r="AF9" s="261">
        <v>7651</v>
      </c>
      <c r="AG9" s="261">
        <v>5539</v>
      </c>
      <c r="AH9" s="258">
        <v>40290</v>
      </c>
      <c r="AI9" s="263">
        <v>44200</v>
      </c>
      <c r="AJ9" s="257">
        <v>52</v>
      </c>
      <c r="AK9" s="261">
        <v>452</v>
      </c>
      <c r="AL9" s="258">
        <v>504</v>
      </c>
      <c r="AM9" s="260">
        <v>0</v>
      </c>
      <c r="AN9" s="261">
        <v>374</v>
      </c>
      <c r="AO9" s="261">
        <v>1023</v>
      </c>
      <c r="AP9" s="261">
        <v>640</v>
      </c>
      <c r="AQ9" s="261">
        <v>545</v>
      </c>
      <c r="AR9" s="261">
        <v>269</v>
      </c>
      <c r="AS9" s="258">
        <v>2851</v>
      </c>
      <c r="AT9" s="263">
        <v>3355</v>
      </c>
      <c r="AU9" s="257">
        <v>0</v>
      </c>
      <c r="AV9" s="261">
        <v>0</v>
      </c>
      <c r="AW9" s="258">
        <v>0</v>
      </c>
      <c r="AX9" s="260">
        <v>0</v>
      </c>
      <c r="AY9" s="261">
        <v>14337</v>
      </c>
      <c r="AZ9" s="261">
        <v>17771</v>
      </c>
      <c r="BA9" s="261">
        <v>12607</v>
      </c>
      <c r="BB9" s="261">
        <v>7052</v>
      </c>
      <c r="BC9" s="261">
        <v>2890</v>
      </c>
      <c r="BD9" s="262">
        <v>54657</v>
      </c>
      <c r="BE9" s="263">
        <v>54657</v>
      </c>
      <c r="BF9" s="257">
        <v>0</v>
      </c>
      <c r="BG9" s="261">
        <v>0</v>
      </c>
      <c r="BH9" s="258">
        <v>0</v>
      </c>
      <c r="BI9" s="260">
        <v>0</v>
      </c>
      <c r="BJ9" s="261">
        <v>1022</v>
      </c>
      <c r="BK9" s="261">
        <v>2987</v>
      </c>
      <c r="BL9" s="261">
        <v>1911</v>
      </c>
      <c r="BM9" s="261">
        <v>1171</v>
      </c>
      <c r="BN9" s="261">
        <v>364</v>
      </c>
      <c r="BO9" s="258">
        <v>7455</v>
      </c>
      <c r="BP9" s="263">
        <v>7455</v>
      </c>
      <c r="BQ9" s="257">
        <v>18</v>
      </c>
      <c r="BR9" s="261">
        <v>67</v>
      </c>
      <c r="BS9" s="258">
        <v>85</v>
      </c>
      <c r="BT9" s="260">
        <v>0</v>
      </c>
      <c r="BU9" s="261">
        <v>966</v>
      </c>
      <c r="BV9" s="261">
        <v>2400</v>
      </c>
      <c r="BW9" s="261">
        <v>4902</v>
      </c>
      <c r="BX9" s="261">
        <v>4583</v>
      </c>
      <c r="BY9" s="261">
        <v>2078</v>
      </c>
      <c r="BZ9" s="258">
        <v>14929</v>
      </c>
      <c r="CA9" s="263">
        <v>15014</v>
      </c>
      <c r="CB9" s="257">
        <v>0</v>
      </c>
      <c r="CC9" s="261">
        <v>3</v>
      </c>
      <c r="CD9" s="258">
        <v>3</v>
      </c>
      <c r="CE9" s="260">
        <v>0</v>
      </c>
      <c r="CF9" s="261">
        <v>22</v>
      </c>
      <c r="CG9" s="261">
        <v>49</v>
      </c>
      <c r="CH9" s="261">
        <v>85</v>
      </c>
      <c r="CI9" s="261">
        <v>67</v>
      </c>
      <c r="CJ9" s="261">
        <v>28</v>
      </c>
      <c r="CK9" s="258">
        <v>251</v>
      </c>
      <c r="CL9" s="263">
        <v>254</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68" t="s">
        <v>7</v>
      </c>
      <c r="C10" s="257">
        <v>0</v>
      </c>
      <c r="D10" s="261">
        <v>0</v>
      </c>
      <c r="E10" s="356">
        <v>0</v>
      </c>
      <c r="F10" s="260">
        <v>0</v>
      </c>
      <c r="G10" s="261">
        <v>17619</v>
      </c>
      <c r="H10" s="261">
        <v>19285</v>
      </c>
      <c r="I10" s="261">
        <v>20595</v>
      </c>
      <c r="J10" s="261">
        <v>27970</v>
      </c>
      <c r="K10" s="261">
        <v>23130</v>
      </c>
      <c r="L10" s="262">
        <v>108599</v>
      </c>
      <c r="M10" s="263">
        <v>108599</v>
      </c>
      <c r="N10" s="257">
        <v>0</v>
      </c>
      <c r="O10" s="261">
        <v>0</v>
      </c>
      <c r="P10" s="258">
        <v>0</v>
      </c>
      <c r="Q10" s="260">
        <v>0</v>
      </c>
      <c r="R10" s="261">
        <v>33</v>
      </c>
      <c r="S10" s="261">
        <v>157</v>
      </c>
      <c r="T10" s="261">
        <v>259</v>
      </c>
      <c r="U10" s="261">
        <v>643</v>
      </c>
      <c r="V10" s="261">
        <v>1005</v>
      </c>
      <c r="W10" s="258">
        <v>2097</v>
      </c>
      <c r="X10" s="263">
        <v>2097</v>
      </c>
      <c r="Y10" s="257">
        <v>151</v>
      </c>
      <c r="Z10" s="261">
        <v>229</v>
      </c>
      <c r="AA10" s="258">
        <v>380</v>
      </c>
      <c r="AB10" s="260">
        <v>0</v>
      </c>
      <c r="AC10" s="261">
        <v>4508</v>
      </c>
      <c r="AD10" s="261">
        <v>5046</v>
      </c>
      <c r="AE10" s="261">
        <v>3185</v>
      </c>
      <c r="AF10" s="261">
        <v>3370</v>
      </c>
      <c r="AG10" s="261">
        <v>2390</v>
      </c>
      <c r="AH10" s="258">
        <v>18499</v>
      </c>
      <c r="AI10" s="263">
        <v>18879</v>
      </c>
      <c r="AJ10" s="257">
        <v>70</v>
      </c>
      <c r="AK10" s="261">
        <v>112</v>
      </c>
      <c r="AL10" s="258">
        <v>182</v>
      </c>
      <c r="AM10" s="260">
        <v>0</v>
      </c>
      <c r="AN10" s="261">
        <v>869</v>
      </c>
      <c r="AO10" s="261">
        <v>1082</v>
      </c>
      <c r="AP10" s="261">
        <v>679</v>
      </c>
      <c r="AQ10" s="261">
        <v>763</v>
      </c>
      <c r="AR10" s="261">
        <v>307</v>
      </c>
      <c r="AS10" s="258">
        <v>3700</v>
      </c>
      <c r="AT10" s="263">
        <v>3882</v>
      </c>
      <c r="AU10" s="257">
        <v>0</v>
      </c>
      <c r="AV10" s="261">
        <v>0</v>
      </c>
      <c r="AW10" s="258">
        <v>0</v>
      </c>
      <c r="AX10" s="260">
        <v>0</v>
      </c>
      <c r="AY10" s="261">
        <v>14479</v>
      </c>
      <c r="AZ10" s="261">
        <v>9780</v>
      </c>
      <c r="BA10" s="261">
        <v>4852</v>
      </c>
      <c r="BB10" s="261">
        <v>3101</v>
      </c>
      <c r="BC10" s="261">
        <v>1324</v>
      </c>
      <c r="BD10" s="262">
        <v>33536</v>
      </c>
      <c r="BE10" s="263">
        <v>33536</v>
      </c>
      <c r="BF10" s="257">
        <v>0</v>
      </c>
      <c r="BG10" s="261">
        <v>0</v>
      </c>
      <c r="BH10" s="258">
        <v>0</v>
      </c>
      <c r="BI10" s="260">
        <v>0</v>
      </c>
      <c r="BJ10" s="261">
        <v>2080</v>
      </c>
      <c r="BK10" s="261">
        <v>1674</v>
      </c>
      <c r="BL10" s="261">
        <v>1152</v>
      </c>
      <c r="BM10" s="261">
        <v>492</v>
      </c>
      <c r="BN10" s="261">
        <v>170</v>
      </c>
      <c r="BO10" s="258">
        <v>5568</v>
      </c>
      <c r="BP10" s="263">
        <v>5568</v>
      </c>
      <c r="BQ10" s="257">
        <v>2</v>
      </c>
      <c r="BR10" s="261">
        <v>7</v>
      </c>
      <c r="BS10" s="258">
        <v>9</v>
      </c>
      <c r="BT10" s="260">
        <v>0</v>
      </c>
      <c r="BU10" s="261">
        <v>1827</v>
      </c>
      <c r="BV10" s="261">
        <v>2716</v>
      </c>
      <c r="BW10" s="261">
        <v>2900</v>
      </c>
      <c r="BX10" s="261">
        <v>2263</v>
      </c>
      <c r="BY10" s="261">
        <v>1156</v>
      </c>
      <c r="BZ10" s="258">
        <v>10862</v>
      </c>
      <c r="CA10" s="263">
        <v>10871</v>
      </c>
      <c r="CB10" s="257">
        <v>0</v>
      </c>
      <c r="CC10" s="261">
        <v>0</v>
      </c>
      <c r="CD10" s="258">
        <v>0</v>
      </c>
      <c r="CE10" s="260">
        <v>0</v>
      </c>
      <c r="CF10" s="261">
        <v>145</v>
      </c>
      <c r="CG10" s="261">
        <v>178</v>
      </c>
      <c r="CH10" s="261">
        <v>181</v>
      </c>
      <c r="CI10" s="261">
        <v>103</v>
      </c>
      <c r="CJ10" s="261">
        <v>74</v>
      </c>
      <c r="CK10" s="258">
        <v>681</v>
      </c>
      <c r="CL10" s="263">
        <v>681</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68" t="s">
        <v>8</v>
      </c>
      <c r="C11" s="257">
        <v>0</v>
      </c>
      <c r="D11" s="261">
        <v>0</v>
      </c>
      <c r="E11" s="356">
        <v>0</v>
      </c>
      <c r="F11" s="260">
        <v>0</v>
      </c>
      <c r="G11" s="261">
        <v>6981</v>
      </c>
      <c r="H11" s="261">
        <v>11657</v>
      </c>
      <c r="I11" s="261">
        <v>15300</v>
      </c>
      <c r="J11" s="261">
        <v>17713</v>
      </c>
      <c r="K11" s="261">
        <v>16460</v>
      </c>
      <c r="L11" s="262">
        <v>68111</v>
      </c>
      <c r="M11" s="263">
        <v>68111</v>
      </c>
      <c r="N11" s="257">
        <v>0</v>
      </c>
      <c r="O11" s="261">
        <v>0</v>
      </c>
      <c r="P11" s="258">
        <v>0</v>
      </c>
      <c r="Q11" s="260">
        <v>0</v>
      </c>
      <c r="R11" s="261">
        <v>23</v>
      </c>
      <c r="S11" s="261">
        <v>81</v>
      </c>
      <c r="T11" s="261">
        <v>119</v>
      </c>
      <c r="U11" s="261">
        <v>236</v>
      </c>
      <c r="V11" s="261">
        <v>524</v>
      </c>
      <c r="W11" s="258">
        <v>983</v>
      </c>
      <c r="X11" s="263">
        <v>983</v>
      </c>
      <c r="Y11" s="257">
        <v>227</v>
      </c>
      <c r="Z11" s="261">
        <v>387</v>
      </c>
      <c r="AA11" s="258">
        <v>614</v>
      </c>
      <c r="AB11" s="260">
        <v>0</v>
      </c>
      <c r="AC11" s="261">
        <v>1959</v>
      </c>
      <c r="AD11" s="261">
        <v>2887</v>
      </c>
      <c r="AE11" s="261">
        <v>2120</v>
      </c>
      <c r="AF11" s="261">
        <v>1826</v>
      </c>
      <c r="AG11" s="261">
        <v>1711</v>
      </c>
      <c r="AH11" s="258">
        <v>10503</v>
      </c>
      <c r="AI11" s="263">
        <v>11117</v>
      </c>
      <c r="AJ11" s="257">
        <v>96</v>
      </c>
      <c r="AK11" s="261">
        <v>195</v>
      </c>
      <c r="AL11" s="258">
        <v>291</v>
      </c>
      <c r="AM11" s="260">
        <v>0</v>
      </c>
      <c r="AN11" s="261">
        <v>1017</v>
      </c>
      <c r="AO11" s="261">
        <v>1241</v>
      </c>
      <c r="AP11" s="261">
        <v>669</v>
      </c>
      <c r="AQ11" s="261">
        <v>693</v>
      </c>
      <c r="AR11" s="261">
        <v>360</v>
      </c>
      <c r="AS11" s="258">
        <v>3980</v>
      </c>
      <c r="AT11" s="263">
        <v>4271</v>
      </c>
      <c r="AU11" s="257">
        <v>0</v>
      </c>
      <c r="AV11" s="261">
        <v>0</v>
      </c>
      <c r="AW11" s="258">
        <v>0</v>
      </c>
      <c r="AX11" s="260">
        <v>0</v>
      </c>
      <c r="AY11" s="261">
        <v>5381</v>
      </c>
      <c r="AZ11" s="261">
        <v>6313</v>
      </c>
      <c r="BA11" s="261">
        <v>3990</v>
      </c>
      <c r="BB11" s="261">
        <v>2762</v>
      </c>
      <c r="BC11" s="261">
        <v>1328</v>
      </c>
      <c r="BD11" s="262">
        <v>19774</v>
      </c>
      <c r="BE11" s="263">
        <v>19774</v>
      </c>
      <c r="BF11" s="257">
        <v>0</v>
      </c>
      <c r="BG11" s="261">
        <v>0</v>
      </c>
      <c r="BH11" s="258">
        <v>0</v>
      </c>
      <c r="BI11" s="260">
        <v>0</v>
      </c>
      <c r="BJ11" s="261">
        <v>1120</v>
      </c>
      <c r="BK11" s="261">
        <v>1315</v>
      </c>
      <c r="BL11" s="261">
        <v>839</v>
      </c>
      <c r="BM11" s="261">
        <v>489</v>
      </c>
      <c r="BN11" s="261">
        <v>174</v>
      </c>
      <c r="BO11" s="258">
        <v>3937</v>
      </c>
      <c r="BP11" s="263">
        <v>3937</v>
      </c>
      <c r="BQ11" s="257">
        <v>23</v>
      </c>
      <c r="BR11" s="261">
        <v>59</v>
      </c>
      <c r="BS11" s="258">
        <v>82</v>
      </c>
      <c r="BT11" s="260">
        <v>0</v>
      </c>
      <c r="BU11" s="261">
        <v>554</v>
      </c>
      <c r="BV11" s="261">
        <v>1318</v>
      </c>
      <c r="BW11" s="261">
        <v>2701</v>
      </c>
      <c r="BX11" s="261">
        <v>1546</v>
      </c>
      <c r="BY11" s="261">
        <v>724</v>
      </c>
      <c r="BZ11" s="258">
        <v>6843</v>
      </c>
      <c r="CA11" s="263">
        <v>6925</v>
      </c>
      <c r="CB11" s="257">
        <v>0</v>
      </c>
      <c r="CC11" s="261">
        <v>0</v>
      </c>
      <c r="CD11" s="258">
        <v>0</v>
      </c>
      <c r="CE11" s="260">
        <v>0</v>
      </c>
      <c r="CF11" s="261">
        <v>0</v>
      </c>
      <c r="CG11" s="261">
        <v>74</v>
      </c>
      <c r="CH11" s="261">
        <v>52</v>
      </c>
      <c r="CI11" s="261">
        <v>22</v>
      </c>
      <c r="CJ11" s="261">
        <v>11</v>
      </c>
      <c r="CK11" s="258">
        <v>159</v>
      </c>
      <c r="CL11" s="263">
        <v>159</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68" t="s">
        <v>9</v>
      </c>
      <c r="C12" s="257">
        <v>0</v>
      </c>
      <c r="D12" s="261">
        <v>0</v>
      </c>
      <c r="E12" s="356">
        <v>0</v>
      </c>
      <c r="F12" s="260">
        <v>0</v>
      </c>
      <c r="G12" s="261">
        <v>6854</v>
      </c>
      <c r="H12" s="261">
        <v>8603</v>
      </c>
      <c r="I12" s="261">
        <v>11138</v>
      </c>
      <c r="J12" s="261">
        <v>15484</v>
      </c>
      <c r="K12" s="261">
        <v>15104</v>
      </c>
      <c r="L12" s="262">
        <v>57183</v>
      </c>
      <c r="M12" s="263">
        <v>57183</v>
      </c>
      <c r="N12" s="257">
        <v>0</v>
      </c>
      <c r="O12" s="261">
        <v>0</v>
      </c>
      <c r="P12" s="258">
        <v>0</v>
      </c>
      <c r="Q12" s="260">
        <v>0</v>
      </c>
      <c r="R12" s="261">
        <v>7</v>
      </c>
      <c r="S12" s="261">
        <v>22</v>
      </c>
      <c r="T12" s="261">
        <v>63</v>
      </c>
      <c r="U12" s="261">
        <v>264</v>
      </c>
      <c r="V12" s="261">
        <v>453</v>
      </c>
      <c r="W12" s="258">
        <v>809</v>
      </c>
      <c r="X12" s="263">
        <v>809</v>
      </c>
      <c r="Y12" s="257">
        <v>396</v>
      </c>
      <c r="Z12" s="261">
        <v>629</v>
      </c>
      <c r="AA12" s="258">
        <v>1025</v>
      </c>
      <c r="AB12" s="260">
        <v>0</v>
      </c>
      <c r="AC12" s="261">
        <v>3431</v>
      </c>
      <c r="AD12" s="261">
        <v>3209</v>
      </c>
      <c r="AE12" s="261">
        <v>2397</v>
      </c>
      <c r="AF12" s="261">
        <v>2530</v>
      </c>
      <c r="AG12" s="261">
        <v>2399</v>
      </c>
      <c r="AH12" s="258">
        <v>13966</v>
      </c>
      <c r="AI12" s="263">
        <v>14991</v>
      </c>
      <c r="AJ12" s="257">
        <v>72</v>
      </c>
      <c r="AK12" s="261">
        <v>208</v>
      </c>
      <c r="AL12" s="258">
        <v>280</v>
      </c>
      <c r="AM12" s="260">
        <v>0</v>
      </c>
      <c r="AN12" s="261">
        <v>590</v>
      </c>
      <c r="AO12" s="261">
        <v>740</v>
      </c>
      <c r="AP12" s="261">
        <v>514</v>
      </c>
      <c r="AQ12" s="261">
        <v>536</v>
      </c>
      <c r="AR12" s="261">
        <v>341</v>
      </c>
      <c r="AS12" s="258">
        <v>2721</v>
      </c>
      <c r="AT12" s="263">
        <v>3001</v>
      </c>
      <c r="AU12" s="257">
        <v>0</v>
      </c>
      <c r="AV12" s="261">
        <v>0</v>
      </c>
      <c r="AW12" s="258">
        <v>0</v>
      </c>
      <c r="AX12" s="260">
        <v>0</v>
      </c>
      <c r="AY12" s="261">
        <v>4574</v>
      </c>
      <c r="AZ12" s="261">
        <v>3330</v>
      </c>
      <c r="BA12" s="261">
        <v>2404</v>
      </c>
      <c r="BB12" s="261">
        <v>1532</v>
      </c>
      <c r="BC12" s="261">
        <v>647</v>
      </c>
      <c r="BD12" s="262">
        <v>12487</v>
      </c>
      <c r="BE12" s="263">
        <v>12487</v>
      </c>
      <c r="BF12" s="257">
        <v>0</v>
      </c>
      <c r="BG12" s="261">
        <v>0</v>
      </c>
      <c r="BH12" s="258">
        <v>0</v>
      </c>
      <c r="BI12" s="260">
        <v>0</v>
      </c>
      <c r="BJ12" s="261">
        <v>1056</v>
      </c>
      <c r="BK12" s="261">
        <v>1018</v>
      </c>
      <c r="BL12" s="261">
        <v>623</v>
      </c>
      <c r="BM12" s="261">
        <v>566</v>
      </c>
      <c r="BN12" s="261">
        <v>161</v>
      </c>
      <c r="BO12" s="258">
        <v>3424</v>
      </c>
      <c r="BP12" s="263">
        <v>3424</v>
      </c>
      <c r="BQ12" s="257">
        <v>5</v>
      </c>
      <c r="BR12" s="261">
        <v>31</v>
      </c>
      <c r="BS12" s="258">
        <v>36</v>
      </c>
      <c r="BT12" s="260">
        <v>0</v>
      </c>
      <c r="BU12" s="261">
        <v>523</v>
      </c>
      <c r="BV12" s="261">
        <v>764</v>
      </c>
      <c r="BW12" s="261">
        <v>1691</v>
      </c>
      <c r="BX12" s="261">
        <v>1194</v>
      </c>
      <c r="BY12" s="261">
        <v>682</v>
      </c>
      <c r="BZ12" s="258">
        <v>4854</v>
      </c>
      <c r="CA12" s="263">
        <v>4890</v>
      </c>
      <c r="CB12" s="257">
        <v>0</v>
      </c>
      <c r="CC12" s="261">
        <v>6</v>
      </c>
      <c r="CD12" s="258">
        <v>6</v>
      </c>
      <c r="CE12" s="260">
        <v>0</v>
      </c>
      <c r="CF12" s="261">
        <v>52</v>
      </c>
      <c r="CG12" s="261">
        <v>75</v>
      </c>
      <c r="CH12" s="261">
        <v>253</v>
      </c>
      <c r="CI12" s="261">
        <v>229</v>
      </c>
      <c r="CJ12" s="261">
        <v>172</v>
      </c>
      <c r="CK12" s="258">
        <v>781</v>
      </c>
      <c r="CL12" s="263">
        <v>787</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68" t="s">
        <v>10</v>
      </c>
      <c r="C13" s="257">
        <v>0</v>
      </c>
      <c r="D13" s="261">
        <v>0</v>
      </c>
      <c r="E13" s="356">
        <v>0</v>
      </c>
      <c r="F13" s="260">
        <v>0</v>
      </c>
      <c r="G13" s="261">
        <v>17320</v>
      </c>
      <c r="H13" s="261">
        <v>16651</v>
      </c>
      <c r="I13" s="261">
        <v>23004</v>
      </c>
      <c r="J13" s="261">
        <v>26931</v>
      </c>
      <c r="K13" s="261">
        <v>22751</v>
      </c>
      <c r="L13" s="262">
        <v>106657</v>
      </c>
      <c r="M13" s="263">
        <v>106657</v>
      </c>
      <c r="N13" s="257">
        <v>0</v>
      </c>
      <c r="O13" s="261">
        <v>0</v>
      </c>
      <c r="P13" s="258">
        <v>0</v>
      </c>
      <c r="Q13" s="260">
        <v>0</v>
      </c>
      <c r="R13" s="261">
        <v>25</v>
      </c>
      <c r="S13" s="261">
        <v>131</v>
      </c>
      <c r="T13" s="261">
        <v>201</v>
      </c>
      <c r="U13" s="261">
        <v>418</v>
      </c>
      <c r="V13" s="261">
        <v>936</v>
      </c>
      <c r="W13" s="258">
        <v>1711</v>
      </c>
      <c r="X13" s="263">
        <v>1711</v>
      </c>
      <c r="Y13" s="257">
        <v>1071</v>
      </c>
      <c r="Z13" s="261">
        <v>2004</v>
      </c>
      <c r="AA13" s="258">
        <v>3075</v>
      </c>
      <c r="AB13" s="260">
        <v>0</v>
      </c>
      <c r="AC13" s="261">
        <v>8541</v>
      </c>
      <c r="AD13" s="261">
        <v>6217</v>
      </c>
      <c r="AE13" s="261">
        <v>3453</v>
      </c>
      <c r="AF13" s="261">
        <v>3715</v>
      </c>
      <c r="AG13" s="261">
        <v>3404</v>
      </c>
      <c r="AH13" s="258">
        <v>25330</v>
      </c>
      <c r="AI13" s="263">
        <v>28405</v>
      </c>
      <c r="AJ13" s="257">
        <v>232</v>
      </c>
      <c r="AK13" s="261">
        <v>512</v>
      </c>
      <c r="AL13" s="258">
        <v>744</v>
      </c>
      <c r="AM13" s="260">
        <v>0</v>
      </c>
      <c r="AN13" s="261">
        <v>1193</v>
      </c>
      <c r="AO13" s="261">
        <v>1461</v>
      </c>
      <c r="AP13" s="261">
        <v>804</v>
      </c>
      <c r="AQ13" s="261">
        <v>404</v>
      </c>
      <c r="AR13" s="261">
        <v>612</v>
      </c>
      <c r="AS13" s="258">
        <v>4474</v>
      </c>
      <c r="AT13" s="263">
        <v>5218</v>
      </c>
      <c r="AU13" s="257">
        <v>0</v>
      </c>
      <c r="AV13" s="261">
        <v>0</v>
      </c>
      <c r="AW13" s="258">
        <v>0</v>
      </c>
      <c r="AX13" s="260">
        <v>0</v>
      </c>
      <c r="AY13" s="261">
        <v>14060</v>
      </c>
      <c r="AZ13" s="261">
        <v>8630</v>
      </c>
      <c r="BA13" s="261">
        <v>5762</v>
      </c>
      <c r="BB13" s="261">
        <v>3467</v>
      </c>
      <c r="BC13" s="261">
        <v>1464</v>
      </c>
      <c r="BD13" s="262">
        <v>33383</v>
      </c>
      <c r="BE13" s="263">
        <v>33383</v>
      </c>
      <c r="BF13" s="257">
        <v>0</v>
      </c>
      <c r="BG13" s="261">
        <v>0</v>
      </c>
      <c r="BH13" s="258">
        <v>0</v>
      </c>
      <c r="BI13" s="260">
        <v>0</v>
      </c>
      <c r="BJ13" s="261">
        <v>1962</v>
      </c>
      <c r="BK13" s="261">
        <v>1560</v>
      </c>
      <c r="BL13" s="261">
        <v>794</v>
      </c>
      <c r="BM13" s="261">
        <v>536</v>
      </c>
      <c r="BN13" s="261">
        <v>188</v>
      </c>
      <c r="BO13" s="258">
        <v>5040</v>
      </c>
      <c r="BP13" s="263">
        <v>5040</v>
      </c>
      <c r="BQ13" s="257">
        <v>29</v>
      </c>
      <c r="BR13" s="261">
        <v>97</v>
      </c>
      <c r="BS13" s="258">
        <v>126</v>
      </c>
      <c r="BT13" s="260">
        <v>0</v>
      </c>
      <c r="BU13" s="261">
        <v>1332</v>
      </c>
      <c r="BV13" s="261">
        <v>1923</v>
      </c>
      <c r="BW13" s="261">
        <v>2126</v>
      </c>
      <c r="BX13" s="261">
        <v>1923</v>
      </c>
      <c r="BY13" s="261">
        <v>1162</v>
      </c>
      <c r="BZ13" s="258">
        <v>8466</v>
      </c>
      <c r="CA13" s="263">
        <v>8592</v>
      </c>
      <c r="CB13" s="257">
        <v>0</v>
      </c>
      <c r="CC13" s="261">
        <v>13</v>
      </c>
      <c r="CD13" s="258">
        <v>13</v>
      </c>
      <c r="CE13" s="260">
        <v>0</v>
      </c>
      <c r="CF13" s="261">
        <v>77</v>
      </c>
      <c r="CG13" s="261">
        <v>91</v>
      </c>
      <c r="CH13" s="261">
        <v>127</v>
      </c>
      <c r="CI13" s="261">
        <v>124</v>
      </c>
      <c r="CJ13" s="261">
        <v>46</v>
      </c>
      <c r="CK13" s="258">
        <v>465</v>
      </c>
      <c r="CL13" s="263">
        <v>478</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68" t="s">
        <v>11</v>
      </c>
      <c r="C14" s="257">
        <v>0</v>
      </c>
      <c r="D14" s="261">
        <v>0</v>
      </c>
      <c r="E14" s="356">
        <v>0</v>
      </c>
      <c r="F14" s="260">
        <v>0</v>
      </c>
      <c r="G14" s="261">
        <v>5115</v>
      </c>
      <c r="H14" s="261">
        <v>6708</v>
      </c>
      <c r="I14" s="261">
        <v>8611</v>
      </c>
      <c r="J14" s="261">
        <v>10466</v>
      </c>
      <c r="K14" s="261">
        <v>10280</v>
      </c>
      <c r="L14" s="262">
        <v>41180</v>
      </c>
      <c r="M14" s="263">
        <v>41180</v>
      </c>
      <c r="N14" s="257">
        <v>0</v>
      </c>
      <c r="O14" s="261">
        <v>0</v>
      </c>
      <c r="P14" s="258">
        <v>0</v>
      </c>
      <c r="Q14" s="260">
        <v>0</v>
      </c>
      <c r="R14" s="261">
        <v>13</v>
      </c>
      <c r="S14" s="261">
        <v>46</v>
      </c>
      <c r="T14" s="261">
        <v>157</v>
      </c>
      <c r="U14" s="261">
        <v>288</v>
      </c>
      <c r="V14" s="261">
        <v>353</v>
      </c>
      <c r="W14" s="258">
        <v>857</v>
      </c>
      <c r="X14" s="263">
        <v>857</v>
      </c>
      <c r="Y14" s="257">
        <v>272</v>
      </c>
      <c r="Z14" s="261">
        <v>364</v>
      </c>
      <c r="AA14" s="258">
        <v>636</v>
      </c>
      <c r="AB14" s="260">
        <v>0</v>
      </c>
      <c r="AC14" s="261">
        <v>3009</v>
      </c>
      <c r="AD14" s="261">
        <v>2102</v>
      </c>
      <c r="AE14" s="261">
        <v>1335</v>
      </c>
      <c r="AF14" s="261">
        <v>1882</v>
      </c>
      <c r="AG14" s="261">
        <v>1315</v>
      </c>
      <c r="AH14" s="258">
        <v>9643</v>
      </c>
      <c r="AI14" s="263">
        <v>10279</v>
      </c>
      <c r="AJ14" s="257">
        <v>27</v>
      </c>
      <c r="AK14" s="261">
        <v>87</v>
      </c>
      <c r="AL14" s="258">
        <v>114</v>
      </c>
      <c r="AM14" s="260">
        <v>0</v>
      </c>
      <c r="AN14" s="261">
        <v>355</v>
      </c>
      <c r="AO14" s="261">
        <v>319</v>
      </c>
      <c r="AP14" s="261">
        <v>371</v>
      </c>
      <c r="AQ14" s="261">
        <v>412</v>
      </c>
      <c r="AR14" s="261">
        <v>88</v>
      </c>
      <c r="AS14" s="258">
        <v>1545</v>
      </c>
      <c r="AT14" s="263">
        <v>1659</v>
      </c>
      <c r="AU14" s="257">
        <v>0</v>
      </c>
      <c r="AV14" s="261">
        <v>0</v>
      </c>
      <c r="AW14" s="258">
        <v>0</v>
      </c>
      <c r="AX14" s="260">
        <v>0</v>
      </c>
      <c r="AY14" s="261">
        <v>6323</v>
      </c>
      <c r="AZ14" s="261">
        <v>3811</v>
      </c>
      <c r="BA14" s="261">
        <v>3126</v>
      </c>
      <c r="BB14" s="261">
        <v>2198</v>
      </c>
      <c r="BC14" s="261">
        <v>1009</v>
      </c>
      <c r="BD14" s="262">
        <v>16467</v>
      </c>
      <c r="BE14" s="263">
        <v>16467</v>
      </c>
      <c r="BF14" s="257">
        <v>0</v>
      </c>
      <c r="BG14" s="261">
        <v>0</v>
      </c>
      <c r="BH14" s="258">
        <v>0</v>
      </c>
      <c r="BI14" s="260">
        <v>0</v>
      </c>
      <c r="BJ14" s="261">
        <v>1387</v>
      </c>
      <c r="BK14" s="261">
        <v>974</v>
      </c>
      <c r="BL14" s="261">
        <v>697</v>
      </c>
      <c r="BM14" s="261">
        <v>541</v>
      </c>
      <c r="BN14" s="261">
        <v>176</v>
      </c>
      <c r="BO14" s="258">
        <v>3775</v>
      </c>
      <c r="BP14" s="263">
        <v>3775</v>
      </c>
      <c r="BQ14" s="257">
        <v>48</v>
      </c>
      <c r="BR14" s="261">
        <v>85</v>
      </c>
      <c r="BS14" s="258">
        <v>133</v>
      </c>
      <c r="BT14" s="260">
        <v>0</v>
      </c>
      <c r="BU14" s="261">
        <v>800</v>
      </c>
      <c r="BV14" s="261">
        <v>655</v>
      </c>
      <c r="BW14" s="261">
        <v>1386</v>
      </c>
      <c r="BX14" s="261">
        <v>1224</v>
      </c>
      <c r="BY14" s="261">
        <v>318</v>
      </c>
      <c r="BZ14" s="258">
        <v>4383</v>
      </c>
      <c r="CA14" s="263">
        <v>4516</v>
      </c>
      <c r="CB14" s="257">
        <v>0</v>
      </c>
      <c r="CC14" s="261">
        <v>8</v>
      </c>
      <c r="CD14" s="258">
        <v>8</v>
      </c>
      <c r="CE14" s="260">
        <v>0</v>
      </c>
      <c r="CF14" s="261">
        <v>72</v>
      </c>
      <c r="CG14" s="261">
        <v>55</v>
      </c>
      <c r="CH14" s="261">
        <v>55</v>
      </c>
      <c r="CI14" s="261">
        <v>65</v>
      </c>
      <c r="CJ14" s="261">
        <v>109</v>
      </c>
      <c r="CK14" s="258">
        <v>356</v>
      </c>
      <c r="CL14" s="263">
        <v>36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68" t="s">
        <v>12</v>
      </c>
      <c r="C15" s="257">
        <v>0</v>
      </c>
      <c r="D15" s="261">
        <v>0</v>
      </c>
      <c r="E15" s="356">
        <v>0</v>
      </c>
      <c r="F15" s="260">
        <v>0</v>
      </c>
      <c r="G15" s="261">
        <v>6152</v>
      </c>
      <c r="H15" s="261">
        <v>8403</v>
      </c>
      <c r="I15" s="261">
        <v>10184</v>
      </c>
      <c r="J15" s="261">
        <v>13542</v>
      </c>
      <c r="K15" s="261">
        <v>13226</v>
      </c>
      <c r="L15" s="262">
        <v>51507</v>
      </c>
      <c r="M15" s="263">
        <v>51507</v>
      </c>
      <c r="N15" s="257">
        <v>0</v>
      </c>
      <c r="O15" s="261">
        <v>17</v>
      </c>
      <c r="P15" s="258">
        <v>17</v>
      </c>
      <c r="Q15" s="260">
        <v>0</v>
      </c>
      <c r="R15" s="261">
        <v>14</v>
      </c>
      <c r="S15" s="261">
        <v>77</v>
      </c>
      <c r="T15" s="261">
        <v>107</v>
      </c>
      <c r="U15" s="261">
        <v>308</v>
      </c>
      <c r="V15" s="261">
        <v>393</v>
      </c>
      <c r="W15" s="258">
        <v>899</v>
      </c>
      <c r="X15" s="263">
        <v>916</v>
      </c>
      <c r="Y15" s="257">
        <v>644</v>
      </c>
      <c r="Z15" s="261">
        <v>1987</v>
      </c>
      <c r="AA15" s="258">
        <v>2631</v>
      </c>
      <c r="AB15" s="260">
        <v>0</v>
      </c>
      <c r="AC15" s="261">
        <v>2128</v>
      </c>
      <c r="AD15" s="261">
        <v>3167</v>
      </c>
      <c r="AE15" s="261">
        <v>2023</v>
      </c>
      <c r="AF15" s="261">
        <v>1875</v>
      </c>
      <c r="AG15" s="261">
        <v>1788</v>
      </c>
      <c r="AH15" s="258">
        <v>10981</v>
      </c>
      <c r="AI15" s="263">
        <v>13612</v>
      </c>
      <c r="AJ15" s="257">
        <v>44</v>
      </c>
      <c r="AK15" s="261">
        <v>259</v>
      </c>
      <c r="AL15" s="258">
        <v>303</v>
      </c>
      <c r="AM15" s="260">
        <v>0</v>
      </c>
      <c r="AN15" s="261">
        <v>158</v>
      </c>
      <c r="AO15" s="261">
        <v>444</v>
      </c>
      <c r="AP15" s="261">
        <v>351</v>
      </c>
      <c r="AQ15" s="261">
        <v>299</v>
      </c>
      <c r="AR15" s="261">
        <v>178</v>
      </c>
      <c r="AS15" s="258">
        <v>1430</v>
      </c>
      <c r="AT15" s="263">
        <v>1733</v>
      </c>
      <c r="AU15" s="257">
        <v>0</v>
      </c>
      <c r="AV15" s="261">
        <v>0</v>
      </c>
      <c r="AW15" s="258">
        <v>0</v>
      </c>
      <c r="AX15" s="260">
        <v>0</v>
      </c>
      <c r="AY15" s="261">
        <v>6123</v>
      </c>
      <c r="AZ15" s="261">
        <v>4747</v>
      </c>
      <c r="BA15" s="261">
        <v>3336</v>
      </c>
      <c r="BB15" s="261">
        <v>2539</v>
      </c>
      <c r="BC15" s="261">
        <v>1113</v>
      </c>
      <c r="BD15" s="262">
        <v>17858</v>
      </c>
      <c r="BE15" s="263">
        <v>17858</v>
      </c>
      <c r="BF15" s="257">
        <v>0</v>
      </c>
      <c r="BG15" s="261">
        <v>0</v>
      </c>
      <c r="BH15" s="258">
        <v>0</v>
      </c>
      <c r="BI15" s="260">
        <v>0</v>
      </c>
      <c r="BJ15" s="261">
        <v>832</v>
      </c>
      <c r="BK15" s="261">
        <v>1369</v>
      </c>
      <c r="BL15" s="261">
        <v>1027</v>
      </c>
      <c r="BM15" s="261">
        <v>563</v>
      </c>
      <c r="BN15" s="261">
        <v>187</v>
      </c>
      <c r="BO15" s="258">
        <v>3978</v>
      </c>
      <c r="BP15" s="263">
        <v>3978</v>
      </c>
      <c r="BQ15" s="257">
        <v>19</v>
      </c>
      <c r="BR15" s="261">
        <v>72</v>
      </c>
      <c r="BS15" s="258">
        <v>91</v>
      </c>
      <c r="BT15" s="260">
        <v>0</v>
      </c>
      <c r="BU15" s="261">
        <v>704</v>
      </c>
      <c r="BV15" s="261">
        <v>948</v>
      </c>
      <c r="BW15" s="261">
        <v>1307</v>
      </c>
      <c r="BX15" s="261">
        <v>1049</v>
      </c>
      <c r="BY15" s="261">
        <v>697</v>
      </c>
      <c r="BZ15" s="258">
        <v>4705</v>
      </c>
      <c r="CA15" s="263">
        <v>4796</v>
      </c>
      <c r="CB15" s="257">
        <v>0</v>
      </c>
      <c r="CC15" s="261">
        <v>0</v>
      </c>
      <c r="CD15" s="258">
        <v>0</v>
      </c>
      <c r="CE15" s="260">
        <v>0</v>
      </c>
      <c r="CF15" s="261">
        <v>44</v>
      </c>
      <c r="CG15" s="261">
        <v>44</v>
      </c>
      <c r="CH15" s="261">
        <v>36</v>
      </c>
      <c r="CI15" s="261">
        <v>37</v>
      </c>
      <c r="CJ15" s="261">
        <v>13</v>
      </c>
      <c r="CK15" s="258">
        <v>174</v>
      </c>
      <c r="CL15" s="263">
        <v>174</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68" t="s">
        <v>13</v>
      </c>
      <c r="C16" s="257">
        <v>0</v>
      </c>
      <c r="D16" s="261">
        <v>0</v>
      </c>
      <c r="E16" s="356">
        <v>0</v>
      </c>
      <c r="F16" s="260">
        <v>0</v>
      </c>
      <c r="G16" s="261">
        <v>1871</v>
      </c>
      <c r="H16" s="261">
        <v>3570</v>
      </c>
      <c r="I16" s="261">
        <v>3527</v>
      </c>
      <c r="J16" s="261">
        <v>4465</v>
      </c>
      <c r="K16" s="261">
        <v>6253</v>
      </c>
      <c r="L16" s="262">
        <v>19686</v>
      </c>
      <c r="M16" s="263">
        <v>19686</v>
      </c>
      <c r="N16" s="257">
        <v>0</v>
      </c>
      <c r="O16" s="261">
        <v>0</v>
      </c>
      <c r="P16" s="258">
        <v>0</v>
      </c>
      <c r="Q16" s="260">
        <v>0</v>
      </c>
      <c r="R16" s="261">
        <v>0</v>
      </c>
      <c r="S16" s="261">
        <v>7</v>
      </c>
      <c r="T16" s="261">
        <v>20</v>
      </c>
      <c r="U16" s="261">
        <v>62</v>
      </c>
      <c r="V16" s="261">
        <v>200</v>
      </c>
      <c r="W16" s="258">
        <v>289</v>
      </c>
      <c r="X16" s="263">
        <v>289</v>
      </c>
      <c r="Y16" s="257">
        <v>46</v>
      </c>
      <c r="Z16" s="261">
        <v>232</v>
      </c>
      <c r="AA16" s="258">
        <v>278</v>
      </c>
      <c r="AB16" s="260">
        <v>0</v>
      </c>
      <c r="AC16" s="261">
        <v>1018</v>
      </c>
      <c r="AD16" s="261">
        <v>1526</v>
      </c>
      <c r="AE16" s="261">
        <v>885</v>
      </c>
      <c r="AF16" s="261">
        <v>775</v>
      </c>
      <c r="AG16" s="261">
        <v>759</v>
      </c>
      <c r="AH16" s="258">
        <v>4963</v>
      </c>
      <c r="AI16" s="263">
        <v>5241</v>
      </c>
      <c r="AJ16" s="257">
        <v>19</v>
      </c>
      <c r="AK16" s="261">
        <v>37</v>
      </c>
      <c r="AL16" s="258">
        <v>56</v>
      </c>
      <c r="AM16" s="260">
        <v>0</v>
      </c>
      <c r="AN16" s="261">
        <v>227</v>
      </c>
      <c r="AO16" s="261">
        <v>266</v>
      </c>
      <c r="AP16" s="261">
        <v>112</v>
      </c>
      <c r="AQ16" s="261">
        <v>139</v>
      </c>
      <c r="AR16" s="261">
        <v>100</v>
      </c>
      <c r="AS16" s="258">
        <v>844</v>
      </c>
      <c r="AT16" s="263">
        <v>900</v>
      </c>
      <c r="AU16" s="257">
        <v>0</v>
      </c>
      <c r="AV16" s="261">
        <v>0</v>
      </c>
      <c r="AW16" s="258">
        <v>0</v>
      </c>
      <c r="AX16" s="260">
        <v>0</v>
      </c>
      <c r="AY16" s="261">
        <v>1383</v>
      </c>
      <c r="AZ16" s="261">
        <v>1665</v>
      </c>
      <c r="BA16" s="261">
        <v>1065</v>
      </c>
      <c r="BB16" s="261">
        <v>685</v>
      </c>
      <c r="BC16" s="261">
        <v>303</v>
      </c>
      <c r="BD16" s="262">
        <v>5101</v>
      </c>
      <c r="BE16" s="263">
        <v>5101</v>
      </c>
      <c r="BF16" s="257">
        <v>0</v>
      </c>
      <c r="BG16" s="261">
        <v>0</v>
      </c>
      <c r="BH16" s="258">
        <v>0</v>
      </c>
      <c r="BI16" s="260">
        <v>0</v>
      </c>
      <c r="BJ16" s="261">
        <v>193</v>
      </c>
      <c r="BK16" s="261">
        <v>184</v>
      </c>
      <c r="BL16" s="261">
        <v>208</v>
      </c>
      <c r="BM16" s="261">
        <v>172</v>
      </c>
      <c r="BN16" s="261">
        <v>107</v>
      </c>
      <c r="BO16" s="258">
        <v>864</v>
      </c>
      <c r="BP16" s="263">
        <v>864</v>
      </c>
      <c r="BQ16" s="257">
        <v>0</v>
      </c>
      <c r="BR16" s="261">
        <v>0</v>
      </c>
      <c r="BS16" s="258">
        <v>0</v>
      </c>
      <c r="BT16" s="260">
        <v>0</v>
      </c>
      <c r="BU16" s="261">
        <v>121</v>
      </c>
      <c r="BV16" s="261">
        <v>252</v>
      </c>
      <c r="BW16" s="261">
        <v>454</v>
      </c>
      <c r="BX16" s="261">
        <v>430</v>
      </c>
      <c r="BY16" s="261">
        <v>236</v>
      </c>
      <c r="BZ16" s="258">
        <v>1493</v>
      </c>
      <c r="CA16" s="263">
        <v>1493</v>
      </c>
      <c r="CB16" s="257">
        <v>0</v>
      </c>
      <c r="CC16" s="261">
        <v>0</v>
      </c>
      <c r="CD16" s="258">
        <v>0</v>
      </c>
      <c r="CE16" s="260">
        <v>0</v>
      </c>
      <c r="CF16" s="261">
        <v>12</v>
      </c>
      <c r="CG16" s="261">
        <v>7</v>
      </c>
      <c r="CH16" s="261">
        <v>15</v>
      </c>
      <c r="CI16" s="261">
        <v>27</v>
      </c>
      <c r="CJ16" s="261">
        <v>6</v>
      </c>
      <c r="CK16" s="258">
        <v>67</v>
      </c>
      <c r="CL16" s="263">
        <v>67</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68" t="s">
        <v>15</v>
      </c>
      <c r="C17" s="257">
        <v>0</v>
      </c>
      <c r="D17" s="261">
        <v>0</v>
      </c>
      <c r="E17" s="356">
        <v>0</v>
      </c>
      <c r="F17" s="260">
        <v>0</v>
      </c>
      <c r="G17" s="261">
        <v>1230</v>
      </c>
      <c r="H17" s="261">
        <v>2830</v>
      </c>
      <c r="I17" s="261">
        <v>2240</v>
      </c>
      <c r="J17" s="261">
        <v>2164</v>
      </c>
      <c r="K17" s="261">
        <v>2512</v>
      </c>
      <c r="L17" s="262">
        <v>10976</v>
      </c>
      <c r="M17" s="263">
        <v>10976</v>
      </c>
      <c r="N17" s="257">
        <v>0</v>
      </c>
      <c r="O17" s="261">
        <v>0</v>
      </c>
      <c r="P17" s="258">
        <v>0</v>
      </c>
      <c r="Q17" s="260">
        <v>0</v>
      </c>
      <c r="R17" s="261">
        <v>0</v>
      </c>
      <c r="S17" s="261">
        <v>9</v>
      </c>
      <c r="T17" s="261">
        <v>30</v>
      </c>
      <c r="U17" s="261">
        <v>75</v>
      </c>
      <c r="V17" s="261">
        <v>113</v>
      </c>
      <c r="W17" s="258">
        <v>227</v>
      </c>
      <c r="X17" s="263">
        <v>227</v>
      </c>
      <c r="Y17" s="257">
        <v>17</v>
      </c>
      <c r="Z17" s="261">
        <v>143</v>
      </c>
      <c r="AA17" s="258">
        <v>160</v>
      </c>
      <c r="AB17" s="260">
        <v>0</v>
      </c>
      <c r="AC17" s="261">
        <v>395</v>
      </c>
      <c r="AD17" s="261">
        <v>696</v>
      </c>
      <c r="AE17" s="261">
        <v>385</v>
      </c>
      <c r="AF17" s="261">
        <v>287</v>
      </c>
      <c r="AG17" s="261">
        <v>416</v>
      </c>
      <c r="AH17" s="258">
        <v>2179</v>
      </c>
      <c r="AI17" s="263">
        <v>2339</v>
      </c>
      <c r="AJ17" s="257">
        <v>0</v>
      </c>
      <c r="AK17" s="261">
        <v>18</v>
      </c>
      <c r="AL17" s="258">
        <v>18</v>
      </c>
      <c r="AM17" s="260">
        <v>0</v>
      </c>
      <c r="AN17" s="261">
        <v>90</v>
      </c>
      <c r="AO17" s="261">
        <v>152</v>
      </c>
      <c r="AP17" s="261">
        <v>33</v>
      </c>
      <c r="AQ17" s="261">
        <v>27</v>
      </c>
      <c r="AR17" s="261">
        <v>72</v>
      </c>
      <c r="AS17" s="258">
        <v>374</v>
      </c>
      <c r="AT17" s="263">
        <v>392</v>
      </c>
      <c r="AU17" s="257">
        <v>0</v>
      </c>
      <c r="AV17" s="261">
        <v>0</v>
      </c>
      <c r="AW17" s="258">
        <v>0</v>
      </c>
      <c r="AX17" s="260">
        <v>0</v>
      </c>
      <c r="AY17" s="261">
        <v>1166</v>
      </c>
      <c r="AZ17" s="261">
        <v>1346</v>
      </c>
      <c r="BA17" s="261">
        <v>733</v>
      </c>
      <c r="BB17" s="261">
        <v>243</v>
      </c>
      <c r="BC17" s="261">
        <v>133</v>
      </c>
      <c r="BD17" s="262">
        <v>3621</v>
      </c>
      <c r="BE17" s="263">
        <v>3621</v>
      </c>
      <c r="BF17" s="257">
        <v>0</v>
      </c>
      <c r="BG17" s="261">
        <v>0</v>
      </c>
      <c r="BH17" s="258">
        <v>0</v>
      </c>
      <c r="BI17" s="260">
        <v>0</v>
      </c>
      <c r="BJ17" s="261">
        <v>265</v>
      </c>
      <c r="BK17" s="261">
        <v>228</v>
      </c>
      <c r="BL17" s="261">
        <v>235</v>
      </c>
      <c r="BM17" s="261">
        <v>119</v>
      </c>
      <c r="BN17" s="261">
        <v>52</v>
      </c>
      <c r="BO17" s="258">
        <v>899</v>
      </c>
      <c r="BP17" s="263">
        <v>899</v>
      </c>
      <c r="BQ17" s="257">
        <v>0</v>
      </c>
      <c r="BR17" s="261">
        <v>1</v>
      </c>
      <c r="BS17" s="258">
        <v>1</v>
      </c>
      <c r="BT17" s="260">
        <v>0</v>
      </c>
      <c r="BU17" s="261">
        <v>127</v>
      </c>
      <c r="BV17" s="261">
        <v>235</v>
      </c>
      <c r="BW17" s="261">
        <v>958</v>
      </c>
      <c r="BX17" s="261">
        <v>569</v>
      </c>
      <c r="BY17" s="261">
        <v>352</v>
      </c>
      <c r="BZ17" s="258">
        <v>2241</v>
      </c>
      <c r="CA17" s="263">
        <v>2242</v>
      </c>
      <c r="CB17" s="257">
        <v>0</v>
      </c>
      <c r="CC17" s="261">
        <v>0</v>
      </c>
      <c r="CD17" s="258">
        <v>0</v>
      </c>
      <c r="CE17" s="260">
        <v>0</v>
      </c>
      <c r="CF17" s="261">
        <v>25</v>
      </c>
      <c r="CG17" s="261">
        <v>5</v>
      </c>
      <c r="CH17" s="261">
        <v>40</v>
      </c>
      <c r="CI17" s="261">
        <v>22</v>
      </c>
      <c r="CJ17" s="261">
        <v>0</v>
      </c>
      <c r="CK17" s="258">
        <v>92</v>
      </c>
      <c r="CL17" s="263">
        <v>92</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68" t="s">
        <v>16</v>
      </c>
      <c r="C18" s="257">
        <v>0</v>
      </c>
      <c r="D18" s="261">
        <v>0</v>
      </c>
      <c r="E18" s="356">
        <v>0</v>
      </c>
      <c r="F18" s="260">
        <v>0</v>
      </c>
      <c r="G18" s="261">
        <v>2281</v>
      </c>
      <c r="H18" s="261">
        <v>4346</v>
      </c>
      <c r="I18" s="261">
        <v>4070</v>
      </c>
      <c r="J18" s="261">
        <v>5933</v>
      </c>
      <c r="K18" s="261">
        <v>4459</v>
      </c>
      <c r="L18" s="262">
        <v>21089</v>
      </c>
      <c r="M18" s="263">
        <v>21089</v>
      </c>
      <c r="N18" s="257">
        <v>0</v>
      </c>
      <c r="O18" s="261">
        <v>0</v>
      </c>
      <c r="P18" s="258">
        <v>0</v>
      </c>
      <c r="Q18" s="260">
        <v>0</v>
      </c>
      <c r="R18" s="261">
        <v>7</v>
      </c>
      <c r="S18" s="261">
        <v>30</v>
      </c>
      <c r="T18" s="261">
        <v>70</v>
      </c>
      <c r="U18" s="261">
        <v>111</v>
      </c>
      <c r="V18" s="261">
        <v>239</v>
      </c>
      <c r="W18" s="258">
        <v>457</v>
      </c>
      <c r="X18" s="263">
        <v>457</v>
      </c>
      <c r="Y18" s="257">
        <v>87</v>
      </c>
      <c r="Z18" s="261">
        <v>323</v>
      </c>
      <c r="AA18" s="258">
        <v>410</v>
      </c>
      <c r="AB18" s="260">
        <v>0</v>
      </c>
      <c r="AC18" s="261">
        <v>1274</v>
      </c>
      <c r="AD18" s="261">
        <v>2956</v>
      </c>
      <c r="AE18" s="261">
        <v>1779</v>
      </c>
      <c r="AF18" s="261">
        <v>1588</v>
      </c>
      <c r="AG18" s="261">
        <v>955</v>
      </c>
      <c r="AH18" s="258">
        <v>8552</v>
      </c>
      <c r="AI18" s="263">
        <v>8962</v>
      </c>
      <c r="AJ18" s="257">
        <v>44</v>
      </c>
      <c r="AK18" s="261">
        <v>107</v>
      </c>
      <c r="AL18" s="258">
        <v>151</v>
      </c>
      <c r="AM18" s="260">
        <v>0</v>
      </c>
      <c r="AN18" s="261">
        <v>73</v>
      </c>
      <c r="AO18" s="261">
        <v>539</v>
      </c>
      <c r="AP18" s="261">
        <v>258</v>
      </c>
      <c r="AQ18" s="261">
        <v>108</v>
      </c>
      <c r="AR18" s="261">
        <v>128</v>
      </c>
      <c r="AS18" s="258">
        <v>1106</v>
      </c>
      <c r="AT18" s="263">
        <v>1257</v>
      </c>
      <c r="AU18" s="257">
        <v>0</v>
      </c>
      <c r="AV18" s="261">
        <v>0</v>
      </c>
      <c r="AW18" s="258">
        <v>0</v>
      </c>
      <c r="AX18" s="260">
        <v>0</v>
      </c>
      <c r="AY18" s="261">
        <v>3146</v>
      </c>
      <c r="AZ18" s="261">
        <v>4519</v>
      </c>
      <c r="BA18" s="261">
        <v>2987</v>
      </c>
      <c r="BB18" s="261">
        <v>1764</v>
      </c>
      <c r="BC18" s="261">
        <v>1004</v>
      </c>
      <c r="BD18" s="262">
        <v>13420</v>
      </c>
      <c r="BE18" s="263">
        <v>13420</v>
      </c>
      <c r="BF18" s="257">
        <v>0</v>
      </c>
      <c r="BG18" s="261">
        <v>0</v>
      </c>
      <c r="BH18" s="258">
        <v>0</v>
      </c>
      <c r="BI18" s="260">
        <v>0</v>
      </c>
      <c r="BJ18" s="261">
        <v>1360</v>
      </c>
      <c r="BK18" s="261">
        <v>2129</v>
      </c>
      <c r="BL18" s="261">
        <v>880</v>
      </c>
      <c r="BM18" s="261">
        <v>513</v>
      </c>
      <c r="BN18" s="261">
        <v>152</v>
      </c>
      <c r="BO18" s="258">
        <v>5034</v>
      </c>
      <c r="BP18" s="263">
        <v>5034</v>
      </c>
      <c r="BQ18" s="257">
        <v>4</v>
      </c>
      <c r="BR18" s="261">
        <v>7</v>
      </c>
      <c r="BS18" s="258">
        <v>11</v>
      </c>
      <c r="BT18" s="260">
        <v>0</v>
      </c>
      <c r="BU18" s="261">
        <v>235</v>
      </c>
      <c r="BV18" s="261">
        <v>607</v>
      </c>
      <c r="BW18" s="261">
        <v>777</v>
      </c>
      <c r="BX18" s="261">
        <v>529</v>
      </c>
      <c r="BY18" s="261">
        <v>187</v>
      </c>
      <c r="BZ18" s="258">
        <v>2335</v>
      </c>
      <c r="CA18" s="263">
        <v>2346</v>
      </c>
      <c r="CB18" s="257">
        <v>0</v>
      </c>
      <c r="CC18" s="261">
        <v>0</v>
      </c>
      <c r="CD18" s="258">
        <v>0</v>
      </c>
      <c r="CE18" s="260">
        <v>0</v>
      </c>
      <c r="CF18" s="261">
        <v>37</v>
      </c>
      <c r="CG18" s="261">
        <v>85</v>
      </c>
      <c r="CH18" s="261">
        <v>66</v>
      </c>
      <c r="CI18" s="261">
        <v>102</v>
      </c>
      <c r="CJ18" s="261">
        <v>16</v>
      </c>
      <c r="CK18" s="258">
        <v>306</v>
      </c>
      <c r="CL18" s="263">
        <v>306</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68" t="s">
        <v>17</v>
      </c>
      <c r="C19" s="257">
        <v>0</v>
      </c>
      <c r="D19" s="261">
        <v>0</v>
      </c>
      <c r="E19" s="356">
        <v>0</v>
      </c>
      <c r="F19" s="260">
        <v>0</v>
      </c>
      <c r="G19" s="261">
        <v>2751</v>
      </c>
      <c r="H19" s="261">
        <v>7532</v>
      </c>
      <c r="I19" s="261">
        <v>9649</v>
      </c>
      <c r="J19" s="261">
        <v>11525</v>
      </c>
      <c r="K19" s="261">
        <v>9436</v>
      </c>
      <c r="L19" s="262">
        <v>40893</v>
      </c>
      <c r="M19" s="263">
        <v>40893</v>
      </c>
      <c r="N19" s="257">
        <v>0</v>
      </c>
      <c r="O19" s="261">
        <v>0</v>
      </c>
      <c r="P19" s="258">
        <v>0</v>
      </c>
      <c r="Q19" s="260">
        <v>0</v>
      </c>
      <c r="R19" s="261">
        <v>4</v>
      </c>
      <c r="S19" s="261">
        <v>35</v>
      </c>
      <c r="T19" s="261">
        <v>78</v>
      </c>
      <c r="U19" s="261">
        <v>227</v>
      </c>
      <c r="V19" s="261">
        <v>424</v>
      </c>
      <c r="W19" s="258">
        <v>768</v>
      </c>
      <c r="X19" s="263">
        <v>768</v>
      </c>
      <c r="Y19" s="257">
        <v>157</v>
      </c>
      <c r="Z19" s="261">
        <v>619</v>
      </c>
      <c r="AA19" s="258">
        <v>776</v>
      </c>
      <c r="AB19" s="260">
        <v>0</v>
      </c>
      <c r="AC19" s="261">
        <v>1518</v>
      </c>
      <c r="AD19" s="261">
        <v>2984</v>
      </c>
      <c r="AE19" s="261">
        <v>2039</v>
      </c>
      <c r="AF19" s="261">
        <v>1882</v>
      </c>
      <c r="AG19" s="261">
        <v>1440</v>
      </c>
      <c r="AH19" s="258">
        <v>9863</v>
      </c>
      <c r="AI19" s="263">
        <v>10639</v>
      </c>
      <c r="AJ19" s="257">
        <v>35</v>
      </c>
      <c r="AK19" s="261">
        <v>104</v>
      </c>
      <c r="AL19" s="258">
        <v>139</v>
      </c>
      <c r="AM19" s="260">
        <v>0</v>
      </c>
      <c r="AN19" s="261">
        <v>117</v>
      </c>
      <c r="AO19" s="261">
        <v>477</v>
      </c>
      <c r="AP19" s="261">
        <v>455</v>
      </c>
      <c r="AQ19" s="261">
        <v>239</v>
      </c>
      <c r="AR19" s="261">
        <v>275</v>
      </c>
      <c r="AS19" s="258">
        <v>1563</v>
      </c>
      <c r="AT19" s="263">
        <v>1702</v>
      </c>
      <c r="AU19" s="257">
        <v>0</v>
      </c>
      <c r="AV19" s="261">
        <v>0</v>
      </c>
      <c r="AW19" s="258">
        <v>0</v>
      </c>
      <c r="AX19" s="260">
        <v>0</v>
      </c>
      <c r="AY19" s="261">
        <v>2840</v>
      </c>
      <c r="AZ19" s="261">
        <v>5465</v>
      </c>
      <c r="BA19" s="261">
        <v>3525</v>
      </c>
      <c r="BB19" s="261">
        <v>2008</v>
      </c>
      <c r="BC19" s="261">
        <v>1007</v>
      </c>
      <c r="BD19" s="262">
        <v>14845</v>
      </c>
      <c r="BE19" s="263">
        <v>14845</v>
      </c>
      <c r="BF19" s="257">
        <v>0</v>
      </c>
      <c r="BG19" s="261">
        <v>0</v>
      </c>
      <c r="BH19" s="258">
        <v>0</v>
      </c>
      <c r="BI19" s="260">
        <v>0</v>
      </c>
      <c r="BJ19" s="261">
        <v>434</v>
      </c>
      <c r="BK19" s="261">
        <v>1545</v>
      </c>
      <c r="BL19" s="261">
        <v>839</v>
      </c>
      <c r="BM19" s="261">
        <v>402</v>
      </c>
      <c r="BN19" s="261">
        <v>168</v>
      </c>
      <c r="BO19" s="258">
        <v>3388</v>
      </c>
      <c r="BP19" s="263">
        <v>3388</v>
      </c>
      <c r="BQ19" s="257">
        <v>3</v>
      </c>
      <c r="BR19" s="261">
        <v>20</v>
      </c>
      <c r="BS19" s="258">
        <v>23</v>
      </c>
      <c r="BT19" s="260">
        <v>0</v>
      </c>
      <c r="BU19" s="261">
        <v>332</v>
      </c>
      <c r="BV19" s="261">
        <v>736</v>
      </c>
      <c r="BW19" s="261">
        <v>1093</v>
      </c>
      <c r="BX19" s="261">
        <v>1104</v>
      </c>
      <c r="BY19" s="261">
        <v>382</v>
      </c>
      <c r="BZ19" s="258">
        <v>3647</v>
      </c>
      <c r="CA19" s="263">
        <v>3670</v>
      </c>
      <c r="CB19" s="257">
        <v>0</v>
      </c>
      <c r="CC19" s="261">
        <v>0</v>
      </c>
      <c r="CD19" s="258">
        <v>0</v>
      </c>
      <c r="CE19" s="260">
        <v>0</v>
      </c>
      <c r="CF19" s="261">
        <v>37</v>
      </c>
      <c r="CG19" s="261">
        <v>149</v>
      </c>
      <c r="CH19" s="261">
        <v>114</v>
      </c>
      <c r="CI19" s="261">
        <v>101</v>
      </c>
      <c r="CJ19" s="261">
        <v>77</v>
      </c>
      <c r="CK19" s="258">
        <v>478</v>
      </c>
      <c r="CL19" s="263">
        <v>478</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68" t="s">
        <v>18</v>
      </c>
      <c r="C20" s="257">
        <v>0</v>
      </c>
      <c r="D20" s="261">
        <v>0</v>
      </c>
      <c r="E20" s="356">
        <v>0</v>
      </c>
      <c r="F20" s="260">
        <v>0</v>
      </c>
      <c r="G20" s="261">
        <v>5805</v>
      </c>
      <c r="H20" s="261">
        <v>8185</v>
      </c>
      <c r="I20" s="261">
        <v>10111</v>
      </c>
      <c r="J20" s="261">
        <v>14630</v>
      </c>
      <c r="K20" s="261">
        <v>11825</v>
      </c>
      <c r="L20" s="262">
        <v>50556</v>
      </c>
      <c r="M20" s="263">
        <v>50556</v>
      </c>
      <c r="N20" s="257">
        <v>0</v>
      </c>
      <c r="O20" s="261">
        <v>0</v>
      </c>
      <c r="P20" s="258">
        <v>0</v>
      </c>
      <c r="Q20" s="260">
        <v>0</v>
      </c>
      <c r="R20" s="261">
        <v>9</v>
      </c>
      <c r="S20" s="261">
        <v>28</v>
      </c>
      <c r="T20" s="261">
        <v>49</v>
      </c>
      <c r="U20" s="261">
        <v>273</v>
      </c>
      <c r="V20" s="261">
        <v>423</v>
      </c>
      <c r="W20" s="258">
        <v>782</v>
      </c>
      <c r="X20" s="263">
        <v>782</v>
      </c>
      <c r="Y20" s="257">
        <v>301</v>
      </c>
      <c r="Z20" s="261">
        <v>855</v>
      </c>
      <c r="AA20" s="258">
        <v>1156</v>
      </c>
      <c r="AB20" s="260">
        <v>0</v>
      </c>
      <c r="AC20" s="261">
        <v>2903</v>
      </c>
      <c r="AD20" s="261">
        <v>3527</v>
      </c>
      <c r="AE20" s="261">
        <v>2416</v>
      </c>
      <c r="AF20" s="261">
        <v>2111</v>
      </c>
      <c r="AG20" s="261">
        <v>1516</v>
      </c>
      <c r="AH20" s="258">
        <v>12473</v>
      </c>
      <c r="AI20" s="263">
        <v>13629</v>
      </c>
      <c r="AJ20" s="257">
        <v>79</v>
      </c>
      <c r="AK20" s="261">
        <v>169</v>
      </c>
      <c r="AL20" s="258">
        <v>248</v>
      </c>
      <c r="AM20" s="260">
        <v>0</v>
      </c>
      <c r="AN20" s="261">
        <v>546</v>
      </c>
      <c r="AO20" s="261">
        <v>768</v>
      </c>
      <c r="AP20" s="261">
        <v>536</v>
      </c>
      <c r="AQ20" s="261">
        <v>375</v>
      </c>
      <c r="AR20" s="261">
        <v>232</v>
      </c>
      <c r="AS20" s="258">
        <v>2457</v>
      </c>
      <c r="AT20" s="263">
        <v>2705</v>
      </c>
      <c r="AU20" s="257">
        <v>0</v>
      </c>
      <c r="AV20" s="261">
        <v>0</v>
      </c>
      <c r="AW20" s="258">
        <v>0</v>
      </c>
      <c r="AX20" s="260">
        <v>0</v>
      </c>
      <c r="AY20" s="261">
        <v>6576</v>
      </c>
      <c r="AZ20" s="261">
        <v>6368</v>
      </c>
      <c r="BA20" s="261">
        <v>4743</v>
      </c>
      <c r="BB20" s="261">
        <v>2567</v>
      </c>
      <c r="BC20" s="261">
        <v>1060</v>
      </c>
      <c r="BD20" s="262">
        <v>21314</v>
      </c>
      <c r="BE20" s="263">
        <v>21314</v>
      </c>
      <c r="BF20" s="257">
        <v>0</v>
      </c>
      <c r="BG20" s="261">
        <v>0</v>
      </c>
      <c r="BH20" s="258">
        <v>0</v>
      </c>
      <c r="BI20" s="260">
        <v>0</v>
      </c>
      <c r="BJ20" s="261">
        <v>1369</v>
      </c>
      <c r="BK20" s="261">
        <v>1560</v>
      </c>
      <c r="BL20" s="261">
        <v>1005</v>
      </c>
      <c r="BM20" s="261">
        <v>551</v>
      </c>
      <c r="BN20" s="261">
        <v>167</v>
      </c>
      <c r="BO20" s="258">
        <v>4652</v>
      </c>
      <c r="BP20" s="263">
        <v>4652</v>
      </c>
      <c r="BQ20" s="257">
        <v>6</v>
      </c>
      <c r="BR20" s="261">
        <v>45</v>
      </c>
      <c r="BS20" s="258">
        <v>51</v>
      </c>
      <c r="BT20" s="260">
        <v>0</v>
      </c>
      <c r="BU20" s="261">
        <v>436</v>
      </c>
      <c r="BV20" s="261">
        <v>965</v>
      </c>
      <c r="BW20" s="261">
        <v>1642</v>
      </c>
      <c r="BX20" s="261">
        <v>1804</v>
      </c>
      <c r="BY20" s="261">
        <v>800</v>
      </c>
      <c r="BZ20" s="258">
        <v>5647</v>
      </c>
      <c r="CA20" s="263">
        <v>5698</v>
      </c>
      <c r="CB20" s="257">
        <v>0</v>
      </c>
      <c r="CC20" s="261">
        <v>0</v>
      </c>
      <c r="CD20" s="258">
        <v>0</v>
      </c>
      <c r="CE20" s="260">
        <v>0</v>
      </c>
      <c r="CF20" s="261">
        <v>4</v>
      </c>
      <c r="CG20" s="261">
        <v>19</v>
      </c>
      <c r="CH20" s="261">
        <v>33</v>
      </c>
      <c r="CI20" s="261">
        <v>20</v>
      </c>
      <c r="CJ20" s="261">
        <v>4</v>
      </c>
      <c r="CK20" s="258">
        <v>80</v>
      </c>
      <c r="CL20" s="263">
        <v>8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68" t="s">
        <v>19</v>
      </c>
      <c r="C21" s="257">
        <v>0</v>
      </c>
      <c r="D21" s="261">
        <v>0</v>
      </c>
      <c r="E21" s="356">
        <v>0</v>
      </c>
      <c r="F21" s="260">
        <v>0</v>
      </c>
      <c r="G21" s="261">
        <v>2004</v>
      </c>
      <c r="H21" s="261">
        <v>2545</v>
      </c>
      <c r="I21" s="261">
        <v>2981</v>
      </c>
      <c r="J21" s="261">
        <v>3649</v>
      </c>
      <c r="K21" s="261">
        <v>2782</v>
      </c>
      <c r="L21" s="262">
        <v>13961</v>
      </c>
      <c r="M21" s="263">
        <v>13961</v>
      </c>
      <c r="N21" s="257">
        <v>0</v>
      </c>
      <c r="O21" s="261">
        <v>0</v>
      </c>
      <c r="P21" s="258">
        <v>0</v>
      </c>
      <c r="Q21" s="260">
        <v>0</v>
      </c>
      <c r="R21" s="261">
        <v>21</v>
      </c>
      <c r="S21" s="261">
        <v>29</v>
      </c>
      <c r="T21" s="261">
        <v>40</v>
      </c>
      <c r="U21" s="261">
        <v>72</v>
      </c>
      <c r="V21" s="261">
        <v>118</v>
      </c>
      <c r="W21" s="258">
        <v>280</v>
      </c>
      <c r="X21" s="263">
        <v>280</v>
      </c>
      <c r="Y21" s="257">
        <v>236</v>
      </c>
      <c r="Z21" s="261">
        <v>306</v>
      </c>
      <c r="AA21" s="258">
        <v>542</v>
      </c>
      <c r="AB21" s="260">
        <v>0</v>
      </c>
      <c r="AC21" s="261">
        <v>1660</v>
      </c>
      <c r="AD21" s="261">
        <v>1359</v>
      </c>
      <c r="AE21" s="261">
        <v>1221</v>
      </c>
      <c r="AF21" s="261">
        <v>870</v>
      </c>
      <c r="AG21" s="261">
        <v>994</v>
      </c>
      <c r="AH21" s="258">
        <v>6104</v>
      </c>
      <c r="AI21" s="263">
        <v>6646</v>
      </c>
      <c r="AJ21" s="257">
        <v>16</v>
      </c>
      <c r="AK21" s="261">
        <v>52</v>
      </c>
      <c r="AL21" s="258">
        <v>68</v>
      </c>
      <c r="AM21" s="260">
        <v>0</v>
      </c>
      <c r="AN21" s="261">
        <v>265</v>
      </c>
      <c r="AO21" s="261">
        <v>164</v>
      </c>
      <c r="AP21" s="261">
        <v>105</v>
      </c>
      <c r="AQ21" s="261">
        <v>167</v>
      </c>
      <c r="AR21" s="261">
        <v>33</v>
      </c>
      <c r="AS21" s="258">
        <v>734</v>
      </c>
      <c r="AT21" s="263">
        <v>802</v>
      </c>
      <c r="AU21" s="257">
        <v>0</v>
      </c>
      <c r="AV21" s="261">
        <v>0</v>
      </c>
      <c r="AW21" s="258">
        <v>0</v>
      </c>
      <c r="AX21" s="260">
        <v>0</v>
      </c>
      <c r="AY21" s="261">
        <v>2256</v>
      </c>
      <c r="AZ21" s="261">
        <v>2394</v>
      </c>
      <c r="BA21" s="261">
        <v>1410</v>
      </c>
      <c r="BB21" s="261">
        <v>712</v>
      </c>
      <c r="BC21" s="261">
        <v>474</v>
      </c>
      <c r="BD21" s="262">
        <v>7246</v>
      </c>
      <c r="BE21" s="263">
        <v>7246</v>
      </c>
      <c r="BF21" s="257">
        <v>0</v>
      </c>
      <c r="BG21" s="261">
        <v>0</v>
      </c>
      <c r="BH21" s="258">
        <v>0</v>
      </c>
      <c r="BI21" s="260">
        <v>0</v>
      </c>
      <c r="BJ21" s="261">
        <v>879</v>
      </c>
      <c r="BK21" s="261">
        <v>849</v>
      </c>
      <c r="BL21" s="261">
        <v>528</v>
      </c>
      <c r="BM21" s="261">
        <v>189</v>
      </c>
      <c r="BN21" s="261">
        <v>107</v>
      </c>
      <c r="BO21" s="258">
        <v>2552</v>
      </c>
      <c r="BP21" s="263">
        <v>2552</v>
      </c>
      <c r="BQ21" s="257">
        <v>0</v>
      </c>
      <c r="BR21" s="261">
        <v>11</v>
      </c>
      <c r="BS21" s="258">
        <v>11</v>
      </c>
      <c r="BT21" s="260">
        <v>0</v>
      </c>
      <c r="BU21" s="261">
        <v>110</v>
      </c>
      <c r="BV21" s="261">
        <v>404</v>
      </c>
      <c r="BW21" s="261">
        <v>439</v>
      </c>
      <c r="BX21" s="261">
        <v>304</v>
      </c>
      <c r="BY21" s="261">
        <v>118</v>
      </c>
      <c r="BZ21" s="258">
        <v>1375</v>
      </c>
      <c r="CA21" s="263">
        <v>1386</v>
      </c>
      <c r="CB21" s="257">
        <v>0</v>
      </c>
      <c r="CC21" s="261">
        <v>0</v>
      </c>
      <c r="CD21" s="258">
        <v>0</v>
      </c>
      <c r="CE21" s="260">
        <v>0</v>
      </c>
      <c r="CF21" s="261">
        <v>29</v>
      </c>
      <c r="CG21" s="261">
        <v>65</v>
      </c>
      <c r="CH21" s="261">
        <v>71</v>
      </c>
      <c r="CI21" s="261">
        <v>126</v>
      </c>
      <c r="CJ21" s="261">
        <v>52</v>
      </c>
      <c r="CK21" s="258">
        <v>343</v>
      </c>
      <c r="CL21" s="263">
        <v>343</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68" t="s">
        <v>20</v>
      </c>
      <c r="C22" s="257">
        <v>0</v>
      </c>
      <c r="D22" s="261">
        <v>0</v>
      </c>
      <c r="E22" s="356">
        <v>0</v>
      </c>
      <c r="F22" s="260">
        <v>0</v>
      </c>
      <c r="G22" s="261">
        <v>3425</v>
      </c>
      <c r="H22" s="261">
        <v>3253</v>
      </c>
      <c r="I22" s="261">
        <v>5572</v>
      </c>
      <c r="J22" s="261">
        <v>5094</v>
      </c>
      <c r="K22" s="261">
        <v>4807</v>
      </c>
      <c r="L22" s="262">
        <v>22151</v>
      </c>
      <c r="M22" s="263">
        <v>22151</v>
      </c>
      <c r="N22" s="257">
        <v>0</v>
      </c>
      <c r="O22" s="261">
        <v>0</v>
      </c>
      <c r="P22" s="258">
        <v>0</v>
      </c>
      <c r="Q22" s="260">
        <v>0</v>
      </c>
      <c r="R22" s="261">
        <v>11</v>
      </c>
      <c r="S22" s="261">
        <v>19</v>
      </c>
      <c r="T22" s="261">
        <v>78</v>
      </c>
      <c r="U22" s="261">
        <v>140</v>
      </c>
      <c r="V22" s="261">
        <v>228</v>
      </c>
      <c r="W22" s="258">
        <v>476</v>
      </c>
      <c r="X22" s="263">
        <v>476</v>
      </c>
      <c r="Y22" s="257">
        <v>297</v>
      </c>
      <c r="Z22" s="261">
        <v>735</v>
      </c>
      <c r="AA22" s="258">
        <v>1032</v>
      </c>
      <c r="AB22" s="260">
        <v>0</v>
      </c>
      <c r="AC22" s="261">
        <v>2669</v>
      </c>
      <c r="AD22" s="261">
        <v>2090</v>
      </c>
      <c r="AE22" s="261">
        <v>1234</v>
      </c>
      <c r="AF22" s="261">
        <v>1229</v>
      </c>
      <c r="AG22" s="261">
        <v>682</v>
      </c>
      <c r="AH22" s="258">
        <v>7904</v>
      </c>
      <c r="AI22" s="263">
        <v>8936</v>
      </c>
      <c r="AJ22" s="257">
        <v>144</v>
      </c>
      <c r="AK22" s="261">
        <v>442</v>
      </c>
      <c r="AL22" s="258">
        <v>586</v>
      </c>
      <c r="AM22" s="260">
        <v>0</v>
      </c>
      <c r="AN22" s="261">
        <v>718</v>
      </c>
      <c r="AO22" s="261">
        <v>680</v>
      </c>
      <c r="AP22" s="261">
        <v>556</v>
      </c>
      <c r="AQ22" s="261">
        <v>433</v>
      </c>
      <c r="AR22" s="261">
        <v>184</v>
      </c>
      <c r="AS22" s="258">
        <v>2571</v>
      </c>
      <c r="AT22" s="263">
        <v>3157</v>
      </c>
      <c r="AU22" s="257">
        <v>0</v>
      </c>
      <c r="AV22" s="261">
        <v>0</v>
      </c>
      <c r="AW22" s="258">
        <v>0</v>
      </c>
      <c r="AX22" s="260">
        <v>0</v>
      </c>
      <c r="AY22" s="261">
        <v>3092</v>
      </c>
      <c r="AZ22" s="261">
        <v>2941</v>
      </c>
      <c r="BA22" s="261">
        <v>1864</v>
      </c>
      <c r="BB22" s="261">
        <v>891</v>
      </c>
      <c r="BC22" s="261">
        <v>354</v>
      </c>
      <c r="BD22" s="262">
        <v>9142</v>
      </c>
      <c r="BE22" s="263">
        <v>9142</v>
      </c>
      <c r="BF22" s="257">
        <v>0</v>
      </c>
      <c r="BG22" s="261">
        <v>0</v>
      </c>
      <c r="BH22" s="258">
        <v>0</v>
      </c>
      <c r="BI22" s="260">
        <v>0</v>
      </c>
      <c r="BJ22" s="261">
        <v>872</v>
      </c>
      <c r="BK22" s="261">
        <v>812</v>
      </c>
      <c r="BL22" s="261">
        <v>365</v>
      </c>
      <c r="BM22" s="261">
        <v>335</v>
      </c>
      <c r="BN22" s="261">
        <v>108</v>
      </c>
      <c r="BO22" s="258">
        <v>2492</v>
      </c>
      <c r="BP22" s="263">
        <v>2492</v>
      </c>
      <c r="BQ22" s="257">
        <v>0</v>
      </c>
      <c r="BR22" s="261">
        <v>23</v>
      </c>
      <c r="BS22" s="258">
        <v>23</v>
      </c>
      <c r="BT22" s="260">
        <v>0</v>
      </c>
      <c r="BU22" s="261">
        <v>397</v>
      </c>
      <c r="BV22" s="261">
        <v>490</v>
      </c>
      <c r="BW22" s="261">
        <v>1126</v>
      </c>
      <c r="BX22" s="261">
        <v>787</v>
      </c>
      <c r="BY22" s="261">
        <v>269</v>
      </c>
      <c r="BZ22" s="258">
        <v>3069</v>
      </c>
      <c r="CA22" s="263">
        <v>3092</v>
      </c>
      <c r="CB22" s="257">
        <v>0</v>
      </c>
      <c r="CC22" s="261">
        <v>0</v>
      </c>
      <c r="CD22" s="258">
        <v>0</v>
      </c>
      <c r="CE22" s="260">
        <v>0</v>
      </c>
      <c r="CF22" s="261">
        <v>18</v>
      </c>
      <c r="CG22" s="261">
        <v>13</v>
      </c>
      <c r="CH22" s="261">
        <v>29</v>
      </c>
      <c r="CI22" s="261">
        <v>70</v>
      </c>
      <c r="CJ22" s="261">
        <v>26</v>
      </c>
      <c r="CK22" s="258">
        <v>156</v>
      </c>
      <c r="CL22" s="263">
        <v>156</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68" t="s">
        <v>21</v>
      </c>
      <c r="C23" s="257">
        <v>0</v>
      </c>
      <c r="D23" s="261">
        <v>0</v>
      </c>
      <c r="E23" s="356">
        <v>0</v>
      </c>
      <c r="F23" s="260">
        <v>0</v>
      </c>
      <c r="G23" s="261">
        <v>3190</v>
      </c>
      <c r="H23" s="261">
        <v>5889</v>
      </c>
      <c r="I23" s="261">
        <v>7416</v>
      </c>
      <c r="J23" s="261">
        <v>7315</v>
      </c>
      <c r="K23" s="261">
        <v>6856</v>
      </c>
      <c r="L23" s="262">
        <v>30666</v>
      </c>
      <c r="M23" s="263">
        <v>30666</v>
      </c>
      <c r="N23" s="257">
        <v>0</v>
      </c>
      <c r="O23" s="261">
        <v>0</v>
      </c>
      <c r="P23" s="258">
        <v>0</v>
      </c>
      <c r="Q23" s="260">
        <v>0</v>
      </c>
      <c r="R23" s="261">
        <v>0</v>
      </c>
      <c r="S23" s="261">
        <v>20</v>
      </c>
      <c r="T23" s="261">
        <v>47</v>
      </c>
      <c r="U23" s="261">
        <v>130</v>
      </c>
      <c r="V23" s="261">
        <v>206</v>
      </c>
      <c r="W23" s="258">
        <v>403</v>
      </c>
      <c r="X23" s="263">
        <v>403</v>
      </c>
      <c r="Y23" s="257">
        <v>317</v>
      </c>
      <c r="Z23" s="261">
        <v>843</v>
      </c>
      <c r="AA23" s="258">
        <v>1160</v>
      </c>
      <c r="AB23" s="260">
        <v>0</v>
      </c>
      <c r="AC23" s="261">
        <v>1966</v>
      </c>
      <c r="AD23" s="261">
        <v>3021</v>
      </c>
      <c r="AE23" s="261">
        <v>1661</v>
      </c>
      <c r="AF23" s="261">
        <v>1485</v>
      </c>
      <c r="AG23" s="261">
        <v>1064</v>
      </c>
      <c r="AH23" s="258">
        <v>9197</v>
      </c>
      <c r="AI23" s="263">
        <v>10357</v>
      </c>
      <c r="AJ23" s="257">
        <v>170</v>
      </c>
      <c r="AK23" s="261">
        <v>272</v>
      </c>
      <c r="AL23" s="258">
        <v>442</v>
      </c>
      <c r="AM23" s="260">
        <v>0</v>
      </c>
      <c r="AN23" s="261">
        <v>270</v>
      </c>
      <c r="AO23" s="261">
        <v>467</v>
      </c>
      <c r="AP23" s="261">
        <v>300</v>
      </c>
      <c r="AQ23" s="261">
        <v>182</v>
      </c>
      <c r="AR23" s="261">
        <v>76</v>
      </c>
      <c r="AS23" s="258">
        <v>1295</v>
      </c>
      <c r="AT23" s="263">
        <v>1737</v>
      </c>
      <c r="AU23" s="257">
        <v>0</v>
      </c>
      <c r="AV23" s="261">
        <v>0</v>
      </c>
      <c r="AW23" s="258">
        <v>0</v>
      </c>
      <c r="AX23" s="260">
        <v>0</v>
      </c>
      <c r="AY23" s="261">
        <v>2825</v>
      </c>
      <c r="AZ23" s="261">
        <v>3457</v>
      </c>
      <c r="BA23" s="261">
        <v>2271</v>
      </c>
      <c r="BB23" s="261">
        <v>1163</v>
      </c>
      <c r="BC23" s="261">
        <v>343</v>
      </c>
      <c r="BD23" s="262">
        <v>10059</v>
      </c>
      <c r="BE23" s="263">
        <v>10059</v>
      </c>
      <c r="BF23" s="257">
        <v>0</v>
      </c>
      <c r="BG23" s="261">
        <v>0</v>
      </c>
      <c r="BH23" s="258">
        <v>0</v>
      </c>
      <c r="BI23" s="260">
        <v>0</v>
      </c>
      <c r="BJ23" s="261">
        <v>416</v>
      </c>
      <c r="BK23" s="261">
        <v>513</v>
      </c>
      <c r="BL23" s="261">
        <v>277</v>
      </c>
      <c r="BM23" s="261">
        <v>160</v>
      </c>
      <c r="BN23" s="261">
        <v>49</v>
      </c>
      <c r="BO23" s="258">
        <v>1415</v>
      </c>
      <c r="BP23" s="263">
        <v>1415</v>
      </c>
      <c r="BQ23" s="257">
        <v>13</v>
      </c>
      <c r="BR23" s="261">
        <v>33</v>
      </c>
      <c r="BS23" s="258">
        <v>46</v>
      </c>
      <c r="BT23" s="260">
        <v>0</v>
      </c>
      <c r="BU23" s="261">
        <v>234</v>
      </c>
      <c r="BV23" s="261">
        <v>398</v>
      </c>
      <c r="BW23" s="261">
        <v>940</v>
      </c>
      <c r="BX23" s="261">
        <v>1025</v>
      </c>
      <c r="BY23" s="261">
        <v>492</v>
      </c>
      <c r="BZ23" s="258">
        <v>3089</v>
      </c>
      <c r="CA23" s="263">
        <v>3135</v>
      </c>
      <c r="CB23" s="257">
        <v>0</v>
      </c>
      <c r="CC23" s="261">
        <v>0</v>
      </c>
      <c r="CD23" s="258">
        <v>0</v>
      </c>
      <c r="CE23" s="260">
        <v>0</v>
      </c>
      <c r="CF23" s="261">
        <v>21</v>
      </c>
      <c r="CG23" s="261">
        <v>12</v>
      </c>
      <c r="CH23" s="261">
        <v>37</v>
      </c>
      <c r="CI23" s="261">
        <v>25</v>
      </c>
      <c r="CJ23" s="261">
        <v>22</v>
      </c>
      <c r="CK23" s="258">
        <v>117</v>
      </c>
      <c r="CL23" s="263">
        <v>117</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68" t="s">
        <v>22</v>
      </c>
      <c r="C24" s="257">
        <v>0</v>
      </c>
      <c r="D24" s="261">
        <v>0</v>
      </c>
      <c r="E24" s="356">
        <v>0</v>
      </c>
      <c r="F24" s="260">
        <v>0</v>
      </c>
      <c r="G24" s="261">
        <v>549</v>
      </c>
      <c r="H24" s="261">
        <v>775</v>
      </c>
      <c r="I24" s="261">
        <v>618</v>
      </c>
      <c r="J24" s="261">
        <v>926</v>
      </c>
      <c r="K24" s="261">
        <v>1247</v>
      </c>
      <c r="L24" s="262">
        <v>4115</v>
      </c>
      <c r="M24" s="263">
        <v>4115</v>
      </c>
      <c r="N24" s="257">
        <v>0</v>
      </c>
      <c r="O24" s="261">
        <v>0</v>
      </c>
      <c r="P24" s="258">
        <v>0</v>
      </c>
      <c r="Q24" s="260">
        <v>0</v>
      </c>
      <c r="R24" s="261">
        <v>17</v>
      </c>
      <c r="S24" s="261">
        <v>0</v>
      </c>
      <c r="T24" s="261">
        <v>7</v>
      </c>
      <c r="U24" s="261">
        <v>32</v>
      </c>
      <c r="V24" s="261">
        <v>70</v>
      </c>
      <c r="W24" s="258">
        <v>126</v>
      </c>
      <c r="X24" s="263">
        <v>126</v>
      </c>
      <c r="Y24" s="257">
        <v>34</v>
      </c>
      <c r="Z24" s="261">
        <v>68</v>
      </c>
      <c r="AA24" s="258">
        <v>102</v>
      </c>
      <c r="AB24" s="260">
        <v>0</v>
      </c>
      <c r="AC24" s="261">
        <v>353</v>
      </c>
      <c r="AD24" s="261">
        <v>364</v>
      </c>
      <c r="AE24" s="261">
        <v>250</v>
      </c>
      <c r="AF24" s="261">
        <v>208</v>
      </c>
      <c r="AG24" s="261">
        <v>319</v>
      </c>
      <c r="AH24" s="258">
        <v>1494</v>
      </c>
      <c r="AI24" s="263">
        <v>1596</v>
      </c>
      <c r="AJ24" s="257">
        <v>0</v>
      </c>
      <c r="AK24" s="261">
        <v>9</v>
      </c>
      <c r="AL24" s="258">
        <v>9</v>
      </c>
      <c r="AM24" s="260">
        <v>0</v>
      </c>
      <c r="AN24" s="261">
        <v>104</v>
      </c>
      <c r="AO24" s="261">
        <v>116</v>
      </c>
      <c r="AP24" s="261">
        <v>81</v>
      </c>
      <c r="AQ24" s="261">
        <v>118</v>
      </c>
      <c r="AR24" s="261">
        <v>38</v>
      </c>
      <c r="AS24" s="258">
        <v>457</v>
      </c>
      <c r="AT24" s="263">
        <v>466</v>
      </c>
      <c r="AU24" s="257">
        <v>0</v>
      </c>
      <c r="AV24" s="261">
        <v>0</v>
      </c>
      <c r="AW24" s="258">
        <v>0</v>
      </c>
      <c r="AX24" s="260">
        <v>0</v>
      </c>
      <c r="AY24" s="261">
        <v>713</v>
      </c>
      <c r="AZ24" s="261">
        <v>1037</v>
      </c>
      <c r="BA24" s="261">
        <v>525</v>
      </c>
      <c r="BB24" s="261">
        <v>185</v>
      </c>
      <c r="BC24" s="261">
        <v>137</v>
      </c>
      <c r="BD24" s="262">
        <v>2597</v>
      </c>
      <c r="BE24" s="263">
        <v>2597</v>
      </c>
      <c r="BF24" s="257">
        <v>0</v>
      </c>
      <c r="BG24" s="261">
        <v>0</v>
      </c>
      <c r="BH24" s="258">
        <v>0</v>
      </c>
      <c r="BI24" s="260">
        <v>0</v>
      </c>
      <c r="BJ24" s="261">
        <v>152</v>
      </c>
      <c r="BK24" s="261">
        <v>168</v>
      </c>
      <c r="BL24" s="261">
        <v>45</v>
      </c>
      <c r="BM24" s="261">
        <v>100</v>
      </c>
      <c r="BN24" s="261">
        <v>28</v>
      </c>
      <c r="BO24" s="258">
        <v>493</v>
      </c>
      <c r="BP24" s="263">
        <v>493</v>
      </c>
      <c r="BQ24" s="257">
        <v>0</v>
      </c>
      <c r="BR24" s="261">
        <v>13</v>
      </c>
      <c r="BS24" s="258">
        <v>13</v>
      </c>
      <c r="BT24" s="260">
        <v>0</v>
      </c>
      <c r="BU24" s="261">
        <v>55</v>
      </c>
      <c r="BV24" s="261">
        <v>65</v>
      </c>
      <c r="BW24" s="261">
        <v>128</v>
      </c>
      <c r="BX24" s="261">
        <v>154</v>
      </c>
      <c r="BY24" s="261">
        <v>96</v>
      </c>
      <c r="BZ24" s="258">
        <v>498</v>
      </c>
      <c r="CA24" s="263">
        <v>511</v>
      </c>
      <c r="CB24" s="257">
        <v>0</v>
      </c>
      <c r="CC24" s="261">
        <v>0</v>
      </c>
      <c r="CD24" s="258">
        <v>0</v>
      </c>
      <c r="CE24" s="260">
        <v>0</v>
      </c>
      <c r="CF24" s="261">
        <v>27</v>
      </c>
      <c r="CG24" s="261">
        <v>4</v>
      </c>
      <c r="CH24" s="261">
        <v>13</v>
      </c>
      <c r="CI24" s="261">
        <v>59</v>
      </c>
      <c r="CJ24" s="261">
        <v>8</v>
      </c>
      <c r="CK24" s="258">
        <v>111</v>
      </c>
      <c r="CL24" s="263">
        <v>111</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68" t="s">
        <v>23</v>
      </c>
      <c r="C25" s="257">
        <v>0</v>
      </c>
      <c r="D25" s="261">
        <v>0</v>
      </c>
      <c r="E25" s="356">
        <v>0</v>
      </c>
      <c r="F25" s="260">
        <v>0</v>
      </c>
      <c r="G25" s="261">
        <v>1762</v>
      </c>
      <c r="H25" s="261">
        <v>2151</v>
      </c>
      <c r="I25" s="261">
        <v>2640</v>
      </c>
      <c r="J25" s="261">
        <v>3227</v>
      </c>
      <c r="K25" s="261">
        <v>2554</v>
      </c>
      <c r="L25" s="262">
        <v>12334</v>
      </c>
      <c r="M25" s="263">
        <v>12334</v>
      </c>
      <c r="N25" s="257">
        <v>0</v>
      </c>
      <c r="O25" s="261">
        <v>0</v>
      </c>
      <c r="P25" s="258">
        <v>0</v>
      </c>
      <c r="Q25" s="260">
        <v>0</v>
      </c>
      <c r="R25" s="261">
        <v>5</v>
      </c>
      <c r="S25" s="261">
        <v>11</v>
      </c>
      <c r="T25" s="261">
        <v>20</v>
      </c>
      <c r="U25" s="261">
        <v>96</v>
      </c>
      <c r="V25" s="261">
        <v>126</v>
      </c>
      <c r="W25" s="258">
        <v>258</v>
      </c>
      <c r="X25" s="263">
        <v>258</v>
      </c>
      <c r="Y25" s="257">
        <v>221</v>
      </c>
      <c r="Z25" s="261">
        <v>560</v>
      </c>
      <c r="AA25" s="258">
        <v>781</v>
      </c>
      <c r="AB25" s="260">
        <v>0</v>
      </c>
      <c r="AC25" s="261">
        <v>934</v>
      </c>
      <c r="AD25" s="261">
        <v>1818</v>
      </c>
      <c r="AE25" s="261">
        <v>962</v>
      </c>
      <c r="AF25" s="261">
        <v>818</v>
      </c>
      <c r="AG25" s="261">
        <v>560</v>
      </c>
      <c r="AH25" s="258">
        <v>5092</v>
      </c>
      <c r="AI25" s="263">
        <v>5873</v>
      </c>
      <c r="AJ25" s="257">
        <v>48</v>
      </c>
      <c r="AK25" s="261">
        <v>130</v>
      </c>
      <c r="AL25" s="258">
        <v>178</v>
      </c>
      <c r="AM25" s="260">
        <v>0</v>
      </c>
      <c r="AN25" s="261">
        <v>113</v>
      </c>
      <c r="AO25" s="261">
        <v>234</v>
      </c>
      <c r="AP25" s="261">
        <v>120</v>
      </c>
      <c r="AQ25" s="261">
        <v>109</v>
      </c>
      <c r="AR25" s="261">
        <v>64</v>
      </c>
      <c r="AS25" s="258">
        <v>640</v>
      </c>
      <c r="AT25" s="263">
        <v>818</v>
      </c>
      <c r="AU25" s="257">
        <v>0</v>
      </c>
      <c r="AV25" s="261">
        <v>0</v>
      </c>
      <c r="AW25" s="258">
        <v>0</v>
      </c>
      <c r="AX25" s="260">
        <v>0</v>
      </c>
      <c r="AY25" s="261">
        <v>2591</v>
      </c>
      <c r="AZ25" s="261">
        <v>2391</v>
      </c>
      <c r="BA25" s="261">
        <v>1682</v>
      </c>
      <c r="BB25" s="261">
        <v>982</v>
      </c>
      <c r="BC25" s="261">
        <v>330</v>
      </c>
      <c r="BD25" s="262">
        <v>7976</v>
      </c>
      <c r="BE25" s="263">
        <v>7976</v>
      </c>
      <c r="BF25" s="257">
        <v>0</v>
      </c>
      <c r="BG25" s="261">
        <v>0</v>
      </c>
      <c r="BH25" s="258">
        <v>0</v>
      </c>
      <c r="BI25" s="260">
        <v>0</v>
      </c>
      <c r="BJ25" s="261">
        <v>279</v>
      </c>
      <c r="BK25" s="261">
        <v>342</v>
      </c>
      <c r="BL25" s="261">
        <v>316</v>
      </c>
      <c r="BM25" s="261">
        <v>170</v>
      </c>
      <c r="BN25" s="261">
        <v>66</v>
      </c>
      <c r="BO25" s="258">
        <v>1173</v>
      </c>
      <c r="BP25" s="263">
        <v>1173</v>
      </c>
      <c r="BQ25" s="257">
        <v>14</v>
      </c>
      <c r="BR25" s="261">
        <v>11</v>
      </c>
      <c r="BS25" s="258">
        <v>25</v>
      </c>
      <c r="BT25" s="260">
        <v>0</v>
      </c>
      <c r="BU25" s="261">
        <v>222</v>
      </c>
      <c r="BV25" s="261">
        <v>479</v>
      </c>
      <c r="BW25" s="261">
        <v>622</v>
      </c>
      <c r="BX25" s="261">
        <v>410</v>
      </c>
      <c r="BY25" s="261">
        <v>147</v>
      </c>
      <c r="BZ25" s="258">
        <v>1880</v>
      </c>
      <c r="CA25" s="263">
        <v>1905</v>
      </c>
      <c r="CB25" s="257">
        <v>6</v>
      </c>
      <c r="CC25" s="261">
        <v>0</v>
      </c>
      <c r="CD25" s="258">
        <v>6</v>
      </c>
      <c r="CE25" s="260">
        <v>0</v>
      </c>
      <c r="CF25" s="261">
        <v>3</v>
      </c>
      <c r="CG25" s="261">
        <v>8</v>
      </c>
      <c r="CH25" s="261">
        <v>16</v>
      </c>
      <c r="CI25" s="261">
        <v>32</v>
      </c>
      <c r="CJ25" s="261">
        <v>33</v>
      </c>
      <c r="CK25" s="258">
        <v>92</v>
      </c>
      <c r="CL25" s="263">
        <v>98</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68" t="s">
        <v>24</v>
      </c>
      <c r="C26" s="257">
        <v>0</v>
      </c>
      <c r="D26" s="261">
        <v>0</v>
      </c>
      <c r="E26" s="356">
        <v>0</v>
      </c>
      <c r="F26" s="260">
        <v>0</v>
      </c>
      <c r="G26" s="261">
        <v>651</v>
      </c>
      <c r="H26" s="261">
        <v>954</v>
      </c>
      <c r="I26" s="261">
        <v>1608</v>
      </c>
      <c r="J26" s="261">
        <v>1341</v>
      </c>
      <c r="K26" s="261">
        <v>1611</v>
      </c>
      <c r="L26" s="262">
        <v>6165</v>
      </c>
      <c r="M26" s="263">
        <v>6165</v>
      </c>
      <c r="N26" s="257">
        <v>0</v>
      </c>
      <c r="O26" s="261">
        <v>0</v>
      </c>
      <c r="P26" s="258">
        <v>0</v>
      </c>
      <c r="Q26" s="260">
        <v>0</v>
      </c>
      <c r="R26" s="261">
        <v>4</v>
      </c>
      <c r="S26" s="261">
        <v>6</v>
      </c>
      <c r="T26" s="261">
        <v>15</v>
      </c>
      <c r="U26" s="261">
        <v>53</v>
      </c>
      <c r="V26" s="261">
        <v>96</v>
      </c>
      <c r="W26" s="258">
        <v>174</v>
      </c>
      <c r="X26" s="263">
        <v>174</v>
      </c>
      <c r="Y26" s="257">
        <v>111</v>
      </c>
      <c r="Z26" s="261">
        <v>190</v>
      </c>
      <c r="AA26" s="258">
        <v>301</v>
      </c>
      <c r="AB26" s="260">
        <v>0</v>
      </c>
      <c r="AC26" s="261">
        <v>605</v>
      </c>
      <c r="AD26" s="261">
        <v>595</v>
      </c>
      <c r="AE26" s="261">
        <v>280</v>
      </c>
      <c r="AF26" s="261">
        <v>452</v>
      </c>
      <c r="AG26" s="261">
        <v>348</v>
      </c>
      <c r="AH26" s="258">
        <v>2280</v>
      </c>
      <c r="AI26" s="263">
        <v>2581</v>
      </c>
      <c r="AJ26" s="257">
        <v>0</v>
      </c>
      <c r="AK26" s="261">
        <v>8</v>
      </c>
      <c r="AL26" s="258">
        <v>8</v>
      </c>
      <c r="AM26" s="260">
        <v>0</v>
      </c>
      <c r="AN26" s="261">
        <v>32</v>
      </c>
      <c r="AO26" s="261">
        <v>78</v>
      </c>
      <c r="AP26" s="261">
        <v>24</v>
      </c>
      <c r="AQ26" s="261">
        <v>32</v>
      </c>
      <c r="AR26" s="261">
        <v>36</v>
      </c>
      <c r="AS26" s="258">
        <v>202</v>
      </c>
      <c r="AT26" s="263">
        <v>210</v>
      </c>
      <c r="AU26" s="257">
        <v>0</v>
      </c>
      <c r="AV26" s="261">
        <v>0</v>
      </c>
      <c r="AW26" s="258">
        <v>0</v>
      </c>
      <c r="AX26" s="260">
        <v>0</v>
      </c>
      <c r="AY26" s="261">
        <v>968</v>
      </c>
      <c r="AZ26" s="261">
        <v>872</v>
      </c>
      <c r="BA26" s="261">
        <v>343</v>
      </c>
      <c r="BB26" s="261">
        <v>207</v>
      </c>
      <c r="BC26" s="261">
        <v>88</v>
      </c>
      <c r="BD26" s="262">
        <v>2478</v>
      </c>
      <c r="BE26" s="263">
        <v>2478</v>
      </c>
      <c r="BF26" s="257">
        <v>0</v>
      </c>
      <c r="BG26" s="261">
        <v>0</v>
      </c>
      <c r="BH26" s="258">
        <v>0</v>
      </c>
      <c r="BI26" s="260">
        <v>0</v>
      </c>
      <c r="BJ26" s="261">
        <v>436</v>
      </c>
      <c r="BK26" s="261">
        <v>275</v>
      </c>
      <c r="BL26" s="261">
        <v>205</v>
      </c>
      <c r="BM26" s="261">
        <v>118</v>
      </c>
      <c r="BN26" s="261">
        <v>112</v>
      </c>
      <c r="BO26" s="258">
        <v>1146</v>
      </c>
      <c r="BP26" s="263">
        <v>1146</v>
      </c>
      <c r="BQ26" s="257">
        <v>4</v>
      </c>
      <c r="BR26" s="261">
        <v>9</v>
      </c>
      <c r="BS26" s="258">
        <v>13</v>
      </c>
      <c r="BT26" s="260">
        <v>0</v>
      </c>
      <c r="BU26" s="261">
        <v>106</v>
      </c>
      <c r="BV26" s="261">
        <v>142</v>
      </c>
      <c r="BW26" s="261">
        <v>193</v>
      </c>
      <c r="BX26" s="261">
        <v>227</v>
      </c>
      <c r="BY26" s="261">
        <v>88</v>
      </c>
      <c r="BZ26" s="258">
        <v>756</v>
      </c>
      <c r="CA26" s="263">
        <v>769</v>
      </c>
      <c r="CB26" s="257">
        <v>0</v>
      </c>
      <c r="CC26" s="261">
        <v>0</v>
      </c>
      <c r="CD26" s="258">
        <v>0</v>
      </c>
      <c r="CE26" s="260">
        <v>0</v>
      </c>
      <c r="CF26" s="261">
        <v>8</v>
      </c>
      <c r="CG26" s="261">
        <v>0</v>
      </c>
      <c r="CH26" s="261">
        <v>15</v>
      </c>
      <c r="CI26" s="261">
        <v>7</v>
      </c>
      <c r="CJ26" s="261">
        <v>19</v>
      </c>
      <c r="CK26" s="258">
        <v>49</v>
      </c>
      <c r="CL26" s="263">
        <v>49</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68" t="s">
        <v>25</v>
      </c>
      <c r="C27" s="257">
        <v>0</v>
      </c>
      <c r="D27" s="261">
        <v>0</v>
      </c>
      <c r="E27" s="356">
        <v>0</v>
      </c>
      <c r="F27" s="260">
        <v>0</v>
      </c>
      <c r="G27" s="261">
        <v>1533</v>
      </c>
      <c r="H27" s="261">
        <v>1781</v>
      </c>
      <c r="I27" s="261">
        <v>1956</v>
      </c>
      <c r="J27" s="261">
        <v>2273</v>
      </c>
      <c r="K27" s="261">
        <v>2691</v>
      </c>
      <c r="L27" s="262">
        <v>10234</v>
      </c>
      <c r="M27" s="263">
        <v>10234</v>
      </c>
      <c r="N27" s="257">
        <v>0</v>
      </c>
      <c r="O27" s="261">
        <v>0</v>
      </c>
      <c r="P27" s="258">
        <v>0</v>
      </c>
      <c r="Q27" s="260">
        <v>0</v>
      </c>
      <c r="R27" s="261">
        <v>8</v>
      </c>
      <c r="S27" s="261">
        <v>42</v>
      </c>
      <c r="T27" s="261">
        <v>46</v>
      </c>
      <c r="U27" s="261">
        <v>76</v>
      </c>
      <c r="V27" s="261">
        <v>110</v>
      </c>
      <c r="W27" s="258">
        <v>282</v>
      </c>
      <c r="X27" s="263">
        <v>282</v>
      </c>
      <c r="Y27" s="257">
        <v>88</v>
      </c>
      <c r="Z27" s="261">
        <v>327</v>
      </c>
      <c r="AA27" s="258">
        <v>415</v>
      </c>
      <c r="AB27" s="260">
        <v>0</v>
      </c>
      <c r="AC27" s="261">
        <v>641</v>
      </c>
      <c r="AD27" s="261">
        <v>765</v>
      </c>
      <c r="AE27" s="261">
        <v>528</v>
      </c>
      <c r="AF27" s="261">
        <v>357</v>
      </c>
      <c r="AG27" s="261">
        <v>287</v>
      </c>
      <c r="AH27" s="258">
        <v>2578</v>
      </c>
      <c r="AI27" s="263">
        <v>2993</v>
      </c>
      <c r="AJ27" s="257">
        <v>2</v>
      </c>
      <c r="AK27" s="261">
        <v>52</v>
      </c>
      <c r="AL27" s="258">
        <v>54</v>
      </c>
      <c r="AM27" s="260">
        <v>0</v>
      </c>
      <c r="AN27" s="261">
        <v>20</v>
      </c>
      <c r="AO27" s="261">
        <v>153</v>
      </c>
      <c r="AP27" s="261">
        <v>64</v>
      </c>
      <c r="AQ27" s="261">
        <v>42</v>
      </c>
      <c r="AR27" s="261">
        <v>62</v>
      </c>
      <c r="AS27" s="258">
        <v>341</v>
      </c>
      <c r="AT27" s="263">
        <v>395</v>
      </c>
      <c r="AU27" s="257">
        <v>0</v>
      </c>
      <c r="AV27" s="261">
        <v>0</v>
      </c>
      <c r="AW27" s="258">
        <v>0</v>
      </c>
      <c r="AX27" s="260">
        <v>0</v>
      </c>
      <c r="AY27" s="261">
        <v>1424</v>
      </c>
      <c r="AZ27" s="261">
        <v>964</v>
      </c>
      <c r="BA27" s="261">
        <v>829</v>
      </c>
      <c r="BB27" s="261">
        <v>546</v>
      </c>
      <c r="BC27" s="261">
        <v>148</v>
      </c>
      <c r="BD27" s="262">
        <v>3911</v>
      </c>
      <c r="BE27" s="263">
        <v>3911</v>
      </c>
      <c r="BF27" s="257">
        <v>0</v>
      </c>
      <c r="BG27" s="261">
        <v>0</v>
      </c>
      <c r="BH27" s="258">
        <v>0</v>
      </c>
      <c r="BI27" s="260">
        <v>0</v>
      </c>
      <c r="BJ27" s="261">
        <v>275</v>
      </c>
      <c r="BK27" s="261">
        <v>445</v>
      </c>
      <c r="BL27" s="261">
        <v>215</v>
      </c>
      <c r="BM27" s="261">
        <v>141</v>
      </c>
      <c r="BN27" s="261">
        <v>31</v>
      </c>
      <c r="BO27" s="258">
        <v>1107</v>
      </c>
      <c r="BP27" s="263">
        <v>1107</v>
      </c>
      <c r="BQ27" s="257">
        <v>0</v>
      </c>
      <c r="BR27" s="261">
        <v>8</v>
      </c>
      <c r="BS27" s="258">
        <v>8</v>
      </c>
      <c r="BT27" s="260">
        <v>0</v>
      </c>
      <c r="BU27" s="261">
        <v>164</v>
      </c>
      <c r="BV27" s="261">
        <v>220</v>
      </c>
      <c r="BW27" s="261">
        <v>218</v>
      </c>
      <c r="BX27" s="261">
        <v>108</v>
      </c>
      <c r="BY27" s="261">
        <v>85</v>
      </c>
      <c r="BZ27" s="258">
        <v>795</v>
      </c>
      <c r="CA27" s="263">
        <v>803</v>
      </c>
      <c r="CB27" s="257">
        <v>0</v>
      </c>
      <c r="CC27" s="261">
        <v>0</v>
      </c>
      <c r="CD27" s="258">
        <v>0</v>
      </c>
      <c r="CE27" s="260">
        <v>0</v>
      </c>
      <c r="CF27" s="261">
        <v>28</v>
      </c>
      <c r="CG27" s="261">
        <v>54</v>
      </c>
      <c r="CH27" s="261">
        <v>31</v>
      </c>
      <c r="CI27" s="261">
        <v>38</v>
      </c>
      <c r="CJ27" s="261">
        <v>23</v>
      </c>
      <c r="CK27" s="258">
        <v>174</v>
      </c>
      <c r="CL27" s="263">
        <v>17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68" t="s">
        <v>26</v>
      </c>
      <c r="C28" s="257">
        <v>0</v>
      </c>
      <c r="D28" s="261">
        <v>0</v>
      </c>
      <c r="E28" s="356">
        <v>0</v>
      </c>
      <c r="F28" s="260">
        <v>0</v>
      </c>
      <c r="G28" s="261">
        <v>923</v>
      </c>
      <c r="H28" s="261">
        <v>1431</v>
      </c>
      <c r="I28" s="261">
        <v>1583</v>
      </c>
      <c r="J28" s="261">
        <v>1411</v>
      </c>
      <c r="K28" s="261">
        <v>2156</v>
      </c>
      <c r="L28" s="262">
        <v>7504</v>
      </c>
      <c r="M28" s="263">
        <v>7504</v>
      </c>
      <c r="N28" s="257">
        <v>0</v>
      </c>
      <c r="O28" s="261">
        <v>0</v>
      </c>
      <c r="P28" s="258">
        <v>0</v>
      </c>
      <c r="Q28" s="260">
        <v>0</v>
      </c>
      <c r="R28" s="261">
        <v>0</v>
      </c>
      <c r="S28" s="261">
        <v>0</v>
      </c>
      <c r="T28" s="261">
        <v>18</v>
      </c>
      <c r="U28" s="261">
        <v>37</v>
      </c>
      <c r="V28" s="261">
        <v>85</v>
      </c>
      <c r="W28" s="258">
        <v>140</v>
      </c>
      <c r="X28" s="263">
        <v>140</v>
      </c>
      <c r="Y28" s="257">
        <v>73</v>
      </c>
      <c r="Z28" s="261">
        <v>87</v>
      </c>
      <c r="AA28" s="258">
        <v>160</v>
      </c>
      <c r="AB28" s="260">
        <v>0</v>
      </c>
      <c r="AC28" s="261">
        <v>482</v>
      </c>
      <c r="AD28" s="261">
        <v>562</v>
      </c>
      <c r="AE28" s="261">
        <v>347</v>
      </c>
      <c r="AF28" s="261">
        <v>278</v>
      </c>
      <c r="AG28" s="261">
        <v>369</v>
      </c>
      <c r="AH28" s="258">
        <v>2038</v>
      </c>
      <c r="AI28" s="263">
        <v>2198</v>
      </c>
      <c r="AJ28" s="257">
        <v>0</v>
      </c>
      <c r="AK28" s="261">
        <v>27</v>
      </c>
      <c r="AL28" s="258">
        <v>27</v>
      </c>
      <c r="AM28" s="260">
        <v>0</v>
      </c>
      <c r="AN28" s="261">
        <v>0</v>
      </c>
      <c r="AO28" s="261">
        <v>26</v>
      </c>
      <c r="AP28" s="261">
        <v>126</v>
      </c>
      <c r="AQ28" s="261">
        <v>23</v>
      </c>
      <c r="AR28" s="261">
        <v>53</v>
      </c>
      <c r="AS28" s="258">
        <v>228</v>
      </c>
      <c r="AT28" s="263">
        <v>255</v>
      </c>
      <c r="AU28" s="257">
        <v>0</v>
      </c>
      <c r="AV28" s="261">
        <v>0</v>
      </c>
      <c r="AW28" s="258">
        <v>0</v>
      </c>
      <c r="AX28" s="260">
        <v>0</v>
      </c>
      <c r="AY28" s="261">
        <v>967</v>
      </c>
      <c r="AZ28" s="261">
        <v>843</v>
      </c>
      <c r="BA28" s="261">
        <v>529</v>
      </c>
      <c r="BB28" s="261">
        <v>229</v>
      </c>
      <c r="BC28" s="261">
        <v>216</v>
      </c>
      <c r="BD28" s="262">
        <v>2784</v>
      </c>
      <c r="BE28" s="263">
        <v>2784</v>
      </c>
      <c r="BF28" s="257">
        <v>0</v>
      </c>
      <c r="BG28" s="261">
        <v>0</v>
      </c>
      <c r="BH28" s="258">
        <v>0</v>
      </c>
      <c r="BI28" s="260">
        <v>0</v>
      </c>
      <c r="BJ28" s="261">
        <v>177</v>
      </c>
      <c r="BK28" s="261">
        <v>192</v>
      </c>
      <c r="BL28" s="261">
        <v>128</v>
      </c>
      <c r="BM28" s="261">
        <v>74</v>
      </c>
      <c r="BN28" s="261">
        <v>44</v>
      </c>
      <c r="BO28" s="258">
        <v>615</v>
      </c>
      <c r="BP28" s="263">
        <v>615</v>
      </c>
      <c r="BQ28" s="257">
        <v>0</v>
      </c>
      <c r="BR28" s="261">
        <v>0</v>
      </c>
      <c r="BS28" s="258">
        <v>0</v>
      </c>
      <c r="BT28" s="260">
        <v>0</v>
      </c>
      <c r="BU28" s="261">
        <v>119</v>
      </c>
      <c r="BV28" s="261">
        <v>134</v>
      </c>
      <c r="BW28" s="261">
        <v>300</v>
      </c>
      <c r="BX28" s="261">
        <v>166</v>
      </c>
      <c r="BY28" s="261">
        <v>161</v>
      </c>
      <c r="BZ28" s="258">
        <v>880</v>
      </c>
      <c r="CA28" s="263">
        <v>880</v>
      </c>
      <c r="CB28" s="257">
        <v>0</v>
      </c>
      <c r="CC28" s="261">
        <v>0</v>
      </c>
      <c r="CD28" s="258">
        <v>0</v>
      </c>
      <c r="CE28" s="260">
        <v>0</v>
      </c>
      <c r="CF28" s="261">
        <v>15</v>
      </c>
      <c r="CG28" s="261">
        <v>13</v>
      </c>
      <c r="CH28" s="261">
        <v>19</v>
      </c>
      <c r="CI28" s="261">
        <v>30</v>
      </c>
      <c r="CJ28" s="261">
        <v>11</v>
      </c>
      <c r="CK28" s="258">
        <v>88</v>
      </c>
      <c r="CL28" s="263">
        <v>88</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68" t="s">
        <v>27</v>
      </c>
      <c r="C29" s="257">
        <v>0</v>
      </c>
      <c r="D29" s="261">
        <v>0</v>
      </c>
      <c r="E29" s="356">
        <v>0</v>
      </c>
      <c r="F29" s="260">
        <v>0</v>
      </c>
      <c r="G29" s="261">
        <v>733</v>
      </c>
      <c r="H29" s="261">
        <v>793</v>
      </c>
      <c r="I29" s="261">
        <v>934</v>
      </c>
      <c r="J29" s="261">
        <v>759</v>
      </c>
      <c r="K29" s="261">
        <v>1394</v>
      </c>
      <c r="L29" s="262">
        <v>4613</v>
      </c>
      <c r="M29" s="263">
        <v>4613</v>
      </c>
      <c r="N29" s="257">
        <v>0</v>
      </c>
      <c r="O29" s="261">
        <v>0</v>
      </c>
      <c r="P29" s="258">
        <v>0</v>
      </c>
      <c r="Q29" s="260">
        <v>0</v>
      </c>
      <c r="R29" s="261">
        <v>4</v>
      </c>
      <c r="S29" s="261">
        <v>24</v>
      </c>
      <c r="T29" s="261">
        <v>16</v>
      </c>
      <c r="U29" s="261">
        <v>28</v>
      </c>
      <c r="V29" s="261">
        <v>105</v>
      </c>
      <c r="W29" s="258">
        <v>177</v>
      </c>
      <c r="X29" s="263">
        <v>177</v>
      </c>
      <c r="Y29" s="257">
        <v>119</v>
      </c>
      <c r="Z29" s="261">
        <v>285</v>
      </c>
      <c r="AA29" s="258">
        <v>404</v>
      </c>
      <c r="AB29" s="260">
        <v>0</v>
      </c>
      <c r="AC29" s="261">
        <v>226</v>
      </c>
      <c r="AD29" s="261">
        <v>492</v>
      </c>
      <c r="AE29" s="261">
        <v>356</v>
      </c>
      <c r="AF29" s="261">
        <v>217</v>
      </c>
      <c r="AG29" s="261">
        <v>342</v>
      </c>
      <c r="AH29" s="258">
        <v>1633</v>
      </c>
      <c r="AI29" s="263">
        <v>2037</v>
      </c>
      <c r="AJ29" s="257">
        <v>15</v>
      </c>
      <c r="AK29" s="261">
        <v>23</v>
      </c>
      <c r="AL29" s="258">
        <v>38</v>
      </c>
      <c r="AM29" s="260">
        <v>0</v>
      </c>
      <c r="AN29" s="261">
        <v>21</v>
      </c>
      <c r="AO29" s="261">
        <v>24</v>
      </c>
      <c r="AP29" s="261">
        <v>12</v>
      </c>
      <c r="AQ29" s="261">
        <v>0</v>
      </c>
      <c r="AR29" s="261">
        <v>4</v>
      </c>
      <c r="AS29" s="258">
        <v>61</v>
      </c>
      <c r="AT29" s="263">
        <v>99</v>
      </c>
      <c r="AU29" s="257">
        <v>0</v>
      </c>
      <c r="AV29" s="261">
        <v>0</v>
      </c>
      <c r="AW29" s="258">
        <v>0</v>
      </c>
      <c r="AX29" s="260">
        <v>0</v>
      </c>
      <c r="AY29" s="261">
        <v>1033</v>
      </c>
      <c r="AZ29" s="261">
        <v>598</v>
      </c>
      <c r="BA29" s="261">
        <v>362</v>
      </c>
      <c r="BB29" s="261">
        <v>286</v>
      </c>
      <c r="BC29" s="261">
        <v>148</v>
      </c>
      <c r="BD29" s="262">
        <v>2427</v>
      </c>
      <c r="BE29" s="263">
        <v>2427</v>
      </c>
      <c r="BF29" s="257">
        <v>0</v>
      </c>
      <c r="BG29" s="261">
        <v>0</v>
      </c>
      <c r="BH29" s="258">
        <v>0</v>
      </c>
      <c r="BI29" s="260">
        <v>0</v>
      </c>
      <c r="BJ29" s="261">
        <v>151</v>
      </c>
      <c r="BK29" s="261">
        <v>228</v>
      </c>
      <c r="BL29" s="261">
        <v>96</v>
      </c>
      <c r="BM29" s="261">
        <v>19</v>
      </c>
      <c r="BN29" s="261">
        <v>36</v>
      </c>
      <c r="BO29" s="258">
        <v>530</v>
      </c>
      <c r="BP29" s="263">
        <v>530</v>
      </c>
      <c r="BQ29" s="257">
        <v>4</v>
      </c>
      <c r="BR29" s="261">
        <v>0</v>
      </c>
      <c r="BS29" s="258">
        <v>4</v>
      </c>
      <c r="BT29" s="260">
        <v>0</v>
      </c>
      <c r="BU29" s="261">
        <v>43</v>
      </c>
      <c r="BV29" s="261">
        <v>129</v>
      </c>
      <c r="BW29" s="261">
        <v>108</v>
      </c>
      <c r="BX29" s="261">
        <v>176</v>
      </c>
      <c r="BY29" s="261">
        <v>71</v>
      </c>
      <c r="BZ29" s="258">
        <v>527</v>
      </c>
      <c r="CA29" s="263">
        <v>531</v>
      </c>
      <c r="CB29" s="257">
        <v>4</v>
      </c>
      <c r="CC29" s="261">
        <v>0</v>
      </c>
      <c r="CD29" s="258">
        <v>4</v>
      </c>
      <c r="CE29" s="260">
        <v>0</v>
      </c>
      <c r="CF29" s="261">
        <v>8</v>
      </c>
      <c r="CG29" s="261">
        <v>2</v>
      </c>
      <c r="CH29" s="261">
        <v>6</v>
      </c>
      <c r="CI29" s="261">
        <v>15</v>
      </c>
      <c r="CJ29" s="261">
        <v>13</v>
      </c>
      <c r="CK29" s="258">
        <v>44</v>
      </c>
      <c r="CL29" s="263">
        <v>48</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68" t="s">
        <v>28</v>
      </c>
      <c r="C30" s="257">
        <v>0</v>
      </c>
      <c r="D30" s="261">
        <v>0</v>
      </c>
      <c r="E30" s="356">
        <v>0</v>
      </c>
      <c r="F30" s="260">
        <v>0</v>
      </c>
      <c r="G30" s="261">
        <v>91</v>
      </c>
      <c r="H30" s="261">
        <v>249</v>
      </c>
      <c r="I30" s="261">
        <v>291</v>
      </c>
      <c r="J30" s="261">
        <v>262</v>
      </c>
      <c r="K30" s="261">
        <v>215</v>
      </c>
      <c r="L30" s="262">
        <v>1108</v>
      </c>
      <c r="M30" s="263">
        <v>1108</v>
      </c>
      <c r="N30" s="257">
        <v>0</v>
      </c>
      <c r="O30" s="261">
        <v>0</v>
      </c>
      <c r="P30" s="258">
        <v>0</v>
      </c>
      <c r="Q30" s="260">
        <v>0</v>
      </c>
      <c r="R30" s="261">
        <v>0</v>
      </c>
      <c r="S30" s="261">
        <v>0</v>
      </c>
      <c r="T30" s="261">
        <v>10</v>
      </c>
      <c r="U30" s="261">
        <v>13</v>
      </c>
      <c r="V30" s="261">
        <v>17</v>
      </c>
      <c r="W30" s="258">
        <v>40</v>
      </c>
      <c r="X30" s="263">
        <v>40</v>
      </c>
      <c r="Y30" s="257">
        <v>4</v>
      </c>
      <c r="Z30" s="261">
        <v>18</v>
      </c>
      <c r="AA30" s="258">
        <v>22</v>
      </c>
      <c r="AB30" s="260">
        <v>0</v>
      </c>
      <c r="AC30" s="261">
        <v>69</v>
      </c>
      <c r="AD30" s="261">
        <v>98</v>
      </c>
      <c r="AE30" s="261">
        <v>58</v>
      </c>
      <c r="AF30" s="261">
        <v>83</v>
      </c>
      <c r="AG30" s="261">
        <v>45</v>
      </c>
      <c r="AH30" s="258">
        <v>353</v>
      </c>
      <c r="AI30" s="263">
        <v>375</v>
      </c>
      <c r="AJ30" s="257">
        <v>0</v>
      </c>
      <c r="AK30" s="261">
        <v>0</v>
      </c>
      <c r="AL30" s="258">
        <v>0</v>
      </c>
      <c r="AM30" s="260">
        <v>0</v>
      </c>
      <c r="AN30" s="261">
        <v>6</v>
      </c>
      <c r="AO30" s="261">
        <v>21</v>
      </c>
      <c r="AP30" s="261">
        <v>0</v>
      </c>
      <c r="AQ30" s="261">
        <v>15</v>
      </c>
      <c r="AR30" s="261">
        <v>14</v>
      </c>
      <c r="AS30" s="258">
        <v>56</v>
      </c>
      <c r="AT30" s="263">
        <v>56</v>
      </c>
      <c r="AU30" s="257">
        <v>0</v>
      </c>
      <c r="AV30" s="261">
        <v>0</v>
      </c>
      <c r="AW30" s="258">
        <v>0</v>
      </c>
      <c r="AX30" s="260">
        <v>0</v>
      </c>
      <c r="AY30" s="261">
        <v>235</v>
      </c>
      <c r="AZ30" s="261">
        <v>338</v>
      </c>
      <c r="BA30" s="261">
        <v>175</v>
      </c>
      <c r="BB30" s="261">
        <v>132</v>
      </c>
      <c r="BC30" s="261">
        <v>62</v>
      </c>
      <c r="BD30" s="262">
        <v>942</v>
      </c>
      <c r="BE30" s="263">
        <v>942</v>
      </c>
      <c r="BF30" s="257">
        <v>0</v>
      </c>
      <c r="BG30" s="261">
        <v>0</v>
      </c>
      <c r="BH30" s="258">
        <v>0</v>
      </c>
      <c r="BI30" s="260">
        <v>0</v>
      </c>
      <c r="BJ30" s="261">
        <v>51</v>
      </c>
      <c r="BK30" s="261">
        <v>124</v>
      </c>
      <c r="BL30" s="261">
        <v>73</v>
      </c>
      <c r="BM30" s="261">
        <v>47</v>
      </c>
      <c r="BN30" s="261">
        <v>29</v>
      </c>
      <c r="BO30" s="258">
        <v>324</v>
      </c>
      <c r="BP30" s="263">
        <v>324</v>
      </c>
      <c r="BQ30" s="257">
        <v>0</v>
      </c>
      <c r="BR30" s="261">
        <v>4</v>
      </c>
      <c r="BS30" s="258">
        <v>4</v>
      </c>
      <c r="BT30" s="260">
        <v>0</v>
      </c>
      <c r="BU30" s="261">
        <v>17</v>
      </c>
      <c r="BV30" s="261">
        <v>71</v>
      </c>
      <c r="BW30" s="261">
        <v>48</v>
      </c>
      <c r="BX30" s="261">
        <v>35</v>
      </c>
      <c r="BY30" s="261">
        <v>26</v>
      </c>
      <c r="BZ30" s="258">
        <v>197</v>
      </c>
      <c r="CA30" s="263">
        <v>201</v>
      </c>
      <c r="CB30" s="257">
        <v>0</v>
      </c>
      <c r="CC30" s="261">
        <v>0</v>
      </c>
      <c r="CD30" s="258">
        <v>0</v>
      </c>
      <c r="CE30" s="260">
        <v>0</v>
      </c>
      <c r="CF30" s="261">
        <v>4</v>
      </c>
      <c r="CG30" s="261">
        <v>8</v>
      </c>
      <c r="CH30" s="261">
        <v>21</v>
      </c>
      <c r="CI30" s="261">
        <v>0</v>
      </c>
      <c r="CJ30" s="261">
        <v>0</v>
      </c>
      <c r="CK30" s="258">
        <v>33</v>
      </c>
      <c r="CL30" s="263">
        <v>33</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68" t="s">
        <v>29</v>
      </c>
      <c r="C31" s="257">
        <v>0</v>
      </c>
      <c r="D31" s="261">
        <v>0</v>
      </c>
      <c r="E31" s="356">
        <v>0</v>
      </c>
      <c r="F31" s="260">
        <v>0</v>
      </c>
      <c r="G31" s="261">
        <v>301</v>
      </c>
      <c r="H31" s="261">
        <v>324</v>
      </c>
      <c r="I31" s="261">
        <v>550</v>
      </c>
      <c r="J31" s="261">
        <v>465</v>
      </c>
      <c r="K31" s="261">
        <v>568</v>
      </c>
      <c r="L31" s="262">
        <v>2208</v>
      </c>
      <c r="M31" s="263">
        <v>2208</v>
      </c>
      <c r="N31" s="257">
        <v>0</v>
      </c>
      <c r="O31" s="261">
        <v>0</v>
      </c>
      <c r="P31" s="258">
        <v>0</v>
      </c>
      <c r="Q31" s="260">
        <v>0</v>
      </c>
      <c r="R31" s="261">
        <v>0</v>
      </c>
      <c r="S31" s="261">
        <v>0</v>
      </c>
      <c r="T31" s="261">
        <v>4</v>
      </c>
      <c r="U31" s="261">
        <v>16</v>
      </c>
      <c r="V31" s="261">
        <v>38</v>
      </c>
      <c r="W31" s="258">
        <v>58</v>
      </c>
      <c r="X31" s="263">
        <v>58</v>
      </c>
      <c r="Y31" s="257">
        <v>4</v>
      </c>
      <c r="Z31" s="261">
        <v>39</v>
      </c>
      <c r="AA31" s="258">
        <v>43</v>
      </c>
      <c r="AB31" s="260">
        <v>0</v>
      </c>
      <c r="AC31" s="261">
        <v>201</v>
      </c>
      <c r="AD31" s="261">
        <v>198</v>
      </c>
      <c r="AE31" s="261">
        <v>152</v>
      </c>
      <c r="AF31" s="261">
        <v>86</v>
      </c>
      <c r="AG31" s="261">
        <v>115</v>
      </c>
      <c r="AH31" s="258">
        <v>752</v>
      </c>
      <c r="AI31" s="263">
        <v>795</v>
      </c>
      <c r="AJ31" s="257">
        <v>0</v>
      </c>
      <c r="AK31" s="261">
        <v>12</v>
      </c>
      <c r="AL31" s="258">
        <v>12</v>
      </c>
      <c r="AM31" s="260">
        <v>0</v>
      </c>
      <c r="AN31" s="261">
        <v>22</v>
      </c>
      <c r="AO31" s="261">
        <v>12</v>
      </c>
      <c r="AP31" s="261">
        <v>30</v>
      </c>
      <c r="AQ31" s="261">
        <v>25</v>
      </c>
      <c r="AR31" s="261">
        <v>0</v>
      </c>
      <c r="AS31" s="258">
        <v>89</v>
      </c>
      <c r="AT31" s="263">
        <v>101</v>
      </c>
      <c r="AU31" s="257">
        <v>0</v>
      </c>
      <c r="AV31" s="261">
        <v>0</v>
      </c>
      <c r="AW31" s="258">
        <v>0</v>
      </c>
      <c r="AX31" s="260">
        <v>0</v>
      </c>
      <c r="AY31" s="261">
        <v>258</v>
      </c>
      <c r="AZ31" s="261">
        <v>449</v>
      </c>
      <c r="BA31" s="261">
        <v>347</v>
      </c>
      <c r="BB31" s="261">
        <v>176</v>
      </c>
      <c r="BC31" s="261">
        <v>68</v>
      </c>
      <c r="BD31" s="262">
        <v>1298</v>
      </c>
      <c r="BE31" s="263">
        <v>1298</v>
      </c>
      <c r="BF31" s="257">
        <v>0</v>
      </c>
      <c r="BG31" s="261">
        <v>0</v>
      </c>
      <c r="BH31" s="258">
        <v>0</v>
      </c>
      <c r="BI31" s="260">
        <v>0</v>
      </c>
      <c r="BJ31" s="261">
        <v>125</v>
      </c>
      <c r="BK31" s="261">
        <v>68</v>
      </c>
      <c r="BL31" s="261">
        <v>98</v>
      </c>
      <c r="BM31" s="261">
        <v>10</v>
      </c>
      <c r="BN31" s="261">
        <v>0</v>
      </c>
      <c r="BO31" s="258">
        <v>301</v>
      </c>
      <c r="BP31" s="263">
        <v>301</v>
      </c>
      <c r="BQ31" s="257">
        <v>3</v>
      </c>
      <c r="BR31" s="261">
        <v>0</v>
      </c>
      <c r="BS31" s="258">
        <v>3</v>
      </c>
      <c r="BT31" s="260">
        <v>0</v>
      </c>
      <c r="BU31" s="261">
        <v>50</v>
      </c>
      <c r="BV31" s="261">
        <v>36</v>
      </c>
      <c r="BW31" s="261">
        <v>90</v>
      </c>
      <c r="BX31" s="261">
        <v>48</v>
      </c>
      <c r="BY31" s="261">
        <v>36</v>
      </c>
      <c r="BZ31" s="258">
        <v>260</v>
      </c>
      <c r="CA31" s="263">
        <v>263</v>
      </c>
      <c r="CB31" s="257">
        <v>0</v>
      </c>
      <c r="CC31" s="261">
        <v>0</v>
      </c>
      <c r="CD31" s="258">
        <v>0</v>
      </c>
      <c r="CE31" s="260">
        <v>0</v>
      </c>
      <c r="CF31" s="261">
        <v>4</v>
      </c>
      <c r="CG31" s="261">
        <v>9</v>
      </c>
      <c r="CH31" s="261">
        <v>9</v>
      </c>
      <c r="CI31" s="261">
        <v>19</v>
      </c>
      <c r="CJ31" s="261">
        <v>0</v>
      </c>
      <c r="CK31" s="258">
        <v>41</v>
      </c>
      <c r="CL31" s="263">
        <v>41</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68" t="s">
        <v>30</v>
      </c>
      <c r="C32" s="257">
        <v>0</v>
      </c>
      <c r="D32" s="261">
        <v>0</v>
      </c>
      <c r="E32" s="356">
        <v>0</v>
      </c>
      <c r="F32" s="260">
        <v>0</v>
      </c>
      <c r="G32" s="261">
        <v>191</v>
      </c>
      <c r="H32" s="261">
        <v>354</v>
      </c>
      <c r="I32" s="261">
        <v>569</v>
      </c>
      <c r="J32" s="261">
        <v>1067</v>
      </c>
      <c r="K32" s="261">
        <v>365</v>
      </c>
      <c r="L32" s="262">
        <v>2546</v>
      </c>
      <c r="M32" s="263">
        <v>2546</v>
      </c>
      <c r="N32" s="257">
        <v>0</v>
      </c>
      <c r="O32" s="261">
        <v>0</v>
      </c>
      <c r="P32" s="258">
        <v>0</v>
      </c>
      <c r="Q32" s="260">
        <v>0</v>
      </c>
      <c r="R32" s="261">
        <v>9</v>
      </c>
      <c r="S32" s="261">
        <v>0</v>
      </c>
      <c r="T32" s="261">
        <v>18</v>
      </c>
      <c r="U32" s="261">
        <v>36</v>
      </c>
      <c r="V32" s="261">
        <v>15</v>
      </c>
      <c r="W32" s="258">
        <v>78</v>
      </c>
      <c r="X32" s="263">
        <v>78</v>
      </c>
      <c r="Y32" s="257">
        <v>14</v>
      </c>
      <c r="Z32" s="261">
        <v>47</v>
      </c>
      <c r="AA32" s="258">
        <v>61</v>
      </c>
      <c r="AB32" s="260">
        <v>0</v>
      </c>
      <c r="AC32" s="261">
        <v>260</v>
      </c>
      <c r="AD32" s="261">
        <v>134</v>
      </c>
      <c r="AE32" s="261">
        <v>159</v>
      </c>
      <c r="AF32" s="261">
        <v>145</v>
      </c>
      <c r="AG32" s="261">
        <v>25</v>
      </c>
      <c r="AH32" s="258">
        <v>723</v>
      </c>
      <c r="AI32" s="263">
        <v>784</v>
      </c>
      <c r="AJ32" s="257">
        <v>0</v>
      </c>
      <c r="AK32" s="261">
        <v>3</v>
      </c>
      <c r="AL32" s="258">
        <v>3</v>
      </c>
      <c r="AM32" s="260">
        <v>0</v>
      </c>
      <c r="AN32" s="261">
        <v>12</v>
      </c>
      <c r="AO32" s="261">
        <v>20</v>
      </c>
      <c r="AP32" s="261">
        <v>30</v>
      </c>
      <c r="AQ32" s="261">
        <v>27</v>
      </c>
      <c r="AR32" s="261">
        <v>0</v>
      </c>
      <c r="AS32" s="258">
        <v>89</v>
      </c>
      <c r="AT32" s="263">
        <v>92</v>
      </c>
      <c r="AU32" s="257">
        <v>0</v>
      </c>
      <c r="AV32" s="261">
        <v>0</v>
      </c>
      <c r="AW32" s="258">
        <v>0</v>
      </c>
      <c r="AX32" s="260">
        <v>0</v>
      </c>
      <c r="AY32" s="261">
        <v>198</v>
      </c>
      <c r="AZ32" s="261">
        <v>192</v>
      </c>
      <c r="BA32" s="261">
        <v>162</v>
      </c>
      <c r="BB32" s="261">
        <v>79</v>
      </c>
      <c r="BC32" s="261">
        <v>13</v>
      </c>
      <c r="BD32" s="262">
        <v>644</v>
      </c>
      <c r="BE32" s="263">
        <v>644</v>
      </c>
      <c r="BF32" s="257">
        <v>0</v>
      </c>
      <c r="BG32" s="261">
        <v>0</v>
      </c>
      <c r="BH32" s="258">
        <v>0</v>
      </c>
      <c r="BI32" s="260">
        <v>0</v>
      </c>
      <c r="BJ32" s="261">
        <v>47</v>
      </c>
      <c r="BK32" s="261">
        <v>50</v>
      </c>
      <c r="BL32" s="261">
        <v>24</v>
      </c>
      <c r="BM32" s="261">
        <v>34</v>
      </c>
      <c r="BN32" s="261">
        <v>9</v>
      </c>
      <c r="BO32" s="258">
        <v>164</v>
      </c>
      <c r="BP32" s="263">
        <v>164</v>
      </c>
      <c r="BQ32" s="257">
        <v>0</v>
      </c>
      <c r="BR32" s="261">
        <v>2</v>
      </c>
      <c r="BS32" s="258">
        <v>2</v>
      </c>
      <c r="BT32" s="260">
        <v>0</v>
      </c>
      <c r="BU32" s="261">
        <v>43</v>
      </c>
      <c r="BV32" s="261">
        <v>45</v>
      </c>
      <c r="BW32" s="261">
        <v>35</v>
      </c>
      <c r="BX32" s="261">
        <v>73</v>
      </c>
      <c r="BY32" s="261">
        <v>8</v>
      </c>
      <c r="BZ32" s="258">
        <v>204</v>
      </c>
      <c r="CA32" s="263">
        <v>206</v>
      </c>
      <c r="CB32" s="257">
        <v>9</v>
      </c>
      <c r="CC32" s="261">
        <v>0</v>
      </c>
      <c r="CD32" s="258">
        <v>9</v>
      </c>
      <c r="CE32" s="260">
        <v>0</v>
      </c>
      <c r="CF32" s="261">
        <v>4</v>
      </c>
      <c r="CG32" s="261">
        <v>5</v>
      </c>
      <c r="CH32" s="261">
        <v>38</v>
      </c>
      <c r="CI32" s="261">
        <v>14</v>
      </c>
      <c r="CJ32" s="261">
        <v>4</v>
      </c>
      <c r="CK32" s="258">
        <v>65</v>
      </c>
      <c r="CL32" s="263">
        <v>74</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68" t="s">
        <v>31</v>
      </c>
      <c r="C33" s="257">
        <v>0</v>
      </c>
      <c r="D33" s="261">
        <v>0</v>
      </c>
      <c r="E33" s="356">
        <v>0</v>
      </c>
      <c r="F33" s="260">
        <v>0</v>
      </c>
      <c r="G33" s="261">
        <v>181</v>
      </c>
      <c r="H33" s="261">
        <v>62</v>
      </c>
      <c r="I33" s="261">
        <v>305</v>
      </c>
      <c r="J33" s="261">
        <v>139</v>
      </c>
      <c r="K33" s="261">
        <v>202</v>
      </c>
      <c r="L33" s="262">
        <v>889</v>
      </c>
      <c r="M33" s="263">
        <v>889</v>
      </c>
      <c r="N33" s="257">
        <v>0</v>
      </c>
      <c r="O33" s="261">
        <v>0</v>
      </c>
      <c r="P33" s="258">
        <v>0</v>
      </c>
      <c r="Q33" s="260">
        <v>0</v>
      </c>
      <c r="R33" s="261">
        <v>7</v>
      </c>
      <c r="S33" s="261">
        <v>2</v>
      </c>
      <c r="T33" s="261">
        <v>15</v>
      </c>
      <c r="U33" s="261">
        <v>32</v>
      </c>
      <c r="V33" s="261">
        <v>15</v>
      </c>
      <c r="W33" s="258">
        <v>71</v>
      </c>
      <c r="X33" s="263">
        <v>71</v>
      </c>
      <c r="Y33" s="257">
        <v>14</v>
      </c>
      <c r="Z33" s="261">
        <v>32</v>
      </c>
      <c r="AA33" s="258">
        <v>46</v>
      </c>
      <c r="AB33" s="260">
        <v>0</v>
      </c>
      <c r="AC33" s="261">
        <v>118</v>
      </c>
      <c r="AD33" s="261">
        <v>67</v>
      </c>
      <c r="AE33" s="261">
        <v>106</v>
      </c>
      <c r="AF33" s="261">
        <v>118</v>
      </c>
      <c r="AG33" s="261">
        <v>76</v>
      </c>
      <c r="AH33" s="258">
        <v>485</v>
      </c>
      <c r="AI33" s="263">
        <v>531</v>
      </c>
      <c r="AJ33" s="257">
        <v>15</v>
      </c>
      <c r="AK33" s="261">
        <v>21</v>
      </c>
      <c r="AL33" s="258">
        <v>36</v>
      </c>
      <c r="AM33" s="260">
        <v>0</v>
      </c>
      <c r="AN33" s="261">
        <v>21</v>
      </c>
      <c r="AO33" s="261">
        <v>27</v>
      </c>
      <c r="AP33" s="261">
        <v>18</v>
      </c>
      <c r="AQ33" s="261">
        <v>12</v>
      </c>
      <c r="AR33" s="261">
        <v>0</v>
      </c>
      <c r="AS33" s="258">
        <v>78</v>
      </c>
      <c r="AT33" s="263">
        <v>114</v>
      </c>
      <c r="AU33" s="257">
        <v>0</v>
      </c>
      <c r="AV33" s="261">
        <v>0</v>
      </c>
      <c r="AW33" s="258">
        <v>0</v>
      </c>
      <c r="AX33" s="260">
        <v>0</v>
      </c>
      <c r="AY33" s="261">
        <v>265</v>
      </c>
      <c r="AZ33" s="261">
        <v>256</v>
      </c>
      <c r="BA33" s="261">
        <v>83</v>
      </c>
      <c r="BB33" s="261">
        <v>68</v>
      </c>
      <c r="BC33" s="261">
        <v>48</v>
      </c>
      <c r="BD33" s="262">
        <v>720</v>
      </c>
      <c r="BE33" s="263">
        <v>720</v>
      </c>
      <c r="BF33" s="257">
        <v>0</v>
      </c>
      <c r="BG33" s="261">
        <v>0</v>
      </c>
      <c r="BH33" s="258">
        <v>0</v>
      </c>
      <c r="BI33" s="260">
        <v>0</v>
      </c>
      <c r="BJ33" s="261">
        <v>28</v>
      </c>
      <c r="BK33" s="261">
        <v>46</v>
      </c>
      <c r="BL33" s="261">
        <v>68</v>
      </c>
      <c r="BM33" s="261">
        <v>1</v>
      </c>
      <c r="BN33" s="261">
        <v>8</v>
      </c>
      <c r="BO33" s="258">
        <v>151</v>
      </c>
      <c r="BP33" s="263">
        <v>151</v>
      </c>
      <c r="BQ33" s="257">
        <v>0</v>
      </c>
      <c r="BR33" s="261">
        <v>7</v>
      </c>
      <c r="BS33" s="258">
        <v>7</v>
      </c>
      <c r="BT33" s="260">
        <v>0</v>
      </c>
      <c r="BU33" s="261">
        <v>6</v>
      </c>
      <c r="BV33" s="261">
        <v>29</v>
      </c>
      <c r="BW33" s="261">
        <v>85</v>
      </c>
      <c r="BX33" s="261">
        <v>154</v>
      </c>
      <c r="BY33" s="261">
        <v>17</v>
      </c>
      <c r="BZ33" s="258">
        <v>291</v>
      </c>
      <c r="CA33" s="263">
        <v>298</v>
      </c>
      <c r="CB33" s="257">
        <v>0</v>
      </c>
      <c r="CC33" s="261">
        <v>0</v>
      </c>
      <c r="CD33" s="258">
        <v>0</v>
      </c>
      <c r="CE33" s="260">
        <v>0</v>
      </c>
      <c r="CF33" s="261">
        <v>4</v>
      </c>
      <c r="CG33" s="261">
        <v>4</v>
      </c>
      <c r="CH33" s="261">
        <v>0</v>
      </c>
      <c r="CI33" s="261">
        <v>0</v>
      </c>
      <c r="CJ33" s="261">
        <v>8</v>
      </c>
      <c r="CK33" s="258">
        <v>16</v>
      </c>
      <c r="CL33" s="263">
        <v>16</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68" t="s">
        <v>32</v>
      </c>
      <c r="C34" s="257">
        <v>0</v>
      </c>
      <c r="D34" s="261">
        <v>0</v>
      </c>
      <c r="E34" s="356">
        <v>0</v>
      </c>
      <c r="F34" s="260">
        <v>0</v>
      </c>
      <c r="G34" s="261">
        <v>326</v>
      </c>
      <c r="H34" s="261">
        <v>246</v>
      </c>
      <c r="I34" s="261">
        <v>710</v>
      </c>
      <c r="J34" s="261">
        <v>276</v>
      </c>
      <c r="K34" s="261">
        <v>461</v>
      </c>
      <c r="L34" s="262">
        <v>2019</v>
      </c>
      <c r="M34" s="263">
        <v>2019</v>
      </c>
      <c r="N34" s="257">
        <v>0</v>
      </c>
      <c r="O34" s="261">
        <v>0</v>
      </c>
      <c r="P34" s="258">
        <v>0</v>
      </c>
      <c r="Q34" s="260">
        <v>0</v>
      </c>
      <c r="R34" s="261">
        <v>0</v>
      </c>
      <c r="S34" s="261">
        <v>0</v>
      </c>
      <c r="T34" s="261">
        <v>3</v>
      </c>
      <c r="U34" s="261">
        <v>17</v>
      </c>
      <c r="V34" s="261">
        <v>33</v>
      </c>
      <c r="W34" s="258">
        <v>53</v>
      </c>
      <c r="X34" s="263">
        <v>53</v>
      </c>
      <c r="Y34" s="257">
        <v>12</v>
      </c>
      <c r="Z34" s="261">
        <v>39</v>
      </c>
      <c r="AA34" s="258">
        <v>51</v>
      </c>
      <c r="AB34" s="260">
        <v>0</v>
      </c>
      <c r="AC34" s="261">
        <v>258</v>
      </c>
      <c r="AD34" s="261">
        <v>212</v>
      </c>
      <c r="AE34" s="261">
        <v>101</v>
      </c>
      <c r="AF34" s="261">
        <v>96</v>
      </c>
      <c r="AG34" s="261">
        <v>53</v>
      </c>
      <c r="AH34" s="258">
        <v>720</v>
      </c>
      <c r="AI34" s="263">
        <v>771</v>
      </c>
      <c r="AJ34" s="257">
        <v>0</v>
      </c>
      <c r="AK34" s="261">
        <v>9</v>
      </c>
      <c r="AL34" s="258">
        <v>9</v>
      </c>
      <c r="AM34" s="260">
        <v>0</v>
      </c>
      <c r="AN34" s="261">
        <v>44</v>
      </c>
      <c r="AO34" s="261">
        <v>27</v>
      </c>
      <c r="AP34" s="261">
        <v>0</v>
      </c>
      <c r="AQ34" s="261">
        <v>18</v>
      </c>
      <c r="AR34" s="261">
        <v>24</v>
      </c>
      <c r="AS34" s="258">
        <v>113</v>
      </c>
      <c r="AT34" s="263">
        <v>122</v>
      </c>
      <c r="AU34" s="257">
        <v>0</v>
      </c>
      <c r="AV34" s="261">
        <v>0</v>
      </c>
      <c r="AW34" s="258">
        <v>0</v>
      </c>
      <c r="AX34" s="260">
        <v>0</v>
      </c>
      <c r="AY34" s="261">
        <v>529</v>
      </c>
      <c r="AZ34" s="261">
        <v>583</v>
      </c>
      <c r="BA34" s="261">
        <v>276</v>
      </c>
      <c r="BB34" s="261">
        <v>184</v>
      </c>
      <c r="BC34" s="261">
        <v>22</v>
      </c>
      <c r="BD34" s="262">
        <v>1594</v>
      </c>
      <c r="BE34" s="263">
        <v>1594</v>
      </c>
      <c r="BF34" s="257">
        <v>0</v>
      </c>
      <c r="BG34" s="261">
        <v>0</v>
      </c>
      <c r="BH34" s="258">
        <v>0</v>
      </c>
      <c r="BI34" s="260">
        <v>0</v>
      </c>
      <c r="BJ34" s="261">
        <v>67</v>
      </c>
      <c r="BK34" s="261">
        <v>111</v>
      </c>
      <c r="BL34" s="261">
        <v>25</v>
      </c>
      <c r="BM34" s="261">
        <v>60</v>
      </c>
      <c r="BN34" s="261">
        <v>23</v>
      </c>
      <c r="BO34" s="258">
        <v>286</v>
      </c>
      <c r="BP34" s="263">
        <v>286</v>
      </c>
      <c r="BQ34" s="257">
        <v>0</v>
      </c>
      <c r="BR34" s="261">
        <v>9</v>
      </c>
      <c r="BS34" s="258">
        <v>9</v>
      </c>
      <c r="BT34" s="260">
        <v>0</v>
      </c>
      <c r="BU34" s="261">
        <v>22</v>
      </c>
      <c r="BV34" s="261">
        <v>41</v>
      </c>
      <c r="BW34" s="261">
        <v>52</v>
      </c>
      <c r="BX34" s="261">
        <v>9</v>
      </c>
      <c r="BY34" s="261">
        <v>38</v>
      </c>
      <c r="BZ34" s="258">
        <v>162</v>
      </c>
      <c r="CA34" s="263">
        <v>171</v>
      </c>
      <c r="CB34" s="257">
        <v>0</v>
      </c>
      <c r="CC34" s="261">
        <v>0</v>
      </c>
      <c r="CD34" s="258">
        <v>0</v>
      </c>
      <c r="CE34" s="260">
        <v>0</v>
      </c>
      <c r="CF34" s="261">
        <v>2</v>
      </c>
      <c r="CG34" s="261">
        <v>19</v>
      </c>
      <c r="CH34" s="261">
        <v>0</v>
      </c>
      <c r="CI34" s="261">
        <v>15</v>
      </c>
      <c r="CJ34" s="261">
        <v>28</v>
      </c>
      <c r="CK34" s="258">
        <v>64</v>
      </c>
      <c r="CL34" s="263">
        <v>64</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68" t="s">
        <v>33</v>
      </c>
      <c r="C35" s="257">
        <v>0</v>
      </c>
      <c r="D35" s="261">
        <v>0</v>
      </c>
      <c r="E35" s="356">
        <v>0</v>
      </c>
      <c r="F35" s="260">
        <v>0</v>
      </c>
      <c r="G35" s="261">
        <v>196</v>
      </c>
      <c r="H35" s="261">
        <v>247</v>
      </c>
      <c r="I35" s="261">
        <v>333</v>
      </c>
      <c r="J35" s="261">
        <v>1052</v>
      </c>
      <c r="K35" s="261">
        <v>476</v>
      </c>
      <c r="L35" s="262">
        <v>2304</v>
      </c>
      <c r="M35" s="263">
        <v>2304</v>
      </c>
      <c r="N35" s="257">
        <v>0</v>
      </c>
      <c r="O35" s="261">
        <v>0</v>
      </c>
      <c r="P35" s="258">
        <v>0</v>
      </c>
      <c r="Q35" s="260">
        <v>0</v>
      </c>
      <c r="R35" s="261">
        <v>10</v>
      </c>
      <c r="S35" s="261">
        <v>2</v>
      </c>
      <c r="T35" s="261">
        <v>5</v>
      </c>
      <c r="U35" s="261">
        <v>8</v>
      </c>
      <c r="V35" s="261">
        <v>23</v>
      </c>
      <c r="W35" s="258">
        <v>48</v>
      </c>
      <c r="X35" s="263">
        <v>48</v>
      </c>
      <c r="Y35" s="257">
        <v>0</v>
      </c>
      <c r="Z35" s="261">
        <v>16</v>
      </c>
      <c r="AA35" s="258">
        <v>16</v>
      </c>
      <c r="AB35" s="260">
        <v>0</v>
      </c>
      <c r="AC35" s="261">
        <v>129</v>
      </c>
      <c r="AD35" s="261">
        <v>56</v>
      </c>
      <c r="AE35" s="261">
        <v>31</v>
      </c>
      <c r="AF35" s="261">
        <v>34</v>
      </c>
      <c r="AG35" s="261">
        <v>17</v>
      </c>
      <c r="AH35" s="258">
        <v>267</v>
      </c>
      <c r="AI35" s="263">
        <v>283</v>
      </c>
      <c r="AJ35" s="257">
        <v>126</v>
      </c>
      <c r="AK35" s="261">
        <v>215</v>
      </c>
      <c r="AL35" s="258">
        <v>341</v>
      </c>
      <c r="AM35" s="260">
        <v>0</v>
      </c>
      <c r="AN35" s="261">
        <v>426</v>
      </c>
      <c r="AO35" s="261">
        <v>266</v>
      </c>
      <c r="AP35" s="261">
        <v>147</v>
      </c>
      <c r="AQ35" s="261">
        <v>91</v>
      </c>
      <c r="AR35" s="261">
        <v>30</v>
      </c>
      <c r="AS35" s="258">
        <v>960</v>
      </c>
      <c r="AT35" s="263">
        <v>1301</v>
      </c>
      <c r="AU35" s="257">
        <v>0</v>
      </c>
      <c r="AV35" s="261">
        <v>0</v>
      </c>
      <c r="AW35" s="258">
        <v>0</v>
      </c>
      <c r="AX35" s="260">
        <v>0</v>
      </c>
      <c r="AY35" s="261">
        <v>67</v>
      </c>
      <c r="AZ35" s="261">
        <v>101</v>
      </c>
      <c r="BA35" s="261">
        <v>51</v>
      </c>
      <c r="BB35" s="261">
        <v>22</v>
      </c>
      <c r="BC35" s="261">
        <v>78</v>
      </c>
      <c r="BD35" s="262">
        <v>319</v>
      </c>
      <c r="BE35" s="263">
        <v>319</v>
      </c>
      <c r="BF35" s="257">
        <v>0</v>
      </c>
      <c r="BG35" s="261">
        <v>0</v>
      </c>
      <c r="BH35" s="258">
        <v>0</v>
      </c>
      <c r="BI35" s="260">
        <v>0</v>
      </c>
      <c r="BJ35" s="261">
        <v>195</v>
      </c>
      <c r="BK35" s="261">
        <v>106</v>
      </c>
      <c r="BL35" s="261">
        <v>59</v>
      </c>
      <c r="BM35" s="261">
        <v>12</v>
      </c>
      <c r="BN35" s="261">
        <v>8</v>
      </c>
      <c r="BO35" s="258">
        <v>380</v>
      </c>
      <c r="BP35" s="263">
        <v>380</v>
      </c>
      <c r="BQ35" s="257">
        <v>0</v>
      </c>
      <c r="BR35" s="261">
        <v>0</v>
      </c>
      <c r="BS35" s="258">
        <v>0</v>
      </c>
      <c r="BT35" s="260">
        <v>0</v>
      </c>
      <c r="BU35" s="261">
        <v>0</v>
      </c>
      <c r="BV35" s="261">
        <v>37</v>
      </c>
      <c r="BW35" s="261">
        <v>150</v>
      </c>
      <c r="BX35" s="261">
        <v>29</v>
      </c>
      <c r="BY35" s="261">
        <v>0</v>
      </c>
      <c r="BZ35" s="258">
        <v>216</v>
      </c>
      <c r="CA35" s="263">
        <v>216</v>
      </c>
      <c r="CB35" s="257">
        <v>0</v>
      </c>
      <c r="CC35" s="261">
        <v>0</v>
      </c>
      <c r="CD35" s="258">
        <v>0</v>
      </c>
      <c r="CE35" s="260">
        <v>0</v>
      </c>
      <c r="CF35" s="261">
        <v>13</v>
      </c>
      <c r="CG35" s="261">
        <v>13</v>
      </c>
      <c r="CH35" s="261">
        <v>5</v>
      </c>
      <c r="CI35" s="261">
        <v>30</v>
      </c>
      <c r="CJ35" s="261">
        <v>6</v>
      </c>
      <c r="CK35" s="258">
        <v>67</v>
      </c>
      <c r="CL35" s="263">
        <v>67</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68" t="s">
        <v>34</v>
      </c>
      <c r="C36" s="257">
        <v>0</v>
      </c>
      <c r="D36" s="261">
        <v>0</v>
      </c>
      <c r="E36" s="356">
        <v>0</v>
      </c>
      <c r="F36" s="260">
        <v>0</v>
      </c>
      <c r="G36" s="261">
        <v>173</v>
      </c>
      <c r="H36" s="261">
        <v>297</v>
      </c>
      <c r="I36" s="261">
        <v>97</v>
      </c>
      <c r="J36" s="261">
        <v>339</v>
      </c>
      <c r="K36" s="261">
        <v>185</v>
      </c>
      <c r="L36" s="262">
        <v>1091</v>
      </c>
      <c r="M36" s="263">
        <v>1091</v>
      </c>
      <c r="N36" s="257">
        <v>0</v>
      </c>
      <c r="O36" s="261">
        <v>0</v>
      </c>
      <c r="P36" s="258">
        <v>0</v>
      </c>
      <c r="Q36" s="260">
        <v>0</v>
      </c>
      <c r="R36" s="261">
        <v>0</v>
      </c>
      <c r="S36" s="261">
        <v>5</v>
      </c>
      <c r="T36" s="261">
        <v>3</v>
      </c>
      <c r="U36" s="261">
        <v>5</v>
      </c>
      <c r="V36" s="261">
        <v>33</v>
      </c>
      <c r="W36" s="258">
        <v>46</v>
      </c>
      <c r="X36" s="263">
        <v>46</v>
      </c>
      <c r="Y36" s="257">
        <v>0</v>
      </c>
      <c r="Z36" s="261">
        <v>115</v>
      </c>
      <c r="AA36" s="258">
        <v>115</v>
      </c>
      <c r="AB36" s="260">
        <v>0</v>
      </c>
      <c r="AC36" s="261">
        <v>141</v>
      </c>
      <c r="AD36" s="261">
        <v>107</v>
      </c>
      <c r="AE36" s="261">
        <v>47</v>
      </c>
      <c r="AF36" s="261">
        <v>51</v>
      </c>
      <c r="AG36" s="261">
        <v>103</v>
      </c>
      <c r="AH36" s="258">
        <v>449</v>
      </c>
      <c r="AI36" s="263">
        <v>564</v>
      </c>
      <c r="AJ36" s="257">
        <v>0</v>
      </c>
      <c r="AK36" s="261">
        <v>11</v>
      </c>
      <c r="AL36" s="258">
        <v>11</v>
      </c>
      <c r="AM36" s="260">
        <v>0</v>
      </c>
      <c r="AN36" s="261">
        <v>79</v>
      </c>
      <c r="AO36" s="261">
        <v>28</v>
      </c>
      <c r="AP36" s="261">
        <v>8</v>
      </c>
      <c r="AQ36" s="261">
        <v>12</v>
      </c>
      <c r="AR36" s="261">
        <v>18</v>
      </c>
      <c r="AS36" s="258">
        <v>145</v>
      </c>
      <c r="AT36" s="263">
        <v>156</v>
      </c>
      <c r="AU36" s="257">
        <v>0</v>
      </c>
      <c r="AV36" s="261">
        <v>0</v>
      </c>
      <c r="AW36" s="258">
        <v>0</v>
      </c>
      <c r="AX36" s="260">
        <v>0</v>
      </c>
      <c r="AY36" s="261">
        <v>292</v>
      </c>
      <c r="AZ36" s="261">
        <v>210</v>
      </c>
      <c r="BA36" s="261">
        <v>180</v>
      </c>
      <c r="BB36" s="261">
        <v>140</v>
      </c>
      <c r="BC36" s="261">
        <v>0</v>
      </c>
      <c r="BD36" s="262">
        <v>822</v>
      </c>
      <c r="BE36" s="263">
        <v>822</v>
      </c>
      <c r="BF36" s="257">
        <v>0</v>
      </c>
      <c r="BG36" s="261">
        <v>0</v>
      </c>
      <c r="BH36" s="258">
        <v>0</v>
      </c>
      <c r="BI36" s="260">
        <v>0</v>
      </c>
      <c r="BJ36" s="261">
        <v>57</v>
      </c>
      <c r="BK36" s="261">
        <v>11</v>
      </c>
      <c r="BL36" s="261">
        <v>10</v>
      </c>
      <c r="BM36" s="261">
        <v>46</v>
      </c>
      <c r="BN36" s="261">
        <v>0</v>
      </c>
      <c r="BO36" s="258">
        <v>124</v>
      </c>
      <c r="BP36" s="263">
        <v>124</v>
      </c>
      <c r="BQ36" s="257">
        <v>0</v>
      </c>
      <c r="BR36" s="261">
        <v>0</v>
      </c>
      <c r="BS36" s="258">
        <v>0</v>
      </c>
      <c r="BT36" s="260">
        <v>0</v>
      </c>
      <c r="BU36" s="261">
        <v>14</v>
      </c>
      <c r="BV36" s="261">
        <v>8</v>
      </c>
      <c r="BW36" s="261">
        <v>49</v>
      </c>
      <c r="BX36" s="261">
        <v>58</v>
      </c>
      <c r="BY36" s="261">
        <v>25</v>
      </c>
      <c r="BZ36" s="258">
        <v>154</v>
      </c>
      <c r="CA36" s="263">
        <v>154</v>
      </c>
      <c r="CB36" s="257">
        <v>0</v>
      </c>
      <c r="CC36" s="261">
        <v>0</v>
      </c>
      <c r="CD36" s="258">
        <v>0</v>
      </c>
      <c r="CE36" s="260">
        <v>0</v>
      </c>
      <c r="CF36" s="261">
        <v>0</v>
      </c>
      <c r="CG36" s="261">
        <v>0</v>
      </c>
      <c r="CH36" s="261">
        <v>0</v>
      </c>
      <c r="CI36" s="261">
        <v>10</v>
      </c>
      <c r="CJ36" s="261">
        <v>9</v>
      </c>
      <c r="CK36" s="258">
        <v>19</v>
      </c>
      <c r="CL36" s="263">
        <v>19</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68" t="s">
        <v>35</v>
      </c>
      <c r="C37" s="257">
        <v>0</v>
      </c>
      <c r="D37" s="261">
        <v>0</v>
      </c>
      <c r="E37" s="356">
        <v>0</v>
      </c>
      <c r="F37" s="260">
        <v>0</v>
      </c>
      <c r="G37" s="261">
        <v>1316</v>
      </c>
      <c r="H37" s="261">
        <v>883</v>
      </c>
      <c r="I37" s="261">
        <v>1899</v>
      </c>
      <c r="J37" s="261">
        <v>1571</v>
      </c>
      <c r="K37" s="261">
        <v>1129</v>
      </c>
      <c r="L37" s="262">
        <v>6798</v>
      </c>
      <c r="M37" s="263">
        <v>6798</v>
      </c>
      <c r="N37" s="257">
        <v>0</v>
      </c>
      <c r="O37" s="261">
        <v>0</v>
      </c>
      <c r="P37" s="258">
        <v>0</v>
      </c>
      <c r="Q37" s="260">
        <v>0</v>
      </c>
      <c r="R37" s="261">
        <v>0</v>
      </c>
      <c r="S37" s="261">
        <v>21</v>
      </c>
      <c r="T37" s="261">
        <v>20</v>
      </c>
      <c r="U37" s="261">
        <v>68</v>
      </c>
      <c r="V37" s="261">
        <v>53</v>
      </c>
      <c r="W37" s="258">
        <v>162</v>
      </c>
      <c r="X37" s="263">
        <v>162</v>
      </c>
      <c r="Y37" s="257">
        <v>15</v>
      </c>
      <c r="Z37" s="261">
        <v>67</v>
      </c>
      <c r="AA37" s="258">
        <v>82</v>
      </c>
      <c r="AB37" s="260">
        <v>0</v>
      </c>
      <c r="AC37" s="261">
        <v>484</v>
      </c>
      <c r="AD37" s="261">
        <v>265</v>
      </c>
      <c r="AE37" s="261">
        <v>283</v>
      </c>
      <c r="AF37" s="261">
        <v>214</v>
      </c>
      <c r="AG37" s="261">
        <v>201</v>
      </c>
      <c r="AH37" s="258">
        <v>1447</v>
      </c>
      <c r="AI37" s="263">
        <v>1529</v>
      </c>
      <c r="AJ37" s="257">
        <v>36</v>
      </c>
      <c r="AK37" s="261">
        <v>131</v>
      </c>
      <c r="AL37" s="258">
        <v>167</v>
      </c>
      <c r="AM37" s="260">
        <v>0</v>
      </c>
      <c r="AN37" s="261">
        <v>385</v>
      </c>
      <c r="AO37" s="261">
        <v>200</v>
      </c>
      <c r="AP37" s="261">
        <v>115</v>
      </c>
      <c r="AQ37" s="261">
        <v>168</v>
      </c>
      <c r="AR37" s="261">
        <v>42</v>
      </c>
      <c r="AS37" s="258">
        <v>910</v>
      </c>
      <c r="AT37" s="263">
        <v>1077</v>
      </c>
      <c r="AU37" s="257">
        <v>0</v>
      </c>
      <c r="AV37" s="261">
        <v>0</v>
      </c>
      <c r="AW37" s="258">
        <v>0</v>
      </c>
      <c r="AX37" s="260">
        <v>0</v>
      </c>
      <c r="AY37" s="261">
        <v>1391</v>
      </c>
      <c r="AZ37" s="261">
        <v>886</v>
      </c>
      <c r="BA37" s="261">
        <v>698</v>
      </c>
      <c r="BB37" s="261">
        <v>406</v>
      </c>
      <c r="BC37" s="261">
        <v>263</v>
      </c>
      <c r="BD37" s="262">
        <v>3644</v>
      </c>
      <c r="BE37" s="263">
        <v>3644</v>
      </c>
      <c r="BF37" s="257">
        <v>0</v>
      </c>
      <c r="BG37" s="261">
        <v>0</v>
      </c>
      <c r="BH37" s="258">
        <v>0</v>
      </c>
      <c r="BI37" s="260">
        <v>0</v>
      </c>
      <c r="BJ37" s="261">
        <v>492</v>
      </c>
      <c r="BK37" s="261">
        <v>229</v>
      </c>
      <c r="BL37" s="261">
        <v>85</v>
      </c>
      <c r="BM37" s="261">
        <v>117</v>
      </c>
      <c r="BN37" s="261">
        <v>5</v>
      </c>
      <c r="BO37" s="258">
        <v>928</v>
      </c>
      <c r="BP37" s="263">
        <v>928</v>
      </c>
      <c r="BQ37" s="257">
        <v>3</v>
      </c>
      <c r="BR37" s="261">
        <v>0</v>
      </c>
      <c r="BS37" s="258">
        <v>3</v>
      </c>
      <c r="BT37" s="260">
        <v>0</v>
      </c>
      <c r="BU37" s="261">
        <v>72</v>
      </c>
      <c r="BV37" s="261">
        <v>51</v>
      </c>
      <c r="BW37" s="261">
        <v>122</v>
      </c>
      <c r="BX37" s="261">
        <v>129</v>
      </c>
      <c r="BY37" s="261">
        <v>14</v>
      </c>
      <c r="BZ37" s="258">
        <v>388</v>
      </c>
      <c r="CA37" s="263">
        <v>391</v>
      </c>
      <c r="CB37" s="257">
        <v>0</v>
      </c>
      <c r="CC37" s="261">
        <v>0</v>
      </c>
      <c r="CD37" s="258">
        <v>0</v>
      </c>
      <c r="CE37" s="260">
        <v>0</v>
      </c>
      <c r="CF37" s="261">
        <v>2</v>
      </c>
      <c r="CG37" s="261">
        <v>13</v>
      </c>
      <c r="CH37" s="261">
        <v>4</v>
      </c>
      <c r="CI37" s="261">
        <v>16</v>
      </c>
      <c r="CJ37" s="261">
        <v>9</v>
      </c>
      <c r="CK37" s="258">
        <v>44</v>
      </c>
      <c r="CL37" s="263">
        <v>44</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68" t="s">
        <v>36</v>
      </c>
      <c r="C38" s="257">
        <v>0</v>
      </c>
      <c r="D38" s="261">
        <v>0</v>
      </c>
      <c r="E38" s="356">
        <v>0</v>
      </c>
      <c r="F38" s="260">
        <v>0</v>
      </c>
      <c r="G38" s="261">
        <v>589</v>
      </c>
      <c r="H38" s="261">
        <v>1140</v>
      </c>
      <c r="I38" s="261">
        <v>1451</v>
      </c>
      <c r="J38" s="261">
        <v>1449</v>
      </c>
      <c r="K38" s="261">
        <v>2189</v>
      </c>
      <c r="L38" s="262">
        <v>6818</v>
      </c>
      <c r="M38" s="263">
        <v>6818</v>
      </c>
      <c r="N38" s="257">
        <v>0</v>
      </c>
      <c r="O38" s="261">
        <v>0</v>
      </c>
      <c r="P38" s="258">
        <v>0</v>
      </c>
      <c r="Q38" s="260">
        <v>0</v>
      </c>
      <c r="R38" s="261">
        <v>12</v>
      </c>
      <c r="S38" s="261">
        <v>41</v>
      </c>
      <c r="T38" s="261">
        <v>29</v>
      </c>
      <c r="U38" s="261">
        <v>50</v>
      </c>
      <c r="V38" s="261">
        <v>53</v>
      </c>
      <c r="W38" s="258">
        <v>185</v>
      </c>
      <c r="X38" s="263">
        <v>185</v>
      </c>
      <c r="Y38" s="257">
        <v>61</v>
      </c>
      <c r="Z38" s="261">
        <v>194</v>
      </c>
      <c r="AA38" s="258">
        <v>255</v>
      </c>
      <c r="AB38" s="260">
        <v>0</v>
      </c>
      <c r="AC38" s="261">
        <v>509</v>
      </c>
      <c r="AD38" s="261">
        <v>556</v>
      </c>
      <c r="AE38" s="261">
        <v>390</v>
      </c>
      <c r="AF38" s="261">
        <v>281</v>
      </c>
      <c r="AG38" s="261">
        <v>342</v>
      </c>
      <c r="AH38" s="258">
        <v>2078</v>
      </c>
      <c r="AI38" s="263">
        <v>2333</v>
      </c>
      <c r="AJ38" s="257">
        <v>20</v>
      </c>
      <c r="AK38" s="261">
        <v>120</v>
      </c>
      <c r="AL38" s="258">
        <v>140</v>
      </c>
      <c r="AM38" s="260">
        <v>0</v>
      </c>
      <c r="AN38" s="261">
        <v>245</v>
      </c>
      <c r="AO38" s="261">
        <v>187</v>
      </c>
      <c r="AP38" s="261">
        <v>46</v>
      </c>
      <c r="AQ38" s="261">
        <v>81</v>
      </c>
      <c r="AR38" s="261">
        <v>67</v>
      </c>
      <c r="AS38" s="258">
        <v>626</v>
      </c>
      <c r="AT38" s="263">
        <v>766</v>
      </c>
      <c r="AU38" s="257">
        <v>0</v>
      </c>
      <c r="AV38" s="261">
        <v>0</v>
      </c>
      <c r="AW38" s="258">
        <v>0</v>
      </c>
      <c r="AX38" s="260">
        <v>0</v>
      </c>
      <c r="AY38" s="261">
        <v>748</v>
      </c>
      <c r="AZ38" s="261">
        <v>984</v>
      </c>
      <c r="BA38" s="261">
        <v>428</v>
      </c>
      <c r="BB38" s="261">
        <v>281</v>
      </c>
      <c r="BC38" s="261">
        <v>118</v>
      </c>
      <c r="BD38" s="262">
        <v>2559</v>
      </c>
      <c r="BE38" s="263">
        <v>2559</v>
      </c>
      <c r="BF38" s="257">
        <v>0</v>
      </c>
      <c r="BG38" s="261">
        <v>0</v>
      </c>
      <c r="BH38" s="258">
        <v>0</v>
      </c>
      <c r="BI38" s="260">
        <v>0</v>
      </c>
      <c r="BJ38" s="261">
        <v>164</v>
      </c>
      <c r="BK38" s="261">
        <v>254</v>
      </c>
      <c r="BL38" s="261">
        <v>158</v>
      </c>
      <c r="BM38" s="261">
        <v>44</v>
      </c>
      <c r="BN38" s="261">
        <v>24</v>
      </c>
      <c r="BO38" s="258">
        <v>644</v>
      </c>
      <c r="BP38" s="263">
        <v>644</v>
      </c>
      <c r="BQ38" s="257">
        <v>0</v>
      </c>
      <c r="BR38" s="261">
        <v>5</v>
      </c>
      <c r="BS38" s="258">
        <v>5</v>
      </c>
      <c r="BT38" s="260">
        <v>0</v>
      </c>
      <c r="BU38" s="261">
        <v>82</v>
      </c>
      <c r="BV38" s="261">
        <v>157</v>
      </c>
      <c r="BW38" s="261">
        <v>275</v>
      </c>
      <c r="BX38" s="261">
        <v>301</v>
      </c>
      <c r="BY38" s="261">
        <v>104</v>
      </c>
      <c r="BZ38" s="258">
        <v>919</v>
      </c>
      <c r="CA38" s="263">
        <v>924</v>
      </c>
      <c r="CB38" s="257">
        <v>0</v>
      </c>
      <c r="CC38" s="261">
        <v>0</v>
      </c>
      <c r="CD38" s="258">
        <v>0</v>
      </c>
      <c r="CE38" s="260">
        <v>0</v>
      </c>
      <c r="CF38" s="261">
        <v>5</v>
      </c>
      <c r="CG38" s="261">
        <v>2</v>
      </c>
      <c r="CH38" s="261">
        <v>0</v>
      </c>
      <c r="CI38" s="261">
        <v>4</v>
      </c>
      <c r="CJ38" s="261">
        <v>0</v>
      </c>
      <c r="CK38" s="258">
        <v>11</v>
      </c>
      <c r="CL38" s="263">
        <v>11</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69" t="s">
        <v>37</v>
      </c>
      <c r="C39" s="264">
        <v>0</v>
      </c>
      <c r="D39" s="268">
        <v>0</v>
      </c>
      <c r="E39" s="357">
        <v>0</v>
      </c>
      <c r="F39" s="267">
        <v>0</v>
      </c>
      <c r="G39" s="268">
        <v>36</v>
      </c>
      <c r="H39" s="268">
        <v>45</v>
      </c>
      <c r="I39" s="268">
        <v>100</v>
      </c>
      <c r="J39" s="268">
        <v>69</v>
      </c>
      <c r="K39" s="268">
        <v>134</v>
      </c>
      <c r="L39" s="269">
        <v>384</v>
      </c>
      <c r="M39" s="270">
        <v>384</v>
      </c>
      <c r="N39" s="264">
        <v>0</v>
      </c>
      <c r="O39" s="268">
        <v>0</v>
      </c>
      <c r="P39" s="265">
        <v>0</v>
      </c>
      <c r="Q39" s="267">
        <v>0</v>
      </c>
      <c r="R39" s="268">
        <v>0</v>
      </c>
      <c r="S39" s="268">
        <v>0</v>
      </c>
      <c r="T39" s="268">
        <v>0</v>
      </c>
      <c r="U39" s="268">
        <v>0</v>
      </c>
      <c r="V39" s="268">
        <v>0</v>
      </c>
      <c r="W39" s="265">
        <v>0</v>
      </c>
      <c r="X39" s="270">
        <v>0</v>
      </c>
      <c r="Y39" s="264">
        <v>9</v>
      </c>
      <c r="Z39" s="268">
        <v>1</v>
      </c>
      <c r="AA39" s="265">
        <v>10</v>
      </c>
      <c r="AB39" s="267">
        <v>0</v>
      </c>
      <c r="AC39" s="268">
        <v>29</v>
      </c>
      <c r="AD39" s="268">
        <v>29</v>
      </c>
      <c r="AE39" s="268">
        <v>4</v>
      </c>
      <c r="AF39" s="268">
        <v>51</v>
      </c>
      <c r="AG39" s="268">
        <v>34</v>
      </c>
      <c r="AH39" s="265">
        <v>147</v>
      </c>
      <c r="AI39" s="270">
        <v>157</v>
      </c>
      <c r="AJ39" s="264">
        <v>0</v>
      </c>
      <c r="AK39" s="268">
        <v>0</v>
      </c>
      <c r="AL39" s="265">
        <v>0</v>
      </c>
      <c r="AM39" s="267">
        <v>0</v>
      </c>
      <c r="AN39" s="268">
        <v>0</v>
      </c>
      <c r="AO39" s="268">
        <v>6</v>
      </c>
      <c r="AP39" s="268">
        <v>0</v>
      </c>
      <c r="AQ39" s="268">
        <v>6</v>
      </c>
      <c r="AR39" s="268">
        <v>8</v>
      </c>
      <c r="AS39" s="265">
        <v>20</v>
      </c>
      <c r="AT39" s="270">
        <v>20</v>
      </c>
      <c r="AU39" s="264">
        <v>0</v>
      </c>
      <c r="AV39" s="268">
        <v>0</v>
      </c>
      <c r="AW39" s="265">
        <v>0</v>
      </c>
      <c r="AX39" s="267">
        <v>0</v>
      </c>
      <c r="AY39" s="268">
        <v>69</v>
      </c>
      <c r="AZ39" s="268">
        <v>53</v>
      </c>
      <c r="BA39" s="268">
        <v>93</v>
      </c>
      <c r="BB39" s="268">
        <v>46</v>
      </c>
      <c r="BC39" s="268">
        <v>8</v>
      </c>
      <c r="BD39" s="269">
        <v>269</v>
      </c>
      <c r="BE39" s="270">
        <v>269</v>
      </c>
      <c r="BF39" s="264">
        <v>0</v>
      </c>
      <c r="BG39" s="268">
        <v>0</v>
      </c>
      <c r="BH39" s="265">
        <v>0</v>
      </c>
      <c r="BI39" s="267">
        <v>0</v>
      </c>
      <c r="BJ39" s="268">
        <v>42</v>
      </c>
      <c r="BK39" s="268">
        <v>24</v>
      </c>
      <c r="BL39" s="268">
        <v>0</v>
      </c>
      <c r="BM39" s="268">
        <v>33</v>
      </c>
      <c r="BN39" s="268">
        <v>16</v>
      </c>
      <c r="BO39" s="265">
        <v>115</v>
      </c>
      <c r="BP39" s="270">
        <v>115</v>
      </c>
      <c r="BQ39" s="264">
        <v>0</v>
      </c>
      <c r="BR39" s="268">
        <v>0</v>
      </c>
      <c r="BS39" s="265">
        <v>0</v>
      </c>
      <c r="BT39" s="267">
        <v>0</v>
      </c>
      <c r="BU39" s="268">
        <v>4</v>
      </c>
      <c r="BV39" s="268">
        <v>9</v>
      </c>
      <c r="BW39" s="268">
        <v>18</v>
      </c>
      <c r="BX39" s="268">
        <v>17</v>
      </c>
      <c r="BY39" s="268">
        <v>0</v>
      </c>
      <c r="BZ39" s="265">
        <v>48</v>
      </c>
      <c r="CA39" s="270">
        <v>48</v>
      </c>
      <c r="CB39" s="264">
        <v>0</v>
      </c>
      <c r="CC39" s="268">
        <v>0</v>
      </c>
      <c r="CD39" s="265">
        <v>0</v>
      </c>
      <c r="CE39" s="267">
        <v>0</v>
      </c>
      <c r="CF39" s="268">
        <v>0</v>
      </c>
      <c r="CG39" s="268">
        <v>0</v>
      </c>
      <c r="CH39" s="268">
        <v>0</v>
      </c>
      <c r="CI39" s="268">
        <v>5</v>
      </c>
      <c r="CJ39" s="268">
        <v>4</v>
      </c>
      <c r="CK39" s="265">
        <v>9</v>
      </c>
      <c r="CL39" s="270">
        <v>9</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4-03-22T01:58:59Z</cp:lastPrinted>
  <dcterms:created xsi:type="dcterms:W3CDTF">2008-02-08T04:23:07Z</dcterms:created>
  <dcterms:modified xsi:type="dcterms:W3CDTF">2024-04-08T02:55:30Z</dcterms:modified>
</cp:coreProperties>
</file>